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207409\Desktop\KPCo WFH2020\Base Case\Testimony\Rebuttal\Draft Rebuttal Exhibits\"/>
    </mc:Choice>
  </mc:AlternateContent>
  <bookViews>
    <workbookView xWindow="0" yWindow="0" windowWidth="28800" windowHeight="11430"/>
  </bookViews>
  <sheets>
    <sheet name="Summary" sheetId="2" r:id="rId1"/>
    <sheet name="Energy Value" sheetId="1" r:id="rId2"/>
  </sheets>
  <definedNames>
    <definedName name="_xlnm.Print_Area" localSheetId="0">Summary!$A$1:$H$22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C16" i="2" l="1"/>
  <c r="C13" i="2"/>
  <c r="C12" i="2" l="1"/>
  <c r="C14" i="2" s="1"/>
  <c r="F8790" i="1"/>
  <c r="C10" i="2"/>
  <c r="C6" i="2"/>
  <c r="C7" i="2"/>
  <c r="C8790" i="1"/>
  <c r="D8790" i="1"/>
  <c r="E8790" i="1"/>
  <c r="E6" i="1"/>
  <c r="E7" i="1"/>
  <c r="E8" i="1"/>
  <c r="E9" i="1"/>
  <c r="E10" i="1"/>
  <c r="E11" i="1"/>
  <c r="E12" i="1"/>
  <c r="E13" i="1"/>
  <c r="E14" i="1"/>
  <c r="E15" i="1"/>
  <c r="E16" i="1"/>
  <c r="E17" i="1"/>
  <c r="E18" i="1"/>
  <c r="E19" i="1"/>
  <c r="E20" i="1"/>
  <c r="E21" i="1"/>
  <c r="E22" i="1"/>
  <c r="E23" i="1"/>
  <c r="E24" i="1"/>
  <c r="E25" i="1"/>
  <c r="E26" i="1"/>
  <c r="E27" i="1"/>
  <c r="E28" i="1"/>
  <c r="E29" i="1"/>
  <c r="E30" i="1"/>
  <c r="E31" i="1"/>
  <c r="E32" i="1"/>
  <c r="E33" i="1"/>
  <c r="E34" i="1"/>
  <c r="E35" i="1"/>
  <c r="E36" i="1"/>
  <c r="E37" i="1"/>
  <c r="E38" i="1"/>
  <c r="E39" i="1"/>
  <c r="E40" i="1"/>
  <c r="E41" i="1"/>
  <c r="E42" i="1"/>
  <c r="E43" i="1"/>
  <c r="E44" i="1"/>
  <c r="E45" i="1"/>
  <c r="E46" i="1"/>
  <c r="E47" i="1"/>
  <c r="E48" i="1"/>
  <c r="E49" i="1"/>
  <c r="E50" i="1"/>
  <c r="E51" i="1"/>
  <c r="E52" i="1"/>
  <c r="E53" i="1"/>
  <c r="E54" i="1"/>
  <c r="E55" i="1"/>
  <c r="E56" i="1"/>
  <c r="E57" i="1"/>
  <c r="E58" i="1"/>
  <c r="E59" i="1"/>
  <c r="E60" i="1"/>
  <c r="E61" i="1"/>
  <c r="E62" i="1"/>
  <c r="E63" i="1"/>
  <c r="E64" i="1"/>
  <c r="E65" i="1"/>
  <c r="E66" i="1"/>
  <c r="E67" i="1"/>
  <c r="E68" i="1"/>
  <c r="E69" i="1"/>
  <c r="E70" i="1"/>
  <c r="E71" i="1"/>
  <c r="E72" i="1"/>
  <c r="E73" i="1"/>
  <c r="E74" i="1"/>
  <c r="E75" i="1"/>
  <c r="E76" i="1"/>
  <c r="E77" i="1"/>
  <c r="E78" i="1"/>
  <c r="E79" i="1"/>
  <c r="E80" i="1"/>
  <c r="E81" i="1"/>
  <c r="E82" i="1"/>
  <c r="E83" i="1"/>
  <c r="E84" i="1"/>
  <c r="E85" i="1"/>
  <c r="E86" i="1"/>
  <c r="E87" i="1"/>
  <c r="E88" i="1"/>
  <c r="E89" i="1"/>
  <c r="E90" i="1"/>
  <c r="E91" i="1"/>
  <c r="E92" i="1"/>
  <c r="E93" i="1"/>
  <c r="E94" i="1"/>
  <c r="E95" i="1"/>
  <c r="E96" i="1"/>
  <c r="E97" i="1"/>
  <c r="E98" i="1"/>
  <c r="E99" i="1"/>
  <c r="E100" i="1"/>
  <c r="E101" i="1"/>
  <c r="E102" i="1"/>
  <c r="E103" i="1"/>
  <c r="E104" i="1"/>
  <c r="E105" i="1"/>
  <c r="E106" i="1"/>
  <c r="E107" i="1"/>
  <c r="E108" i="1"/>
  <c r="E109" i="1"/>
  <c r="E110" i="1"/>
  <c r="E111" i="1"/>
  <c r="E112" i="1"/>
  <c r="E113" i="1"/>
  <c r="E114" i="1"/>
  <c r="E115" i="1"/>
  <c r="E116" i="1"/>
  <c r="E117" i="1"/>
  <c r="E118" i="1"/>
  <c r="E119" i="1"/>
  <c r="E120" i="1"/>
  <c r="E121" i="1"/>
  <c r="E122" i="1"/>
  <c r="E123" i="1"/>
  <c r="E124" i="1"/>
  <c r="E125" i="1"/>
  <c r="E126" i="1"/>
  <c r="E127" i="1"/>
  <c r="E128" i="1"/>
  <c r="E129" i="1"/>
  <c r="E130" i="1"/>
  <c r="E131" i="1"/>
  <c r="E132" i="1"/>
  <c r="E133" i="1"/>
  <c r="E134" i="1"/>
  <c r="E135" i="1"/>
  <c r="E136" i="1"/>
  <c r="E137" i="1"/>
  <c r="E138" i="1"/>
  <c r="E139" i="1"/>
  <c r="E140" i="1"/>
  <c r="E141" i="1"/>
  <c r="E142" i="1"/>
  <c r="E143" i="1"/>
  <c r="E144" i="1"/>
  <c r="E145" i="1"/>
  <c r="E146" i="1"/>
  <c r="E147" i="1"/>
  <c r="E148" i="1"/>
  <c r="E149" i="1"/>
  <c r="E150" i="1"/>
  <c r="E151" i="1"/>
  <c r="E152" i="1"/>
  <c r="E153" i="1"/>
  <c r="E154" i="1"/>
  <c r="E155" i="1"/>
  <c r="E156" i="1"/>
  <c r="E157" i="1"/>
  <c r="E158" i="1"/>
  <c r="E159" i="1"/>
  <c r="E160" i="1"/>
  <c r="E161" i="1"/>
  <c r="E162" i="1"/>
  <c r="E163" i="1"/>
  <c r="E164" i="1"/>
  <c r="E165" i="1"/>
  <c r="E166" i="1"/>
  <c r="E167" i="1"/>
  <c r="E168" i="1"/>
  <c r="E169" i="1"/>
  <c r="E170" i="1"/>
  <c r="E171" i="1"/>
  <c r="E172" i="1"/>
  <c r="E173" i="1"/>
  <c r="E174" i="1"/>
  <c r="E175" i="1"/>
  <c r="E176" i="1"/>
  <c r="E177" i="1"/>
  <c r="E178" i="1"/>
  <c r="E179" i="1"/>
  <c r="E180" i="1"/>
  <c r="E181" i="1"/>
  <c r="E182" i="1"/>
  <c r="E183" i="1"/>
  <c r="E184" i="1"/>
  <c r="E185" i="1"/>
  <c r="E186" i="1"/>
  <c r="E187" i="1"/>
  <c r="E188" i="1"/>
  <c r="E189" i="1"/>
  <c r="E190" i="1"/>
  <c r="E191" i="1"/>
  <c r="E192" i="1"/>
  <c r="E193" i="1"/>
  <c r="E194" i="1"/>
  <c r="E195" i="1"/>
  <c r="E196" i="1"/>
  <c r="E197" i="1"/>
  <c r="E198" i="1"/>
  <c r="E199" i="1"/>
  <c r="E200" i="1"/>
  <c r="E201" i="1"/>
  <c r="E202" i="1"/>
  <c r="E203" i="1"/>
  <c r="E204" i="1"/>
  <c r="E205" i="1"/>
  <c r="E206" i="1"/>
  <c r="E207" i="1"/>
  <c r="E208" i="1"/>
  <c r="E209" i="1"/>
  <c r="E210" i="1"/>
  <c r="E211" i="1"/>
  <c r="E212" i="1"/>
  <c r="E213" i="1"/>
  <c r="E214" i="1"/>
  <c r="E215" i="1"/>
  <c r="E216" i="1"/>
  <c r="E217" i="1"/>
  <c r="E218" i="1"/>
  <c r="E219" i="1"/>
  <c r="E220" i="1"/>
  <c r="E221" i="1"/>
  <c r="E222" i="1"/>
  <c r="E223" i="1"/>
  <c r="E224" i="1"/>
  <c r="E225" i="1"/>
  <c r="E226" i="1"/>
  <c r="E227" i="1"/>
  <c r="E228" i="1"/>
  <c r="E229" i="1"/>
  <c r="E230" i="1"/>
  <c r="E231" i="1"/>
  <c r="E232" i="1"/>
  <c r="E233" i="1"/>
  <c r="E234" i="1"/>
  <c r="E235" i="1"/>
  <c r="E236" i="1"/>
  <c r="E237" i="1"/>
  <c r="E238" i="1"/>
  <c r="E239" i="1"/>
  <c r="E240" i="1"/>
  <c r="E241" i="1"/>
  <c r="E242" i="1"/>
  <c r="E243" i="1"/>
  <c r="E244" i="1"/>
  <c r="E245" i="1"/>
  <c r="E246" i="1"/>
  <c r="E247" i="1"/>
  <c r="E248" i="1"/>
  <c r="E249" i="1"/>
  <c r="E250" i="1"/>
  <c r="E251" i="1"/>
  <c r="E252" i="1"/>
  <c r="E253" i="1"/>
  <c r="E254" i="1"/>
  <c r="E255" i="1"/>
  <c r="E256" i="1"/>
  <c r="E257" i="1"/>
  <c r="E258" i="1"/>
  <c r="E259" i="1"/>
  <c r="E260" i="1"/>
  <c r="E261" i="1"/>
  <c r="E262" i="1"/>
  <c r="E263" i="1"/>
  <c r="E264" i="1"/>
  <c r="E265" i="1"/>
  <c r="E266" i="1"/>
  <c r="E267" i="1"/>
  <c r="E268" i="1"/>
  <c r="E269" i="1"/>
  <c r="E270" i="1"/>
  <c r="E271" i="1"/>
  <c r="E272" i="1"/>
  <c r="E273" i="1"/>
  <c r="E274" i="1"/>
  <c r="E275" i="1"/>
  <c r="E276" i="1"/>
  <c r="E277" i="1"/>
  <c r="E278" i="1"/>
  <c r="E279" i="1"/>
  <c r="E280" i="1"/>
  <c r="E281" i="1"/>
  <c r="E282" i="1"/>
  <c r="E283" i="1"/>
  <c r="E284" i="1"/>
  <c r="E285" i="1"/>
  <c r="E286" i="1"/>
  <c r="E287" i="1"/>
  <c r="E288" i="1"/>
  <c r="E289" i="1"/>
  <c r="E290" i="1"/>
  <c r="E291" i="1"/>
  <c r="E292" i="1"/>
  <c r="E293" i="1"/>
  <c r="E294" i="1"/>
  <c r="E295" i="1"/>
  <c r="E296" i="1"/>
  <c r="E297" i="1"/>
  <c r="E298" i="1"/>
  <c r="E299" i="1"/>
  <c r="E300" i="1"/>
  <c r="E301" i="1"/>
  <c r="E302" i="1"/>
  <c r="E303" i="1"/>
  <c r="E304" i="1"/>
  <c r="E305" i="1"/>
  <c r="E306" i="1"/>
  <c r="E307" i="1"/>
  <c r="E308" i="1"/>
  <c r="E309" i="1"/>
  <c r="E310" i="1"/>
  <c r="E311" i="1"/>
  <c r="E312" i="1"/>
  <c r="E313" i="1"/>
  <c r="E314" i="1"/>
  <c r="E315" i="1"/>
  <c r="E316" i="1"/>
  <c r="E317" i="1"/>
  <c r="E318" i="1"/>
  <c r="E319" i="1"/>
  <c r="E320" i="1"/>
  <c r="E321" i="1"/>
  <c r="E322" i="1"/>
  <c r="E323" i="1"/>
  <c r="E324" i="1"/>
  <c r="E325" i="1"/>
  <c r="E326" i="1"/>
  <c r="E327" i="1"/>
  <c r="E328" i="1"/>
  <c r="E329" i="1"/>
  <c r="E330" i="1"/>
  <c r="E331" i="1"/>
  <c r="E332" i="1"/>
  <c r="E333" i="1"/>
  <c r="E334" i="1"/>
  <c r="E335" i="1"/>
  <c r="E336" i="1"/>
  <c r="E337" i="1"/>
  <c r="E338" i="1"/>
  <c r="E339" i="1"/>
  <c r="E340" i="1"/>
  <c r="E341" i="1"/>
  <c r="E342" i="1"/>
  <c r="E343" i="1"/>
  <c r="E344" i="1"/>
  <c r="E345" i="1"/>
  <c r="E346" i="1"/>
  <c r="E347" i="1"/>
  <c r="E348" i="1"/>
  <c r="E349" i="1"/>
  <c r="E350" i="1"/>
  <c r="E351" i="1"/>
  <c r="E352" i="1"/>
  <c r="E353" i="1"/>
  <c r="E354" i="1"/>
  <c r="E355" i="1"/>
  <c r="E356" i="1"/>
  <c r="E357" i="1"/>
  <c r="E358" i="1"/>
  <c r="E359" i="1"/>
  <c r="E360" i="1"/>
  <c r="E361" i="1"/>
  <c r="E362" i="1"/>
  <c r="E363" i="1"/>
  <c r="E364" i="1"/>
  <c r="E365" i="1"/>
  <c r="E366" i="1"/>
  <c r="E367" i="1"/>
  <c r="E368" i="1"/>
  <c r="E369" i="1"/>
  <c r="E370" i="1"/>
  <c r="E371" i="1"/>
  <c r="E372" i="1"/>
  <c r="E373" i="1"/>
  <c r="E374" i="1"/>
  <c r="E375" i="1"/>
  <c r="E376" i="1"/>
  <c r="E377" i="1"/>
  <c r="E378" i="1"/>
  <c r="E379" i="1"/>
  <c r="E380" i="1"/>
  <c r="E381" i="1"/>
  <c r="E382" i="1"/>
  <c r="E383" i="1"/>
  <c r="E384" i="1"/>
  <c r="E385" i="1"/>
  <c r="E386" i="1"/>
  <c r="E387" i="1"/>
  <c r="E388" i="1"/>
  <c r="E389" i="1"/>
  <c r="E390" i="1"/>
  <c r="E391" i="1"/>
  <c r="E392" i="1"/>
  <c r="E393" i="1"/>
  <c r="E394" i="1"/>
  <c r="E395" i="1"/>
  <c r="E396" i="1"/>
  <c r="E397" i="1"/>
  <c r="E398" i="1"/>
  <c r="E399" i="1"/>
  <c r="E400" i="1"/>
  <c r="E401" i="1"/>
  <c r="E402" i="1"/>
  <c r="E403" i="1"/>
  <c r="E404" i="1"/>
  <c r="E405" i="1"/>
  <c r="E406" i="1"/>
  <c r="E407" i="1"/>
  <c r="E408" i="1"/>
  <c r="E409" i="1"/>
  <c r="E410" i="1"/>
  <c r="E411" i="1"/>
  <c r="E412" i="1"/>
  <c r="E413" i="1"/>
  <c r="E414" i="1"/>
  <c r="E415" i="1"/>
  <c r="E416" i="1"/>
  <c r="E417" i="1"/>
  <c r="E418" i="1"/>
  <c r="E419" i="1"/>
  <c r="E420" i="1"/>
  <c r="E421" i="1"/>
  <c r="E422" i="1"/>
  <c r="E423" i="1"/>
  <c r="E424" i="1"/>
  <c r="E425" i="1"/>
  <c r="E426" i="1"/>
  <c r="E427" i="1"/>
  <c r="E428" i="1"/>
  <c r="E429" i="1"/>
  <c r="E430" i="1"/>
  <c r="E431" i="1"/>
  <c r="E432" i="1"/>
  <c r="E433" i="1"/>
  <c r="E434" i="1"/>
  <c r="E435" i="1"/>
  <c r="E436" i="1"/>
  <c r="E437" i="1"/>
  <c r="E438" i="1"/>
  <c r="E439" i="1"/>
  <c r="E440" i="1"/>
  <c r="E441" i="1"/>
  <c r="E442" i="1"/>
  <c r="E443" i="1"/>
  <c r="E444" i="1"/>
  <c r="E445" i="1"/>
  <c r="E446" i="1"/>
  <c r="E447" i="1"/>
  <c r="E448" i="1"/>
  <c r="E449" i="1"/>
  <c r="E450" i="1"/>
  <c r="E451" i="1"/>
  <c r="E452" i="1"/>
  <c r="E453" i="1"/>
  <c r="E454" i="1"/>
  <c r="E455" i="1"/>
  <c r="E456" i="1"/>
  <c r="E457" i="1"/>
  <c r="E458" i="1"/>
  <c r="E459" i="1"/>
  <c r="E460" i="1"/>
  <c r="E461" i="1"/>
  <c r="E462" i="1"/>
  <c r="E463" i="1"/>
  <c r="E464" i="1"/>
  <c r="E465" i="1"/>
  <c r="E466" i="1"/>
  <c r="E467" i="1"/>
  <c r="E468" i="1"/>
  <c r="E469" i="1"/>
  <c r="E470" i="1"/>
  <c r="E471" i="1"/>
  <c r="E472" i="1"/>
  <c r="E473" i="1"/>
  <c r="E474" i="1"/>
  <c r="E475" i="1"/>
  <c r="E476" i="1"/>
  <c r="E477" i="1"/>
  <c r="E478" i="1"/>
  <c r="E479" i="1"/>
  <c r="E480" i="1"/>
  <c r="E481" i="1"/>
  <c r="E482" i="1"/>
  <c r="E483" i="1"/>
  <c r="E484" i="1"/>
  <c r="E485" i="1"/>
  <c r="E486" i="1"/>
  <c r="E487" i="1"/>
  <c r="E488" i="1"/>
  <c r="E489" i="1"/>
  <c r="E490" i="1"/>
  <c r="E491" i="1"/>
  <c r="E492" i="1"/>
  <c r="E493" i="1"/>
  <c r="E494" i="1"/>
  <c r="E495" i="1"/>
  <c r="E496" i="1"/>
  <c r="E497" i="1"/>
  <c r="E498" i="1"/>
  <c r="E499" i="1"/>
  <c r="E500" i="1"/>
  <c r="E501" i="1"/>
  <c r="E502" i="1"/>
  <c r="E503" i="1"/>
  <c r="E504" i="1"/>
  <c r="E505" i="1"/>
  <c r="E506" i="1"/>
  <c r="E507" i="1"/>
  <c r="E508" i="1"/>
  <c r="E509" i="1"/>
  <c r="E510" i="1"/>
  <c r="E511" i="1"/>
  <c r="E512" i="1"/>
  <c r="E513" i="1"/>
  <c r="E514" i="1"/>
  <c r="E515" i="1"/>
  <c r="E516" i="1"/>
  <c r="E517" i="1"/>
  <c r="E518" i="1"/>
  <c r="E519" i="1"/>
  <c r="E520" i="1"/>
  <c r="E521" i="1"/>
  <c r="E522" i="1"/>
  <c r="E523" i="1"/>
  <c r="E524" i="1"/>
  <c r="E525" i="1"/>
  <c r="E526" i="1"/>
  <c r="E527" i="1"/>
  <c r="E528" i="1"/>
  <c r="E529" i="1"/>
  <c r="E530" i="1"/>
  <c r="E531" i="1"/>
  <c r="E532" i="1"/>
  <c r="E533" i="1"/>
  <c r="E534" i="1"/>
  <c r="E535" i="1"/>
  <c r="E536" i="1"/>
  <c r="E537" i="1"/>
  <c r="E538" i="1"/>
  <c r="E539" i="1"/>
  <c r="E540" i="1"/>
  <c r="E541" i="1"/>
  <c r="E542" i="1"/>
  <c r="E543" i="1"/>
  <c r="E544" i="1"/>
  <c r="E545" i="1"/>
  <c r="E546" i="1"/>
  <c r="E547" i="1"/>
  <c r="E548" i="1"/>
  <c r="E549" i="1"/>
  <c r="E550" i="1"/>
  <c r="E551" i="1"/>
  <c r="E552" i="1"/>
  <c r="E553" i="1"/>
  <c r="E554" i="1"/>
  <c r="E555" i="1"/>
  <c r="E556" i="1"/>
  <c r="E557" i="1"/>
  <c r="E558" i="1"/>
  <c r="E559" i="1"/>
  <c r="E560" i="1"/>
  <c r="E561" i="1"/>
  <c r="E562" i="1"/>
  <c r="E563" i="1"/>
  <c r="E564" i="1"/>
  <c r="E565" i="1"/>
  <c r="E566" i="1"/>
  <c r="E567" i="1"/>
  <c r="E568" i="1"/>
  <c r="E569" i="1"/>
  <c r="E570" i="1"/>
  <c r="E571" i="1"/>
  <c r="E572" i="1"/>
  <c r="E573" i="1"/>
  <c r="E574" i="1"/>
  <c r="E575" i="1"/>
  <c r="E576" i="1"/>
  <c r="E577" i="1"/>
  <c r="E578" i="1"/>
  <c r="E579" i="1"/>
  <c r="E580" i="1"/>
  <c r="E581" i="1"/>
  <c r="E582" i="1"/>
  <c r="E583" i="1"/>
  <c r="E584" i="1"/>
  <c r="E585" i="1"/>
  <c r="E586" i="1"/>
  <c r="E587" i="1"/>
  <c r="E588" i="1"/>
  <c r="E589" i="1"/>
  <c r="E590" i="1"/>
  <c r="E591" i="1"/>
  <c r="E592" i="1"/>
  <c r="E593" i="1"/>
  <c r="E594" i="1"/>
  <c r="E595" i="1"/>
  <c r="E596" i="1"/>
  <c r="E597" i="1"/>
  <c r="E598" i="1"/>
  <c r="E599" i="1"/>
  <c r="E600" i="1"/>
  <c r="E601" i="1"/>
  <c r="E602" i="1"/>
  <c r="E603" i="1"/>
  <c r="E604" i="1"/>
  <c r="E605" i="1"/>
  <c r="E606" i="1"/>
  <c r="E607" i="1"/>
  <c r="E608" i="1"/>
  <c r="E609" i="1"/>
  <c r="E610" i="1"/>
  <c r="E611" i="1"/>
  <c r="E612" i="1"/>
  <c r="E613" i="1"/>
  <c r="E614" i="1"/>
  <c r="E615" i="1"/>
  <c r="E616" i="1"/>
  <c r="E617" i="1"/>
  <c r="E618" i="1"/>
  <c r="E619" i="1"/>
  <c r="E620" i="1"/>
  <c r="E621" i="1"/>
  <c r="E622" i="1"/>
  <c r="E623" i="1"/>
  <c r="E624" i="1"/>
  <c r="E625" i="1"/>
  <c r="E626" i="1"/>
  <c r="E627" i="1"/>
  <c r="E628" i="1"/>
  <c r="E629" i="1"/>
  <c r="E630" i="1"/>
  <c r="E631" i="1"/>
  <c r="E632" i="1"/>
  <c r="E633" i="1"/>
  <c r="E634" i="1"/>
  <c r="E635" i="1"/>
  <c r="E636" i="1"/>
  <c r="E637" i="1"/>
  <c r="E638" i="1"/>
  <c r="E639" i="1"/>
  <c r="E640" i="1"/>
  <c r="E641" i="1"/>
  <c r="E642" i="1"/>
  <c r="E643" i="1"/>
  <c r="E644" i="1"/>
  <c r="E645" i="1"/>
  <c r="E646" i="1"/>
  <c r="E647" i="1"/>
  <c r="E648" i="1"/>
  <c r="E649" i="1"/>
  <c r="E650" i="1"/>
  <c r="E651" i="1"/>
  <c r="E652" i="1"/>
  <c r="E653" i="1"/>
  <c r="E654" i="1"/>
  <c r="E655" i="1"/>
  <c r="E656" i="1"/>
  <c r="E657" i="1"/>
  <c r="E658" i="1"/>
  <c r="E659" i="1"/>
  <c r="E660" i="1"/>
  <c r="E661" i="1"/>
  <c r="E662" i="1"/>
  <c r="E663" i="1"/>
  <c r="E664" i="1"/>
  <c r="E665" i="1"/>
  <c r="E666" i="1"/>
  <c r="E667" i="1"/>
  <c r="E668" i="1"/>
  <c r="E669" i="1"/>
  <c r="E670" i="1"/>
  <c r="E671" i="1"/>
  <c r="E672" i="1"/>
  <c r="E673" i="1"/>
  <c r="E674" i="1"/>
  <c r="E675" i="1"/>
  <c r="E676" i="1"/>
  <c r="E677" i="1"/>
  <c r="E678" i="1"/>
  <c r="E679" i="1"/>
  <c r="E680" i="1"/>
  <c r="E681" i="1"/>
  <c r="E682" i="1"/>
  <c r="E683" i="1"/>
  <c r="E684" i="1"/>
  <c r="E685" i="1"/>
  <c r="E686" i="1"/>
  <c r="E687" i="1"/>
  <c r="E688" i="1"/>
  <c r="E689" i="1"/>
  <c r="E690" i="1"/>
  <c r="E691" i="1"/>
  <c r="E692" i="1"/>
  <c r="E693" i="1"/>
  <c r="E694" i="1"/>
  <c r="E695" i="1"/>
  <c r="E696" i="1"/>
  <c r="E697" i="1"/>
  <c r="E698" i="1"/>
  <c r="E699" i="1"/>
  <c r="E700" i="1"/>
  <c r="E701" i="1"/>
  <c r="E702" i="1"/>
  <c r="E703" i="1"/>
  <c r="E704" i="1"/>
  <c r="E705" i="1"/>
  <c r="E706" i="1"/>
  <c r="E707" i="1"/>
  <c r="E708" i="1"/>
  <c r="E709" i="1"/>
  <c r="E710" i="1"/>
  <c r="E711" i="1"/>
  <c r="E712" i="1"/>
  <c r="E713" i="1"/>
  <c r="E714" i="1"/>
  <c r="E715" i="1"/>
  <c r="E716" i="1"/>
  <c r="E717" i="1"/>
  <c r="E718" i="1"/>
  <c r="E719" i="1"/>
  <c r="E720" i="1"/>
  <c r="E721" i="1"/>
  <c r="E722" i="1"/>
  <c r="E723" i="1"/>
  <c r="E724" i="1"/>
  <c r="E725" i="1"/>
  <c r="E726" i="1"/>
  <c r="E727" i="1"/>
  <c r="E728" i="1"/>
  <c r="E729" i="1"/>
  <c r="E730" i="1"/>
  <c r="E731" i="1"/>
  <c r="E732" i="1"/>
  <c r="E733" i="1"/>
  <c r="E734" i="1"/>
  <c r="E735" i="1"/>
  <c r="E736" i="1"/>
  <c r="E737" i="1"/>
  <c r="E738" i="1"/>
  <c r="E739" i="1"/>
  <c r="E740" i="1"/>
  <c r="E741" i="1"/>
  <c r="E742" i="1"/>
  <c r="E743" i="1"/>
  <c r="E744" i="1"/>
  <c r="E745" i="1"/>
  <c r="E746" i="1"/>
  <c r="E747" i="1"/>
  <c r="E748" i="1"/>
  <c r="E749" i="1"/>
  <c r="E750" i="1"/>
  <c r="E751" i="1"/>
  <c r="E752" i="1"/>
  <c r="E753" i="1"/>
  <c r="E754" i="1"/>
  <c r="E755" i="1"/>
  <c r="E756" i="1"/>
  <c r="E757" i="1"/>
  <c r="E758" i="1"/>
  <c r="E759" i="1"/>
  <c r="E760" i="1"/>
  <c r="E761" i="1"/>
  <c r="E762" i="1"/>
  <c r="E763" i="1"/>
  <c r="E764" i="1"/>
  <c r="E765" i="1"/>
  <c r="E766" i="1"/>
  <c r="E767" i="1"/>
  <c r="E768" i="1"/>
  <c r="E769" i="1"/>
  <c r="E770" i="1"/>
  <c r="E771" i="1"/>
  <c r="E772" i="1"/>
  <c r="E773" i="1"/>
  <c r="E774" i="1"/>
  <c r="E775" i="1"/>
  <c r="E776" i="1"/>
  <c r="E777" i="1"/>
  <c r="E778" i="1"/>
  <c r="E779" i="1"/>
  <c r="E780" i="1"/>
  <c r="E781" i="1"/>
  <c r="E782" i="1"/>
  <c r="E783" i="1"/>
  <c r="E784" i="1"/>
  <c r="E785" i="1"/>
  <c r="E786" i="1"/>
  <c r="E787" i="1"/>
  <c r="E788" i="1"/>
  <c r="E789" i="1"/>
  <c r="E790" i="1"/>
  <c r="E791" i="1"/>
  <c r="E792" i="1"/>
  <c r="E793" i="1"/>
  <c r="E794" i="1"/>
  <c r="E795" i="1"/>
  <c r="E796" i="1"/>
  <c r="E797" i="1"/>
  <c r="E798" i="1"/>
  <c r="E799" i="1"/>
  <c r="E800" i="1"/>
  <c r="E801" i="1"/>
  <c r="E802" i="1"/>
  <c r="E803" i="1"/>
  <c r="E804" i="1"/>
  <c r="E805" i="1"/>
  <c r="E806" i="1"/>
  <c r="E807" i="1"/>
  <c r="E808" i="1"/>
  <c r="E809" i="1"/>
  <c r="E810" i="1"/>
  <c r="E811" i="1"/>
  <c r="E812" i="1"/>
  <c r="E813" i="1"/>
  <c r="E814" i="1"/>
  <c r="E815" i="1"/>
  <c r="E816" i="1"/>
  <c r="E817" i="1"/>
  <c r="E818" i="1"/>
  <c r="E819" i="1"/>
  <c r="E820" i="1"/>
  <c r="E821" i="1"/>
  <c r="E822" i="1"/>
  <c r="E823" i="1"/>
  <c r="E824" i="1"/>
  <c r="E825" i="1"/>
  <c r="E826" i="1"/>
  <c r="E827" i="1"/>
  <c r="E828" i="1"/>
  <c r="E829" i="1"/>
  <c r="E830" i="1"/>
  <c r="E831" i="1"/>
  <c r="E832" i="1"/>
  <c r="E833" i="1"/>
  <c r="E834" i="1"/>
  <c r="E835" i="1"/>
  <c r="E836" i="1"/>
  <c r="E837" i="1"/>
  <c r="E838" i="1"/>
  <c r="E839" i="1"/>
  <c r="E840" i="1"/>
  <c r="E841" i="1"/>
  <c r="E842" i="1"/>
  <c r="E843" i="1"/>
  <c r="E844" i="1"/>
  <c r="E845" i="1"/>
  <c r="E846" i="1"/>
  <c r="E847" i="1"/>
  <c r="E848" i="1"/>
  <c r="E849" i="1"/>
  <c r="E850" i="1"/>
  <c r="E851" i="1"/>
  <c r="E852" i="1"/>
  <c r="E853" i="1"/>
  <c r="E854" i="1"/>
  <c r="E855" i="1"/>
  <c r="E856" i="1"/>
  <c r="E857" i="1"/>
  <c r="E858" i="1"/>
  <c r="E859" i="1"/>
  <c r="E860" i="1"/>
  <c r="E861" i="1"/>
  <c r="E862" i="1"/>
  <c r="E863" i="1"/>
  <c r="E864" i="1"/>
  <c r="E865" i="1"/>
  <c r="E866" i="1"/>
  <c r="E867" i="1"/>
  <c r="E868" i="1"/>
  <c r="E869" i="1"/>
  <c r="E870" i="1"/>
  <c r="E871" i="1"/>
  <c r="E872" i="1"/>
  <c r="E873" i="1"/>
  <c r="E874" i="1"/>
  <c r="E875" i="1"/>
  <c r="E876" i="1"/>
  <c r="E877" i="1"/>
  <c r="E878" i="1"/>
  <c r="E879" i="1"/>
  <c r="E880" i="1"/>
  <c r="E881" i="1"/>
  <c r="E882" i="1"/>
  <c r="E883" i="1"/>
  <c r="E884" i="1"/>
  <c r="E885" i="1"/>
  <c r="E886" i="1"/>
  <c r="E887" i="1"/>
  <c r="E888" i="1"/>
  <c r="E889" i="1"/>
  <c r="E890" i="1"/>
  <c r="E891" i="1"/>
  <c r="E892" i="1"/>
  <c r="E893" i="1"/>
  <c r="E894" i="1"/>
  <c r="E895" i="1"/>
  <c r="E896" i="1"/>
  <c r="E897" i="1"/>
  <c r="E898" i="1"/>
  <c r="E899" i="1"/>
  <c r="E900" i="1"/>
  <c r="E901" i="1"/>
  <c r="E902" i="1"/>
  <c r="E903" i="1"/>
  <c r="E904" i="1"/>
  <c r="E905" i="1"/>
  <c r="E906" i="1"/>
  <c r="E907" i="1"/>
  <c r="E908" i="1"/>
  <c r="E909" i="1"/>
  <c r="E910" i="1"/>
  <c r="E911" i="1"/>
  <c r="E912" i="1"/>
  <c r="E913" i="1"/>
  <c r="E914" i="1"/>
  <c r="E915" i="1"/>
  <c r="E916" i="1"/>
  <c r="E917" i="1"/>
  <c r="E918" i="1"/>
  <c r="E919" i="1"/>
  <c r="E920" i="1"/>
  <c r="E921" i="1"/>
  <c r="E922" i="1"/>
  <c r="E923" i="1"/>
  <c r="E924" i="1"/>
  <c r="E925" i="1"/>
  <c r="E926" i="1"/>
  <c r="E927" i="1"/>
  <c r="E928" i="1"/>
  <c r="E929" i="1"/>
  <c r="E930" i="1"/>
  <c r="E931" i="1"/>
  <c r="E932" i="1"/>
  <c r="E933" i="1"/>
  <c r="E934" i="1"/>
  <c r="E935" i="1"/>
  <c r="E936" i="1"/>
  <c r="E937" i="1"/>
  <c r="E938" i="1"/>
  <c r="E939" i="1"/>
  <c r="E940" i="1"/>
  <c r="E941" i="1"/>
  <c r="E942" i="1"/>
  <c r="E943" i="1"/>
  <c r="E944" i="1"/>
  <c r="E945" i="1"/>
  <c r="E946" i="1"/>
  <c r="E947" i="1"/>
  <c r="E948" i="1"/>
  <c r="E949" i="1"/>
  <c r="E950" i="1"/>
  <c r="E951" i="1"/>
  <c r="E952" i="1"/>
  <c r="E953" i="1"/>
  <c r="E954" i="1"/>
  <c r="E955" i="1"/>
  <c r="E956" i="1"/>
  <c r="E957" i="1"/>
  <c r="E958" i="1"/>
  <c r="E959" i="1"/>
  <c r="E960" i="1"/>
  <c r="E961" i="1"/>
  <c r="E962" i="1"/>
  <c r="E963" i="1"/>
  <c r="E964" i="1"/>
  <c r="E965" i="1"/>
  <c r="E966" i="1"/>
  <c r="E967" i="1"/>
  <c r="E968" i="1"/>
  <c r="E969" i="1"/>
  <c r="E970" i="1"/>
  <c r="E971" i="1"/>
  <c r="E972" i="1"/>
  <c r="E973" i="1"/>
  <c r="E974" i="1"/>
  <c r="E975" i="1"/>
  <c r="E976" i="1"/>
  <c r="E977" i="1"/>
  <c r="E978" i="1"/>
  <c r="E979" i="1"/>
  <c r="E980" i="1"/>
  <c r="E981" i="1"/>
  <c r="E982" i="1"/>
  <c r="E983" i="1"/>
  <c r="E984" i="1"/>
  <c r="E985" i="1"/>
  <c r="E986" i="1"/>
  <c r="E987" i="1"/>
  <c r="E988" i="1"/>
  <c r="E989" i="1"/>
  <c r="E990" i="1"/>
  <c r="E991" i="1"/>
  <c r="E992" i="1"/>
  <c r="E993" i="1"/>
  <c r="E994" i="1"/>
  <c r="E995" i="1"/>
  <c r="E996" i="1"/>
  <c r="E997" i="1"/>
  <c r="E998" i="1"/>
  <c r="E999" i="1"/>
  <c r="E1000" i="1"/>
  <c r="E1001" i="1"/>
  <c r="E1002" i="1"/>
  <c r="E1003" i="1"/>
  <c r="E1004" i="1"/>
  <c r="E1005" i="1"/>
  <c r="E1006" i="1"/>
  <c r="E1007" i="1"/>
  <c r="E1008" i="1"/>
  <c r="E1009" i="1"/>
  <c r="E1010" i="1"/>
  <c r="E1011" i="1"/>
  <c r="E1012" i="1"/>
  <c r="E1013" i="1"/>
  <c r="E1014" i="1"/>
  <c r="E1015" i="1"/>
  <c r="E1016" i="1"/>
  <c r="E1017" i="1"/>
  <c r="E1018" i="1"/>
  <c r="E1019" i="1"/>
  <c r="E1020" i="1"/>
  <c r="E1021" i="1"/>
  <c r="E1022" i="1"/>
  <c r="E1023" i="1"/>
  <c r="E1024" i="1"/>
  <c r="E1025" i="1"/>
  <c r="E1026" i="1"/>
  <c r="E1027" i="1"/>
  <c r="E1028" i="1"/>
  <c r="E1029" i="1"/>
  <c r="E1030" i="1"/>
  <c r="E1031" i="1"/>
  <c r="E1032" i="1"/>
  <c r="E1033" i="1"/>
  <c r="E1034" i="1"/>
  <c r="E1035" i="1"/>
  <c r="E1036" i="1"/>
  <c r="E1037" i="1"/>
  <c r="E1038" i="1"/>
  <c r="E1039" i="1"/>
  <c r="E1040" i="1"/>
  <c r="E1041" i="1"/>
  <c r="E1042" i="1"/>
  <c r="E1043" i="1"/>
  <c r="E1044" i="1"/>
  <c r="E1045" i="1"/>
  <c r="E1046" i="1"/>
  <c r="E1047" i="1"/>
  <c r="E1048" i="1"/>
  <c r="E1049" i="1"/>
  <c r="E1050" i="1"/>
  <c r="E1051" i="1"/>
  <c r="E1052" i="1"/>
  <c r="E1053" i="1"/>
  <c r="E1054" i="1"/>
  <c r="E1055" i="1"/>
  <c r="E1056" i="1"/>
  <c r="E1057" i="1"/>
  <c r="E1058" i="1"/>
  <c r="E1059" i="1"/>
  <c r="E1060" i="1"/>
  <c r="E1061" i="1"/>
  <c r="E1062" i="1"/>
  <c r="E1063" i="1"/>
  <c r="E1064" i="1"/>
  <c r="E1065" i="1"/>
  <c r="E1066" i="1"/>
  <c r="E1067" i="1"/>
  <c r="E1068" i="1"/>
  <c r="E1069" i="1"/>
  <c r="E1070" i="1"/>
  <c r="E1071" i="1"/>
  <c r="E1072" i="1"/>
  <c r="E1073" i="1"/>
  <c r="E1074" i="1"/>
  <c r="E1075" i="1"/>
  <c r="E1076" i="1"/>
  <c r="E1077" i="1"/>
  <c r="E1078" i="1"/>
  <c r="E1079" i="1"/>
  <c r="E1080" i="1"/>
  <c r="E1081" i="1"/>
  <c r="E1082" i="1"/>
  <c r="E1083" i="1"/>
  <c r="E1084" i="1"/>
  <c r="E1085" i="1"/>
  <c r="E1086" i="1"/>
  <c r="E1087" i="1"/>
  <c r="E1088" i="1"/>
  <c r="E1089" i="1"/>
  <c r="E1090" i="1"/>
  <c r="E1091" i="1"/>
  <c r="E1092" i="1"/>
  <c r="E1093" i="1"/>
  <c r="E1094" i="1"/>
  <c r="E1095" i="1"/>
  <c r="E1096" i="1"/>
  <c r="E1097" i="1"/>
  <c r="E1098" i="1"/>
  <c r="E1099" i="1"/>
  <c r="E1100" i="1"/>
  <c r="E1101" i="1"/>
  <c r="E1102" i="1"/>
  <c r="E1103" i="1"/>
  <c r="E1104" i="1"/>
  <c r="E1105" i="1"/>
  <c r="E1106" i="1"/>
  <c r="E1107" i="1"/>
  <c r="E1108" i="1"/>
  <c r="E1109" i="1"/>
  <c r="E1110" i="1"/>
  <c r="E1111" i="1"/>
  <c r="E1112" i="1"/>
  <c r="E1113" i="1"/>
  <c r="E1114" i="1"/>
  <c r="E1115" i="1"/>
  <c r="E1116" i="1"/>
  <c r="E1117" i="1"/>
  <c r="E1118" i="1"/>
  <c r="E1119" i="1"/>
  <c r="E1120" i="1"/>
  <c r="E1121" i="1"/>
  <c r="E1122" i="1"/>
  <c r="E1123" i="1"/>
  <c r="E1124" i="1"/>
  <c r="E1125" i="1"/>
  <c r="E1126" i="1"/>
  <c r="E1127" i="1"/>
  <c r="E1128" i="1"/>
  <c r="E1129" i="1"/>
  <c r="E1130" i="1"/>
  <c r="E1131" i="1"/>
  <c r="E1132" i="1"/>
  <c r="E1133" i="1"/>
  <c r="E1134" i="1"/>
  <c r="E1135" i="1"/>
  <c r="E1136" i="1"/>
  <c r="E1137" i="1"/>
  <c r="E1138" i="1"/>
  <c r="E1139" i="1"/>
  <c r="E1140" i="1"/>
  <c r="E1141" i="1"/>
  <c r="E1142" i="1"/>
  <c r="E1143" i="1"/>
  <c r="E1144" i="1"/>
  <c r="E1145" i="1"/>
  <c r="E1146" i="1"/>
  <c r="E1147" i="1"/>
  <c r="E1148" i="1"/>
  <c r="E1149" i="1"/>
  <c r="E1150" i="1"/>
  <c r="E1151" i="1"/>
  <c r="E1152" i="1"/>
  <c r="E1153" i="1"/>
  <c r="E1154" i="1"/>
  <c r="E1155" i="1"/>
  <c r="E1156" i="1"/>
  <c r="E1157" i="1"/>
  <c r="E1158" i="1"/>
  <c r="E1159" i="1"/>
  <c r="E1160" i="1"/>
  <c r="E1161" i="1"/>
  <c r="E1162" i="1"/>
  <c r="E1163" i="1"/>
  <c r="E1164" i="1"/>
  <c r="E1165" i="1"/>
  <c r="E1166" i="1"/>
  <c r="E1167" i="1"/>
  <c r="E1168" i="1"/>
  <c r="E1169" i="1"/>
  <c r="E1170" i="1"/>
  <c r="E1171" i="1"/>
  <c r="E1172" i="1"/>
  <c r="E1173" i="1"/>
  <c r="E1174" i="1"/>
  <c r="E1175" i="1"/>
  <c r="E1176" i="1"/>
  <c r="E1177" i="1"/>
  <c r="E1178" i="1"/>
  <c r="E1179" i="1"/>
  <c r="E1180" i="1"/>
  <c r="E1181" i="1"/>
  <c r="E1182" i="1"/>
  <c r="E1183" i="1"/>
  <c r="E1184" i="1"/>
  <c r="E1185" i="1"/>
  <c r="E1186" i="1"/>
  <c r="E1187" i="1"/>
  <c r="E1188" i="1"/>
  <c r="E1189" i="1"/>
  <c r="E1190" i="1"/>
  <c r="E1191" i="1"/>
  <c r="E1192" i="1"/>
  <c r="E1193" i="1"/>
  <c r="E1194" i="1"/>
  <c r="E1195" i="1"/>
  <c r="E1196" i="1"/>
  <c r="E1197" i="1"/>
  <c r="E1198" i="1"/>
  <c r="E1199" i="1"/>
  <c r="E1200" i="1"/>
  <c r="E1201" i="1"/>
  <c r="E1202" i="1"/>
  <c r="E1203" i="1"/>
  <c r="E1204" i="1"/>
  <c r="E1205" i="1"/>
  <c r="E1206" i="1"/>
  <c r="E1207" i="1"/>
  <c r="E1208" i="1"/>
  <c r="E1209" i="1"/>
  <c r="E1210" i="1"/>
  <c r="E1211" i="1"/>
  <c r="E1212" i="1"/>
  <c r="E1213" i="1"/>
  <c r="E1214" i="1"/>
  <c r="E1215" i="1"/>
  <c r="E1216" i="1"/>
  <c r="E1217" i="1"/>
  <c r="E1218" i="1"/>
  <c r="E1219" i="1"/>
  <c r="E1220" i="1"/>
  <c r="E1221" i="1"/>
  <c r="E1222" i="1"/>
  <c r="E1223" i="1"/>
  <c r="E1224" i="1"/>
  <c r="E1225" i="1"/>
  <c r="E1226" i="1"/>
  <c r="E1227" i="1"/>
  <c r="E1228" i="1"/>
  <c r="E1229" i="1"/>
  <c r="E1230" i="1"/>
  <c r="E1231" i="1"/>
  <c r="E1232" i="1"/>
  <c r="E1233" i="1"/>
  <c r="E1234" i="1"/>
  <c r="E1235" i="1"/>
  <c r="E1236" i="1"/>
  <c r="E1237" i="1"/>
  <c r="E1238" i="1"/>
  <c r="E1239" i="1"/>
  <c r="E1240" i="1"/>
  <c r="E1241" i="1"/>
  <c r="E1242" i="1"/>
  <c r="E1243" i="1"/>
  <c r="E1244" i="1"/>
  <c r="E1245" i="1"/>
  <c r="E1246" i="1"/>
  <c r="E1247" i="1"/>
  <c r="E1248" i="1"/>
  <c r="E1249" i="1"/>
  <c r="E1250" i="1"/>
  <c r="E1251" i="1"/>
  <c r="E1252" i="1"/>
  <c r="E1253" i="1"/>
  <c r="E1254" i="1"/>
  <c r="E1255" i="1"/>
  <c r="E1256" i="1"/>
  <c r="E1257" i="1"/>
  <c r="E1258" i="1"/>
  <c r="E1259" i="1"/>
  <c r="E1260" i="1"/>
  <c r="E1261" i="1"/>
  <c r="E1262" i="1"/>
  <c r="E1263" i="1"/>
  <c r="E1264" i="1"/>
  <c r="E1265" i="1"/>
  <c r="E1266" i="1"/>
  <c r="E1267" i="1"/>
  <c r="E1268" i="1"/>
  <c r="E1269" i="1"/>
  <c r="E1270" i="1"/>
  <c r="E1271" i="1"/>
  <c r="E1272" i="1"/>
  <c r="E1273" i="1"/>
  <c r="E1274" i="1"/>
  <c r="E1275" i="1"/>
  <c r="E1276" i="1"/>
  <c r="E1277" i="1"/>
  <c r="E1278" i="1"/>
  <c r="E1279" i="1"/>
  <c r="E1280" i="1"/>
  <c r="E1281" i="1"/>
  <c r="E1282" i="1"/>
  <c r="E1283" i="1"/>
  <c r="E1284" i="1"/>
  <c r="E1285" i="1"/>
  <c r="E1286" i="1"/>
  <c r="E1287" i="1"/>
  <c r="E1288" i="1"/>
  <c r="E1289" i="1"/>
  <c r="E1290" i="1"/>
  <c r="E1291" i="1"/>
  <c r="E1292" i="1"/>
  <c r="E1293" i="1"/>
  <c r="E1294" i="1"/>
  <c r="E1295" i="1"/>
  <c r="E1296" i="1"/>
  <c r="E1297" i="1"/>
  <c r="E1298" i="1"/>
  <c r="E1299" i="1"/>
  <c r="E1300" i="1"/>
  <c r="E1301" i="1"/>
  <c r="E1302" i="1"/>
  <c r="E1303" i="1"/>
  <c r="E1304" i="1"/>
  <c r="E1305" i="1"/>
  <c r="E1306" i="1"/>
  <c r="E1307" i="1"/>
  <c r="E1308" i="1"/>
  <c r="E1309" i="1"/>
  <c r="E1310" i="1"/>
  <c r="E1311" i="1"/>
  <c r="E1312" i="1"/>
  <c r="E1313" i="1"/>
  <c r="E1314" i="1"/>
  <c r="E1315" i="1"/>
  <c r="E1316" i="1"/>
  <c r="E1317" i="1"/>
  <c r="E1318" i="1"/>
  <c r="E1319" i="1"/>
  <c r="E1320" i="1"/>
  <c r="E1321" i="1"/>
  <c r="E1322" i="1"/>
  <c r="E1323" i="1"/>
  <c r="E1324" i="1"/>
  <c r="E1325" i="1"/>
  <c r="E1326" i="1"/>
  <c r="E1327" i="1"/>
  <c r="E1328" i="1"/>
  <c r="E1329" i="1"/>
  <c r="E1330" i="1"/>
  <c r="E1331" i="1"/>
  <c r="E1332" i="1"/>
  <c r="E1333" i="1"/>
  <c r="E1334" i="1"/>
  <c r="E1335" i="1"/>
  <c r="E1336" i="1"/>
  <c r="E1337" i="1"/>
  <c r="E1338" i="1"/>
  <c r="E1339" i="1"/>
  <c r="E1340" i="1"/>
  <c r="E1341" i="1"/>
  <c r="E1342" i="1"/>
  <c r="E1343" i="1"/>
  <c r="E1344" i="1"/>
  <c r="E1345" i="1"/>
  <c r="E1346" i="1"/>
  <c r="E1347" i="1"/>
  <c r="E1348" i="1"/>
  <c r="E1349" i="1"/>
  <c r="E1350" i="1"/>
  <c r="E1351" i="1"/>
  <c r="E1352" i="1"/>
  <c r="E1353" i="1"/>
  <c r="E1354" i="1"/>
  <c r="E1355" i="1"/>
  <c r="E1356" i="1"/>
  <c r="E1357" i="1"/>
  <c r="E1358" i="1"/>
  <c r="E1359" i="1"/>
  <c r="E1360" i="1"/>
  <c r="E1361" i="1"/>
  <c r="E1362" i="1"/>
  <c r="E1363" i="1"/>
  <c r="E1364" i="1"/>
  <c r="E1365" i="1"/>
  <c r="E1366" i="1"/>
  <c r="E1367" i="1"/>
  <c r="E1368" i="1"/>
  <c r="E1369" i="1"/>
  <c r="E1370" i="1"/>
  <c r="E1371" i="1"/>
  <c r="E1372" i="1"/>
  <c r="E1373" i="1"/>
  <c r="E1374" i="1"/>
  <c r="E1375" i="1"/>
  <c r="E1376" i="1"/>
  <c r="E1377" i="1"/>
  <c r="E1378" i="1"/>
  <c r="E1379" i="1"/>
  <c r="E1380" i="1"/>
  <c r="E1381" i="1"/>
  <c r="E1382" i="1"/>
  <c r="E1383" i="1"/>
  <c r="E1384" i="1"/>
  <c r="E1385" i="1"/>
  <c r="E1386" i="1"/>
  <c r="E1387" i="1"/>
  <c r="E1388" i="1"/>
  <c r="E1389" i="1"/>
  <c r="E1390" i="1"/>
  <c r="E1391" i="1"/>
  <c r="E1392" i="1"/>
  <c r="E1393" i="1"/>
  <c r="E1394" i="1"/>
  <c r="E1395" i="1"/>
  <c r="E1396" i="1"/>
  <c r="E1397" i="1"/>
  <c r="E1398" i="1"/>
  <c r="E1399" i="1"/>
  <c r="E1400" i="1"/>
  <c r="E1401" i="1"/>
  <c r="E1402" i="1"/>
  <c r="E1403" i="1"/>
  <c r="E1404" i="1"/>
  <c r="E1405" i="1"/>
  <c r="E1406" i="1"/>
  <c r="E1407" i="1"/>
  <c r="E1408" i="1"/>
  <c r="E1409" i="1"/>
  <c r="E1410" i="1"/>
  <c r="E1411" i="1"/>
  <c r="E1412" i="1"/>
  <c r="E1413" i="1"/>
  <c r="E1414" i="1"/>
  <c r="E1415" i="1"/>
  <c r="E1416" i="1"/>
  <c r="E1417" i="1"/>
  <c r="E1418" i="1"/>
  <c r="E1419" i="1"/>
  <c r="E1420" i="1"/>
  <c r="E1421" i="1"/>
  <c r="E1422" i="1"/>
  <c r="E1423" i="1"/>
  <c r="E1424" i="1"/>
  <c r="E1425" i="1"/>
  <c r="E1426" i="1"/>
  <c r="E1427" i="1"/>
  <c r="E1428" i="1"/>
  <c r="E1429" i="1"/>
  <c r="E1430" i="1"/>
  <c r="E1431" i="1"/>
  <c r="E1432" i="1"/>
  <c r="E1433" i="1"/>
  <c r="E1434" i="1"/>
  <c r="E1435" i="1"/>
  <c r="E1436" i="1"/>
  <c r="E1437" i="1"/>
  <c r="E1438" i="1"/>
  <c r="E1439" i="1"/>
  <c r="E1440" i="1"/>
  <c r="E1441" i="1"/>
  <c r="E1442" i="1"/>
  <c r="E1443" i="1"/>
  <c r="E1444" i="1"/>
  <c r="E1445" i="1"/>
  <c r="E1446" i="1"/>
  <c r="E1447" i="1"/>
  <c r="E1448" i="1"/>
  <c r="E1449" i="1"/>
  <c r="E1450" i="1"/>
  <c r="E1451" i="1"/>
  <c r="E1452" i="1"/>
  <c r="E1453" i="1"/>
  <c r="E1454" i="1"/>
  <c r="E1455" i="1"/>
  <c r="E1456" i="1"/>
  <c r="E1457" i="1"/>
  <c r="E1458" i="1"/>
  <c r="E1459" i="1"/>
  <c r="E1460" i="1"/>
  <c r="E1461" i="1"/>
  <c r="E1462" i="1"/>
  <c r="E1463" i="1"/>
  <c r="E1464" i="1"/>
  <c r="E1465" i="1"/>
  <c r="E1466" i="1"/>
  <c r="E1467" i="1"/>
  <c r="E1468" i="1"/>
  <c r="E1469" i="1"/>
  <c r="E1470" i="1"/>
  <c r="E1471" i="1"/>
  <c r="E1472" i="1"/>
  <c r="E1473" i="1"/>
  <c r="E1474" i="1"/>
  <c r="E1475" i="1"/>
  <c r="E1476" i="1"/>
  <c r="E1477" i="1"/>
  <c r="E1478" i="1"/>
  <c r="E1479" i="1"/>
  <c r="E1480" i="1"/>
  <c r="E1481" i="1"/>
  <c r="E1482" i="1"/>
  <c r="E1483" i="1"/>
  <c r="E1484" i="1"/>
  <c r="E1485" i="1"/>
  <c r="E1486" i="1"/>
  <c r="E1487" i="1"/>
  <c r="E1488" i="1"/>
  <c r="E1489" i="1"/>
  <c r="E1490" i="1"/>
  <c r="E1491" i="1"/>
  <c r="E1492" i="1"/>
  <c r="E1493" i="1"/>
  <c r="E1494" i="1"/>
  <c r="E1495" i="1"/>
  <c r="E1496" i="1"/>
  <c r="E1497" i="1"/>
  <c r="E1498" i="1"/>
  <c r="E1499" i="1"/>
  <c r="E1500" i="1"/>
  <c r="E1501" i="1"/>
  <c r="E1502" i="1"/>
  <c r="E1503" i="1"/>
  <c r="E1504" i="1"/>
  <c r="E1505" i="1"/>
  <c r="E1506" i="1"/>
  <c r="E1507" i="1"/>
  <c r="E1508" i="1"/>
  <c r="E1509" i="1"/>
  <c r="E1510" i="1"/>
  <c r="E1511" i="1"/>
  <c r="E1512" i="1"/>
  <c r="E1513" i="1"/>
  <c r="E1514" i="1"/>
  <c r="E1515" i="1"/>
  <c r="E1516" i="1"/>
  <c r="E1517" i="1"/>
  <c r="E1518" i="1"/>
  <c r="E1519" i="1"/>
  <c r="E1520" i="1"/>
  <c r="E1521" i="1"/>
  <c r="E1522" i="1"/>
  <c r="E1523" i="1"/>
  <c r="E1524" i="1"/>
  <c r="E1525" i="1"/>
  <c r="E1526" i="1"/>
  <c r="E1527" i="1"/>
  <c r="E1528" i="1"/>
  <c r="E1529" i="1"/>
  <c r="E1530" i="1"/>
  <c r="E1531" i="1"/>
  <c r="E1532" i="1"/>
  <c r="E1533" i="1"/>
  <c r="E1534" i="1"/>
  <c r="E1535" i="1"/>
  <c r="E1536" i="1"/>
  <c r="E1537" i="1"/>
  <c r="E1538" i="1"/>
  <c r="E1539" i="1"/>
  <c r="E1540" i="1"/>
  <c r="E1541" i="1"/>
  <c r="E1542" i="1"/>
  <c r="E1543" i="1"/>
  <c r="E1544" i="1"/>
  <c r="E1545" i="1"/>
  <c r="E1546" i="1"/>
  <c r="E1547" i="1"/>
  <c r="E1548" i="1"/>
  <c r="E1549" i="1"/>
  <c r="E1550" i="1"/>
  <c r="E1551" i="1"/>
  <c r="E1552" i="1"/>
  <c r="E1553" i="1"/>
  <c r="E1554" i="1"/>
  <c r="E1555" i="1"/>
  <c r="E1556" i="1"/>
  <c r="E1557" i="1"/>
  <c r="E1558" i="1"/>
  <c r="E1559" i="1"/>
  <c r="E1560" i="1"/>
  <c r="E1561" i="1"/>
  <c r="E1562" i="1"/>
  <c r="E1563" i="1"/>
  <c r="E1564" i="1"/>
  <c r="E1565" i="1"/>
  <c r="E1566" i="1"/>
  <c r="E1567" i="1"/>
  <c r="E1568" i="1"/>
  <c r="E1569" i="1"/>
  <c r="E1570" i="1"/>
  <c r="E1571" i="1"/>
  <c r="E1572" i="1"/>
  <c r="E1573" i="1"/>
  <c r="E1574" i="1"/>
  <c r="E1575" i="1"/>
  <c r="E1576" i="1"/>
  <c r="E1577" i="1"/>
  <c r="E1578" i="1"/>
  <c r="E1579" i="1"/>
  <c r="E1580" i="1"/>
  <c r="E1581" i="1"/>
  <c r="E1582" i="1"/>
  <c r="E1583" i="1"/>
  <c r="E1584" i="1"/>
  <c r="E1585" i="1"/>
  <c r="E1586" i="1"/>
  <c r="E1587" i="1"/>
  <c r="E1588" i="1"/>
  <c r="E1589" i="1"/>
  <c r="E1590" i="1"/>
  <c r="E1591" i="1"/>
  <c r="E1592" i="1"/>
  <c r="E1593" i="1"/>
  <c r="E1594" i="1"/>
  <c r="E1595" i="1"/>
  <c r="E1596" i="1"/>
  <c r="E1597" i="1"/>
  <c r="E1598" i="1"/>
  <c r="E1599" i="1"/>
  <c r="E1600" i="1"/>
  <c r="E1601" i="1"/>
  <c r="E1602" i="1"/>
  <c r="E1603" i="1"/>
  <c r="E1604" i="1"/>
  <c r="E1605" i="1"/>
  <c r="E1606" i="1"/>
  <c r="E1607" i="1"/>
  <c r="E1608" i="1"/>
  <c r="E1609" i="1"/>
  <c r="E1610" i="1"/>
  <c r="E1611" i="1"/>
  <c r="E1612" i="1"/>
  <c r="E1613" i="1"/>
  <c r="E1614" i="1"/>
  <c r="E1615" i="1"/>
  <c r="E1616" i="1"/>
  <c r="E1617" i="1"/>
  <c r="E1618" i="1"/>
  <c r="E1619" i="1"/>
  <c r="E1620" i="1"/>
  <c r="E1621" i="1"/>
  <c r="E1622" i="1"/>
  <c r="E1623" i="1"/>
  <c r="E1624" i="1"/>
  <c r="E1625" i="1"/>
  <c r="E1626" i="1"/>
  <c r="E1627" i="1"/>
  <c r="E1628" i="1"/>
  <c r="E1629" i="1"/>
  <c r="E1630" i="1"/>
  <c r="E1631" i="1"/>
  <c r="E1632" i="1"/>
  <c r="E1633" i="1"/>
  <c r="E1634" i="1"/>
  <c r="E1635" i="1"/>
  <c r="E1636" i="1"/>
  <c r="E1637" i="1"/>
  <c r="E1638" i="1"/>
  <c r="E1639" i="1"/>
  <c r="E1640" i="1"/>
  <c r="E1641" i="1"/>
  <c r="E1642" i="1"/>
  <c r="E1643" i="1"/>
  <c r="E1644" i="1"/>
  <c r="E1645" i="1"/>
  <c r="E1646" i="1"/>
  <c r="E1647" i="1"/>
  <c r="E1648" i="1"/>
  <c r="E1649" i="1"/>
  <c r="E1650" i="1"/>
  <c r="E1651" i="1"/>
  <c r="E1652" i="1"/>
  <c r="E1653" i="1"/>
  <c r="E1654" i="1"/>
  <c r="E1655" i="1"/>
  <c r="E1656" i="1"/>
  <c r="E1657" i="1"/>
  <c r="E1658" i="1"/>
  <c r="E1659" i="1"/>
  <c r="E1660" i="1"/>
  <c r="E1661" i="1"/>
  <c r="E1662" i="1"/>
  <c r="E1663" i="1"/>
  <c r="E1664" i="1"/>
  <c r="E1665" i="1"/>
  <c r="E1666" i="1"/>
  <c r="E1667" i="1"/>
  <c r="E1668" i="1"/>
  <c r="E1669" i="1"/>
  <c r="E1670" i="1"/>
  <c r="E1671" i="1"/>
  <c r="E1672" i="1"/>
  <c r="E1673" i="1"/>
  <c r="E1674" i="1"/>
  <c r="E1675" i="1"/>
  <c r="E1676" i="1"/>
  <c r="E1677" i="1"/>
  <c r="E1678" i="1"/>
  <c r="E1679" i="1"/>
  <c r="E1680" i="1"/>
  <c r="E1681" i="1"/>
  <c r="E1682" i="1"/>
  <c r="E1683" i="1"/>
  <c r="E1684" i="1"/>
  <c r="E1685" i="1"/>
  <c r="E1686" i="1"/>
  <c r="E1687" i="1"/>
  <c r="E1688" i="1"/>
  <c r="E1689" i="1"/>
  <c r="E1690" i="1"/>
  <c r="E1691" i="1"/>
  <c r="E1692" i="1"/>
  <c r="E1693" i="1"/>
  <c r="E1694" i="1"/>
  <c r="E1695" i="1"/>
  <c r="E1696" i="1"/>
  <c r="E1697" i="1"/>
  <c r="E1698" i="1"/>
  <c r="E1699" i="1"/>
  <c r="E1700" i="1"/>
  <c r="E1701" i="1"/>
  <c r="E1702" i="1"/>
  <c r="E1703" i="1"/>
  <c r="E1704" i="1"/>
  <c r="E1705" i="1"/>
  <c r="E1706" i="1"/>
  <c r="E1707" i="1"/>
  <c r="E1708" i="1"/>
  <c r="E1709" i="1"/>
  <c r="E1710" i="1"/>
  <c r="E1711" i="1"/>
  <c r="E1712" i="1"/>
  <c r="E1713" i="1"/>
  <c r="E1714" i="1"/>
  <c r="E1715" i="1"/>
  <c r="E1716" i="1"/>
  <c r="E1717" i="1"/>
  <c r="E1718" i="1"/>
  <c r="E1719" i="1"/>
  <c r="E1720" i="1"/>
  <c r="E1721" i="1"/>
  <c r="E1722" i="1"/>
  <c r="E1723" i="1"/>
  <c r="E1724" i="1"/>
  <c r="E1725" i="1"/>
  <c r="E1726" i="1"/>
  <c r="E1727" i="1"/>
  <c r="E1728" i="1"/>
  <c r="E1729" i="1"/>
  <c r="E1730" i="1"/>
  <c r="E1731" i="1"/>
  <c r="E1732" i="1"/>
  <c r="E1733" i="1"/>
  <c r="E1734" i="1"/>
  <c r="E1735" i="1"/>
  <c r="E1736" i="1"/>
  <c r="E1737" i="1"/>
  <c r="E1738" i="1"/>
  <c r="E1739" i="1"/>
  <c r="E1740" i="1"/>
  <c r="E1741" i="1"/>
  <c r="E1742" i="1"/>
  <c r="E1743" i="1"/>
  <c r="E1744" i="1"/>
  <c r="E1745" i="1"/>
  <c r="E1746" i="1"/>
  <c r="E1747" i="1"/>
  <c r="E1748" i="1"/>
  <c r="E1749" i="1"/>
  <c r="E1750" i="1"/>
  <c r="E1751" i="1"/>
  <c r="E1752" i="1"/>
  <c r="E1753" i="1"/>
  <c r="E1754" i="1"/>
  <c r="E1755" i="1"/>
  <c r="E1756" i="1"/>
  <c r="E1757" i="1"/>
  <c r="E1758" i="1"/>
  <c r="E1759" i="1"/>
  <c r="E1760" i="1"/>
  <c r="E1761" i="1"/>
  <c r="E1762" i="1"/>
  <c r="E1763" i="1"/>
  <c r="E1764" i="1"/>
  <c r="E1765" i="1"/>
  <c r="E1766" i="1"/>
  <c r="E1767" i="1"/>
  <c r="E1768" i="1"/>
  <c r="E1769" i="1"/>
  <c r="E1770" i="1"/>
  <c r="E1771" i="1"/>
  <c r="E1772" i="1"/>
  <c r="E1773" i="1"/>
  <c r="E1774" i="1"/>
  <c r="E1775" i="1"/>
  <c r="E1776" i="1"/>
  <c r="E1777" i="1"/>
  <c r="E1778" i="1"/>
  <c r="E1779" i="1"/>
  <c r="E1780" i="1"/>
  <c r="E1781" i="1"/>
  <c r="E1782" i="1"/>
  <c r="E1783" i="1"/>
  <c r="E1784" i="1"/>
  <c r="E1785" i="1"/>
  <c r="E1786" i="1"/>
  <c r="E1787" i="1"/>
  <c r="E1788" i="1"/>
  <c r="E1789" i="1"/>
  <c r="E1790" i="1"/>
  <c r="E1791" i="1"/>
  <c r="E1792" i="1"/>
  <c r="E1793" i="1"/>
  <c r="E1794" i="1"/>
  <c r="E1795" i="1"/>
  <c r="E1796" i="1"/>
  <c r="E1797" i="1"/>
  <c r="E1798" i="1"/>
  <c r="E1799" i="1"/>
  <c r="E1800" i="1"/>
  <c r="E1801" i="1"/>
  <c r="E1802" i="1"/>
  <c r="E1803" i="1"/>
  <c r="E1804" i="1"/>
  <c r="E1805" i="1"/>
  <c r="E1806" i="1"/>
  <c r="E1807" i="1"/>
  <c r="E1808" i="1"/>
  <c r="E1809" i="1"/>
  <c r="E1810" i="1"/>
  <c r="E1811" i="1"/>
  <c r="E1812" i="1"/>
  <c r="E1813" i="1"/>
  <c r="E1814" i="1"/>
  <c r="E1815" i="1"/>
  <c r="E1816" i="1"/>
  <c r="E1817" i="1"/>
  <c r="E1818" i="1"/>
  <c r="E1819" i="1"/>
  <c r="E1820" i="1"/>
  <c r="E1821" i="1"/>
  <c r="E1822" i="1"/>
  <c r="E1823" i="1"/>
  <c r="E1824" i="1"/>
  <c r="E1825" i="1"/>
  <c r="E1826" i="1"/>
  <c r="E1827" i="1"/>
  <c r="E1828" i="1"/>
  <c r="E1829" i="1"/>
  <c r="E1830" i="1"/>
  <c r="E1831" i="1"/>
  <c r="E1832" i="1"/>
  <c r="E1833" i="1"/>
  <c r="E1834" i="1"/>
  <c r="E1835" i="1"/>
  <c r="E1836" i="1"/>
  <c r="E1837" i="1"/>
  <c r="E1838" i="1"/>
  <c r="E1839" i="1"/>
  <c r="E1840" i="1"/>
  <c r="E1841" i="1"/>
  <c r="E1842" i="1"/>
  <c r="E1843" i="1"/>
  <c r="E1844" i="1"/>
  <c r="E1845" i="1"/>
  <c r="E1846" i="1"/>
  <c r="E1847" i="1"/>
  <c r="E1848" i="1"/>
  <c r="E1849" i="1"/>
  <c r="E1850" i="1"/>
  <c r="E1851" i="1"/>
  <c r="E1852" i="1"/>
  <c r="E1853" i="1"/>
  <c r="E1854" i="1"/>
  <c r="E1855" i="1"/>
  <c r="E1856" i="1"/>
  <c r="E1857" i="1"/>
  <c r="E1858" i="1"/>
  <c r="E1859" i="1"/>
  <c r="E1860" i="1"/>
  <c r="E1861" i="1"/>
  <c r="E1862" i="1"/>
  <c r="E1863" i="1"/>
  <c r="E1864" i="1"/>
  <c r="E1865" i="1"/>
  <c r="E1866" i="1"/>
  <c r="E1867" i="1"/>
  <c r="E1868" i="1"/>
  <c r="E1869" i="1"/>
  <c r="E1870" i="1"/>
  <c r="E1871" i="1"/>
  <c r="E1872" i="1"/>
  <c r="E1873" i="1"/>
  <c r="E1874" i="1"/>
  <c r="E1875" i="1"/>
  <c r="E1876" i="1"/>
  <c r="E1877" i="1"/>
  <c r="E1878" i="1"/>
  <c r="E1879" i="1"/>
  <c r="E1880" i="1"/>
  <c r="E1881" i="1"/>
  <c r="E1882" i="1"/>
  <c r="E1883" i="1"/>
  <c r="E1884" i="1"/>
  <c r="E1885" i="1"/>
  <c r="E1886" i="1"/>
  <c r="E1887" i="1"/>
  <c r="E1888" i="1"/>
  <c r="E1889" i="1"/>
  <c r="E1890" i="1"/>
  <c r="E1891" i="1"/>
  <c r="E1892" i="1"/>
  <c r="E1893" i="1"/>
  <c r="E1894" i="1"/>
  <c r="E1895" i="1"/>
  <c r="E1896" i="1"/>
  <c r="E1897" i="1"/>
  <c r="E1898" i="1"/>
  <c r="E1899" i="1"/>
  <c r="E1900" i="1"/>
  <c r="E1901" i="1"/>
  <c r="E1902" i="1"/>
  <c r="E1903" i="1"/>
  <c r="E1904" i="1"/>
  <c r="E1905" i="1"/>
  <c r="E1906" i="1"/>
  <c r="E1907" i="1"/>
  <c r="E1908" i="1"/>
  <c r="E1909" i="1"/>
  <c r="E1910" i="1"/>
  <c r="E1911" i="1"/>
  <c r="E1912" i="1"/>
  <c r="E1913" i="1"/>
  <c r="E1914" i="1"/>
  <c r="E1915" i="1"/>
  <c r="E1916" i="1"/>
  <c r="E1917" i="1"/>
  <c r="E1918" i="1"/>
  <c r="E1919" i="1"/>
  <c r="E1920" i="1"/>
  <c r="E1921" i="1"/>
  <c r="E1922" i="1"/>
  <c r="E1923" i="1"/>
  <c r="E1924" i="1"/>
  <c r="E1925" i="1"/>
  <c r="E1926" i="1"/>
  <c r="E1927" i="1"/>
  <c r="E1928" i="1"/>
  <c r="E1929" i="1"/>
  <c r="E1930" i="1"/>
  <c r="E1931" i="1"/>
  <c r="E1932" i="1"/>
  <c r="E1933" i="1"/>
  <c r="E1934" i="1"/>
  <c r="E1935" i="1"/>
  <c r="E1936" i="1"/>
  <c r="E1937" i="1"/>
  <c r="E1938" i="1"/>
  <c r="E1939" i="1"/>
  <c r="E1940" i="1"/>
  <c r="E1941" i="1"/>
  <c r="E1942" i="1"/>
  <c r="E1943" i="1"/>
  <c r="E1944" i="1"/>
  <c r="E1945" i="1"/>
  <c r="E1946" i="1"/>
  <c r="E1947" i="1"/>
  <c r="E1948" i="1"/>
  <c r="E1949" i="1"/>
  <c r="E1950" i="1"/>
  <c r="E1951" i="1"/>
  <c r="E1952" i="1"/>
  <c r="E1953" i="1"/>
  <c r="E1954" i="1"/>
  <c r="E1955" i="1"/>
  <c r="E1956" i="1"/>
  <c r="E1957" i="1"/>
  <c r="E1958" i="1"/>
  <c r="E1959" i="1"/>
  <c r="E1960" i="1"/>
  <c r="E1961" i="1"/>
  <c r="E1962" i="1"/>
  <c r="E1963" i="1"/>
  <c r="E1964" i="1"/>
  <c r="E1965" i="1"/>
  <c r="E1966" i="1"/>
  <c r="E1967" i="1"/>
  <c r="E1968" i="1"/>
  <c r="E1969" i="1"/>
  <c r="E1970" i="1"/>
  <c r="E1971" i="1"/>
  <c r="E1972" i="1"/>
  <c r="E1973" i="1"/>
  <c r="E1974" i="1"/>
  <c r="E1975" i="1"/>
  <c r="E1976" i="1"/>
  <c r="E1977" i="1"/>
  <c r="E1978" i="1"/>
  <c r="E1979" i="1"/>
  <c r="E1980" i="1"/>
  <c r="E1981" i="1"/>
  <c r="E1982" i="1"/>
  <c r="E1983" i="1"/>
  <c r="E1984" i="1"/>
  <c r="E1985" i="1"/>
  <c r="E1986" i="1"/>
  <c r="E1987" i="1"/>
  <c r="E1988" i="1"/>
  <c r="E1989" i="1"/>
  <c r="E1990" i="1"/>
  <c r="E1991" i="1"/>
  <c r="E1992" i="1"/>
  <c r="E1993" i="1"/>
  <c r="E1994" i="1"/>
  <c r="E1995" i="1"/>
  <c r="E1996" i="1"/>
  <c r="E1997" i="1"/>
  <c r="E1998" i="1"/>
  <c r="E1999" i="1"/>
  <c r="E2000" i="1"/>
  <c r="E2001" i="1"/>
  <c r="E2002" i="1"/>
  <c r="E2003" i="1"/>
  <c r="E2004" i="1"/>
  <c r="E2005" i="1"/>
  <c r="E2006" i="1"/>
  <c r="E2007" i="1"/>
  <c r="E2008" i="1"/>
  <c r="E2009" i="1"/>
  <c r="E2010" i="1"/>
  <c r="E2011" i="1"/>
  <c r="E2012" i="1"/>
  <c r="E2013" i="1"/>
  <c r="E2014" i="1"/>
  <c r="E2015" i="1"/>
  <c r="E2016" i="1"/>
  <c r="E2017" i="1"/>
  <c r="E2018" i="1"/>
  <c r="E2019" i="1"/>
  <c r="E2020" i="1"/>
  <c r="E2021" i="1"/>
  <c r="E2022" i="1"/>
  <c r="E2023" i="1"/>
  <c r="E2024" i="1"/>
  <c r="E2025" i="1"/>
  <c r="E2026" i="1"/>
  <c r="E2027" i="1"/>
  <c r="E2028" i="1"/>
  <c r="E2029" i="1"/>
  <c r="E2030" i="1"/>
  <c r="E2031" i="1"/>
  <c r="E2032" i="1"/>
  <c r="E2033" i="1"/>
  <c r="E2034" i="1"/>
  <c r="E2035" i="1"/>
  <c r="E2036" i="1"/>
  <c r="E2037" i="1"/>
  <c r="E2038" i="1"/>
  <c r="E2039" i="1"/>
  <c r="E2040" i="1"/>
  <c r="E2041" i="1"/>
  <c r="E2042" i="1"/>
  <c r="E2043" i="1"/>
  <c r="E2044" i="1"/>
  <c r="E2045" i="1"/>
  <c r="E2046" i="1"/>
  <c r="E2047" i="1"/>
  <c r="E2048" i="1"/>
  <c r="E2049" i="1"/>
  <c r="E2050" i="1"/>
  <c r="E2051" i="1"/>
  <c r="E2052" i="1"/>
  <c r="E2053" i="1"/>
  <c r="E2054" i="1"/>
  <c r="E2055" i="1"/>
  <c r="E2056" i="1"/>
  <c r="E2057" i="1"/>
  <c r="E2058" i="1"/>
  <c r="E2059" i="1"/>
  <c r="E2060" i="1"/>
  <c r="E2061" i="1"/>
  <c r="E2062" i="1"/>
  <c r="E2063" i="1"/>
  <c r="E2064" i="1"/>
  <c r="E2065" i="1"/>
  <c r="E2066" i="1"/>
  <c r="E2067" i="1"/>
  <c r="E2068" i="1"/>
  <c r="E2069" i="1"/>
  <c r="E2070" i="1"/>
  <c r="E2071" i="1"/>
  <c r="E2072" i="1"/>
  <c r="E2073" i="1"/>
  <c r="E2074" i="1"/>
  <c r="E2075" i="1"/>
  <c r="E2076" i="1"/>
  <c r="E2077" i="1"/>
  <c r="E2078" i="1"/>
  <c r="E2079" i="1"/>
  <c r="E2080" i="1"/>
  <c r="E2081" i="1"/>
  <c r="E2082" i="1"/>
  <c r="E2083" i="1"/>
  <c r="E2084" i="1"/>
  <c r="E2085" i="1"/>
  <c r="E2086" i="1"/>
  <c r="E2087" i="1"/>
  <c r="E2088" i="1"/>
  <c r="E2089" i="1"/>
  <c r="E2090" i="1"/>
  <c r="E2091" i="1"/>
  <c r="E2092" i="1"/>
  <c r="E2093" i="1"/>
  <c r="E2094" i="1"/>
  <c r="E2095" i="1"/>
  <c r="E2096" i="1"/>
  <c r="E2097" i="1"/>
  <c r="E2098" i="1"/>
  <c r="E2099" i="1"/>
  <c r="E2100" i="1"/>
  <c r="E2101" i="1"/>
  <c r="E2102" i="1"/>
  <c r="E2103" i="1"/>
  <c r="E2104" i="1"/>
  <c r="E2105" i="1"/>
  <c r="E2106" i="1"/>
  <c r="E2107" i="1"/>
  <c r="E2108" i="1"/>
  <c r="E2109" i="1"/>
  <c r="E2110" i="1"/>
  <c r="E2111" i="1"/>
  <c r="E2112" i="1"/>
  <c r="E2113" i="1"/>
  <c r="E2114" i="1"/>
  <c r="E2115" i="1"/>
  <c r="E2116" i="1"/>
  <c r="E2117" i="1"/>
  <c r="E2118" i="1"/>
  <c r="E2119" i="1"/>
  <c r="E2120" i="1"/>
  <c r="E2121" i="1"/>
  <c r="E2122" i="1"/>
  <c r="E2123" i="1"/>
  <c r="E2124" i="1"/>
  <c r="E2125" i="1"/>
  <c r="E2126" i="1"/>
  <c r="E2127" i="1"/>
  <c r="E2128" i="1"/>
  <c r="E2129" i="1"/>
  <c r="E2130" i="1"/>
  <c r="E2131" i="1"/>
  <c r="E2132" i="1"/>
  <c r="E2133" i="1"/>
  <c r="E2134" i="1"/>
  <c r="E2135" i="1"/>
  <c r="E2136" i="1"/>
  <c r="E2137" i="1"/>
  <c r="E2138" i="1"/>
  <c r="E2139" i="1"/>
  <c r="E2140" i="1"/>
  <c r="E2141" i="1"/>
  <c r="E2142" i="1"/>
  <c r="E2143" i="1"/>
  <c r="E2144" i="1"/>
  <c r="E2145" i="1"/>
  <c r="E2146" i="1"/>
  <c r="E2147" i="1"/>
  <c r="E2148" i="1"/>
  <c r="E2149" i="1"/>
  <c r="E2150" i="1"/>
  <c r="E2151" i="1"/>
  <c r="E2152" i="1"/>
  <c r="E2153" i="1"/>
  <c r="E2154" i="1"/>
  <c r="E2155" i="1"/>
  <c r="E2156" i="1"/>
  <c r="E2157" i="1"/>
  <c r="E2158" i="1"/>
  <c r="E2159" i="1"/>
  <c r="E2160" i="1"/>
  <c r="E2161" i="1"/>
  <c r="E2162" i="1"/>
  <c r="E2163" i="1"/>
  <c r="E2164" i="1"/>
  <c r="E2165" i="1"/>
  <c r="E2166" i="1"/>
  <c r="E2167" i="1"/>
  <c r="E2168" i="1"/>
  <c r="E2169" i="1"/>
  <c r="E2170" i="1"/>
  <c r="E2171" i="1"/>
  <c r="E2172" i="1"/>
  <c r="E2173" i="1"/>
  <c r="E2174" i="1"/>
  <c r="E2175" i="1"/>
  <c r="E2176" i="1"/>
  <c r="E2177" i="1"/>
  <c r="E2178" i="1"/>
  <c r="E2179" i="1"/>
  <c r="E2180" i="1"/>
  <c r="E2181" i="1"/>
  <c r="E2182" i="1"/>
  <c r="E2183" i="1"/>
  <c r="E2184" i="1"/>
  <c r="E2185" i="1"/>
  <c r="E2186" i="1"/>
  <c r="E2187" i="1"/>
  <c r="E2188" i="1"/>
  <c r="E2189" i="1"/>
  <c r="E2190" i="1"/>
  <c r="E2191" i="1"/>
  <c r="E2192" i="1"/>
  <c r="E2193" i="1"/>
  <c r="E2194" i="1"/>
  <c r="E2195" i="1"/>
  <c r="E2196" i="1"/>
  <c r="E2197" i="1"/>
  <c r="E2198" i="1"/>
  <c r="E2199" i="1"/>
  <c r="E2200" i="1"/>
  <c r="E2201" i="1"/>
  <c r="E2202" i="1"/>
  <c r="E2203" i="1"/>
  <c r="E2204" i="1"/>
  <c r="E2205" i="1"/>
  <c r="E2206" i="1"/>
  <c r="E2207" i="1"/>
  <c r="E2208" i="1"/>
  <c r="E2209" i="1"/>
  <c r="E2210" i="1"/>
  <c r="E2211" i="1"/>
  <c r="E2212" i="1"/>
  <c r="E2213" i="1"/>
  <c r="E2214" i="1"/>
  <c r="E2215" i="1"/>
  <c r="E2216" i="1"/>
  <c r="E2217" i="1"/>
  <c r="E2218" i="1"/>
  <c r="E2219" i="1"/>
  <c r="E2220" i="1"/>
  <c r="E2221" i="1"/>
  <c r="E2222" i="1"/>
  <c r="E2223" i="1"/>
  <c r="E2224" i="1"/>
  <c r="E2225" i="1"/>
  <c r="E2226" i="1"/>
  <c r="E2227" i="1"/>
  <c r="E2228" i="1"/>
  <c r="E2229" i="1"/>
  <c r="E2230" i="1"/>
  <c r="E2231" i="1"/>
  <c r="E2232" i="1"/>
  <c r="E2233" i="1"/>
  <c r="E2234" i="1"/>
  <c r="E2235" i="1"/>
  <c r="E2236" i="1"/>
  <c r="E2237" i="1"/>
  <c r="E2238" i="1"/>
  <c r="E2239" i="1"/>
  <c r="E2240" i="1"/>
  <c r="E2241" i="1"/>
  <c r="E2242" i="1"/>
  <c r="E2243" i="1"/>
  <c r="E2244" i="1"/>
  <c r="E2245" i="1"/>
  <c r="E2246" i="1"/>
  <c r="E2247" i="1"/>
  <c r="E2248" i="1"/>
  <c r="E2249" i="1"/>
  <c r="E2250" i="1"/>
  <c r="E2251" i="1"/>
  <c r="E2252" i="1"/>
  <c r="E2253" i="1"/>
  <c r="E2254" i="1"/>
  <c r="E2255" i="1"/>
  <c r="E2256" i="1"/>
  <c r="E2257" i="1"/>
  <c r="E2258" i="1"/>
  <c r="E2259" i="1"/>
  <c r="E2260" i="1"/>
  <c r="E2261" i="1"/>
  <c r="E2262" i="1"/>
  <c r="E2263" i="1"/>
  <c r="E2264" i="1"/>
  <c r="E2265" i="1"/>
  <c r="E2266" i="1"/>
  <c r="E2267" i="1"/>
  <c r="E2268" i="1"/>
  <c r="E2269" i="1"/>
  <c r="E2270" i="1"/>
  <c r="E2271" i="1"/>
  <c r="E2272" i="1"/>
  <c r="E2273" i="1"/>
  <c r="E2274" i="1"/>
  <c r="E2275" i="1"/>
  <c r="E2276" i="1"/>
  <c r="E2277" i="1"/>
  <c r="E2278" i="1"/>
  <c r="E2279" i="1"/>
  <c r="E2280" i="1"/>
  <c r="E2281" i="1"/>
  <c r="E2282" i="1"/>
  <c r="E2283" i="1"/>
  <c r="E2284" i="1"/>
  <c r="E2285" i="1"/>
  <c r="E2286" i="1"/>
  <c r="E2287" i="1"/>
  <c r="E2288" i="1"/>
  <c r="E2289" i="1"/>
  <c r="E2290" i="1"/>
  <c r="E2291" i="1"/>
  <c r="E2292" i="1"/>
  <c r="E2293" i="1"/>
  <c r="E2294" i="1"/>
  <c r="E2295" i="1"/>
  <c r="E2296" i="1"/>
  <c r="E2297" i="1"/>
  <c r="E2298" i="1"/>
  <c r="E2299" i="1"/>
  <c r="E2300" i="1"/>
  <c r="E2301" i="1"/>
  <c r="E2302" i="1"/>
  <c r="E2303" i="1"/>
  <c r="E2304" i="1"/>
  <c r="E2305" i="1"/>
  <c r="E2306" i="1"/>
  <c r="E2307" i="1"/>
  <c r="E2308" i="1"/>
  <c r="E2309" i="1"/>
  <c r="E2310" i="1"/>
  <c r="E2311" i="1"/>
  <c r="E2312" i="1"/>
  <c r="E2313" i="1"/>
  <c r="E2314" i="1"/>
  <c r="E2315" i="1"/>
  <c r="E2316" i="1"/>
  <c r="E2317" i="1"/>
  <c r="E2318" i="1"/>
  <c r="E2319" i="1"/>
  <c r="E2320" i="1"/>
  <c r="E2321" i="1"/>
  <c r="E2322" i="1"/>
  <c r="E2323" i="1"/>
  <c r="E2324" i="1"/>
  <c r="E2325" i="1"/>
  <c r="E2326" i="1"/>
  <c r="E2327" i="1"/>
  <c r="E2328" i="1"/>
  <c r="E2329" i="1"/>
  <c r="E2330" i="1"/>
  <c r="E2331" i="1"/>
  <c r="E2332" i="1"/>
  <c r="E2333" i="1"/>
  <c r="E2334" i="1"/>
  <c r="E2335" i="1"/>
  <c r="E2336" i="1"/>
  <c r="E2337" i="1"/>
  <c r="E2338" i="1"/>
  <c r="E2339" i="1"/>
  <c r="E2340" i="1"/>
  <c r="E2341" i="1"/>
  <c r="E2342" i="1"/>
  <c r="E2343" i="1"/>
  <c r="E2344" i="1"/>
  <c r="E2345" i="1"/>
  <c r="E2346" i="1"/>
  <c r="E2347" i="1"/>
  <c r="E2348" i="1"/>
  <c r="E2349" i="1"/>
  <c r="E2350" i="1"/>
  <c r="E2351" i="1"/>
  <c r="E2352" i="1"/>
  <c r="E2353" i="1"/>
  <c r="E2354" i="1"/>
  <c r="E2355" i="1"/>
  <c r="E2356" i="1"/>
  <c r="E2357" i="1"/>
  <c r="E2358" i="1"/>
  <c r="E2359" i="1"/>
  <c r="E2360" i="1"/>
  <c r="E2361" i="1"/>
  <c r="E2362" i="1"/>
  <c r="E2363" i="1"/>
  <c r="E2364" i="1"/>
  <c r="E2365" i="1"/>
  <c r="E2366" i="1"/>
  <c r="E2367" i="1"/>
  <c r="E2368" i="1"/>
  <c r="E2369" i="1"/>
  <c r="E2370" i="1"/>
  <c r="E2371" i="1"/>
  <c r="E2372" i="1"/>
  <c r="E2373" i="1"/>
  <c r="E2374" i="1"/>
  <c r="E2375" i="1"/>
  <c r="E2376" i="1"/>
  <c r="E2377" i="1"/>
  <c r="E2378" i="1"/>
  <c r="E2379" i="1"/>
  <c r="E2380" i="1"/>
  <c r="E2381" i="1"/>
  <c r="E2382" i="1"/>
  <c r="E2383" i="1"/>
  <c r="E2384" i="1"/>
  <c r="E2385" i="1"/>
  <c r="E2386" i="1"/>
  <c r="E2387" i="1"/>
  <c r="E2388" i="1"/>
  <c r="E2389" i="1"/>
  <c r="E2390" i="1"/>
  <c r="E2391" i="1"/>
  <c r="E2392" i="1"/>
  <c r="E2393" i="1"/>
  <c r="E2394" i="1"/>
  <c r="E2395" i="1"/>
  <c r="E2396" i="1"/>
  <c r="E2397" i="1"/>
  <c r="E2398" i="1"/>
  <c r="E2399" i="1"/>
  <c r="E2400" i="1"/>
  <c r="E2401" i="1"/>
  <c r="E2402" i="1"/>
  <c r="E2403" i="1"/>
  <c r="E2404" i="1"/>
  <c r="E2405" i="1"/>
  <c r="E2406" i="1"/>
  <c r="E2407" i="1"/>
  <c r="E2408" i="1"/>
  <c r="E2409" i="1"/>
  <c r="E2410" i="1"/>
  <c r="E2411" i="1"/>
  <c r="E2412" i="1"/>
  <c r="E2413" i="1"/>
  <c r="E2414" i="1"/>
  <c r="E2415" i="1"/>
  <c r="E2416" i="1"/>
  <c r="E2417" i="1"/>
  <c r="E2418" i="1"/>
  <c r="E2419" i="1"/>
  <c r="E2420" i="1"/>
  <c r="E2421" i="1"/>
  <c r="E2422" i="1"/>
  <c r="E2423" i="1"/>
  <c r="E2424" i="1"/>
  <c r="E2425" i="1"/>
  <c r="E2426" i="1"/>
  <c r="E2427" i="1"/>
  <c r="E2428" i="1"/>
  <c r="E2429" i="1"/>
  <c r="E2430" i="1"/>
  <c r="E2431" i="1"/>
  <c r="E2432" i="1"/>
  <c r="E2433" i="1"/>
  <c r="E2434" i="1"/>
  <c r="E2435" i="1"/>
  <c r="E2436" i="1"/>
  <c r="E2437" i="1"/>
  <c r="E2438" i="1"/>
  <c r="E2439" i="1"/>
  <c r="E2440" i="1"/>
  <c r="E2441" i="1"/>
  <c r="E2442" i="1"/>
  <c r="E2443" i="1"/>
  <c r="E2444" i="1"/>
  <c r="E2445" i="1"/>
  <c r="E2446" i="1"/>
  <c r="E2447" i="1"/>
  <c r="E2448" i="1"/>
  <c r="E2449" i="1"/>
  <c r="E2450" i="1"/>
  <c r="E2451" i="1"/>
  <c r="E2452" i="1"/>
  <c r="E2453" i="1"/>
  <c r="E2454" i="1"/>
  <c r="E2455" i="1"/>
  <c r="E2456" i="1"/>
  <c r="E2457" i="1"/>
  <c r="E2458" i="1"/>
  <c r="E2459" i="1"/>
  <c r="E2460" i="1"/>
  <c r="E2461" i="1"/>
  <c r="E2462" i="1"/>
  <c r="E2463" i="1"/>
  <c r="E2464" i="1"/>
  <c r="E2465" i="1"/>
  <c r="E2466" i="1"/>
  <c r="E2467" i="1"/>
  <c r="E2468" i="1"/>
  <c r="E2469" i="1"/>
  <c r="E2470" i="1"/>
  <c r="E2471" i="1"/>
  <c r="E2472" i="1"/>
  <c r="E2473" i="1"/>
  <c r="E2474" i="1"/>
  <c r="E2475" i="1"/>
  <c r="E2476" i="1"/>
  <c r="E2477" i="1"/>
  <c r="E2478" i="1"/>
  <c r="E2479" i="1"/>
  <c r="E2480" i="1"/>
  <c r="E2481" i="1"/>
  <c r="E2482" i="1"/>
  <c r="E2483" i="1"/>
  <c r="E2484" i="1"/>
  <c r="E2485" i="1"/>
  <c r="E2486" i="1"/>
  <c r="E2487" i="1"/>
  <c r="E2488" i="1"/>
  <c r="E2489" i="1"/>
  <c r="E2490" i="1"/>
  <c r="E2491" i="1"/>
  <c r="E2492" i="1"/>
  <c r="E2493" i="1"/>
  <c r="E2494" i="1"/>
  <c r="E2495" i="1"/>
  <c r="E2496" i="1"/>
  <c r="E2497" i="1"/>
  <c r="E2498" i="1"/>
  <c r="E2499" i="1"/>
  <c r="E2500" i="1"/>
  <c r="E2501" i="1"/>
  <c r="E2502" i="1"/>
  <c r="E2503" i="1"/>
  <c r="E2504" i="1"/>
  <c r="E2505" i="1"/>
  <c r="E2506" i="1"/>
  <c r="E2507" i="1"/>
  <c r="E2508" i="1"/>
  <c r="E2509" i="1"/>
  <c r="E2510" i="1"/>
  <c r="E2511" i="1"/>
  <c r="E2512" i="1"/>
  <c r="E2513" i="1"/>
  <c r="E2514" i="1"/>
  <c r="E2515" i="1"/>
  <c r="E2516" i="1"/>
  <c r="E2517" i="1"/>
  <c r="E2518" i="1"/>
  <c r="E2519" i="1"/>
  <c r="E2520" i="1"/>
  <c r="E2521" i="1"/>
  <c r="E2522" i="1"/>
  <c r="E2523" i="1"/>
  <c r="E2524" i="1"/>
  <c r="E2525" i="1"/>
  <c r="E2526" i="1"/>
  <c r="E2527" i="1"/>
  <c r="E2528" i="1"/>
  <c r="E2529" i="1"/>
  <c r="E2530" i="1"/>
  <c r="E2531" i="1"/>
  <c r="E2532" i="1"/>
  <c r="E2533" i="1"/>
  <c r="E2534" i="1"/>
  <c r="E2535" i="1"/>
  <c r="E2536" i="1"/>
  <c r="E2537" i="1"/>
  <c r="E2538" i="1"/>
  <c r="E2539" i="1"/>
  <c r="E2540" i="1"/>
  <c r="E2541" i="1"/>
  <c r="E2542" i="1"/>
  <c r="E2543" i="1"/>
  <c r="E2544" i="1"/>
  <c r="E2545" i="1"/>
  <c r="E2546" i="1"/>
  <c r="E2547" i="1"/>
  <c r="E2548" i="1"/>
  <c r="E2549" i="1"/>
  <c r="E2550" i="1"/>
  <c r="E2551" i="1"/>
  <c r="E2552" i="1"/>
  <c r="E2553" i="1"/>
  <c r="E2554" i="1"/>
  <c r="E2555" i="1"/>
  <c r="E2556" i="1"/>
  <c r="E2557" i="1"/>
  <c r="E2558" i="1"/>
  <c r="E2559" i="1"/>
  <c r="E2560" i="1"/>
  <c r="E2561" i="1"/>
  <c r="E2562" i="1"/>
  <c r="E2563" i="1"/>
  <c r="E2564" i="1"/>
  <c r="E2565" i="1"/>
  <c r="E2566" i="1"/>
  <c r="E2567" i="1"/>
  <c r="E2568" i="1"/>
  <c r="E2569" i="1"/>
  <c r="E2570" i="1"/>
  <c r="E2571" i="1"/>
  <c r="E2572" i="1"/>
  <c r="E2573" i="1"/>
  <c r="E2574" i="1"/>
  <c r="E2575" i="1"/>
  <c r="E2576" i="1"/>
  <c r="E2577" i="1"/>
  <c r="E2578" i="1"/>
  <c r="E2579" i="1"/>
  <c r="E2580" i="1"/>
  <c r="E2581" i="1"/>
  <c r="E2582" i="1"/>
  <c r="E2583" i="1"/>
  <c r="E2584" i="1"/>
  <c r="E2585" i="1"/>
  <c r="E2586" i="1"/>
  <c r="E2587" i="1"/>
  <c r="E2588" i="1"/>
  <c r="E2589" i="1"/>
  <c r="E2590" i="1"/>
  <c r="E2591" i="1"/>
  <c r="E2592" i="1"/>
  <c r="E2593" i="1"/>
  <c r="E2594" i="1"/>
  <c r="E2595" i="1"/>
  <c r="E2596" i="1"/>
  <c r="E2597" i="1"/>
  <c r="E2598" i="1"/>
  <c r="E2599" i="1"/>
  <c r="E2600" i="1"/>
  <c r="E2601" i="1"/>
  <c r="E2602" i="1"/>
  <c r="E2603" i="1"/>
  <c r="E2604" i="1"/>
  <c r="E2605" i="1"/>
  <c r="E2606" i="1"/>
  <c r="E2607" i="1"/>
  <c r="E2608" i="1"/>
  <c r="E2609" i="1"/>
  <c r="E2610" i="1"/>
  <c r="E2611" i="1"/>
  <c r="E2612" i="1"/>
  <c r="E2613" i="1"/>
  <c r="E2614" i="1"/>
  <c r="E2615" i="1"/>
  <c r="E2616" i="1"/>
  <c r="E2617" i="1"/>
  <c r="E2618" i="1"/>
  <c r="E2619" i="1"/>
  <c r="E2620" i="1"/>
  <c r="E2621" i="1"/>
  <c r="E2622" i="1"/>
  <c r="E2623" i="1"/>
  <c r="E2624" i="1"/>
  <c r="E2625" i="1"/>
  <c r="E2626" i="1"/>
  <c r="E2627" i="1"/>
  <c r="E2628" i="1"/>
  <c r="E2629" i="1"/>
  <c r="E2630" i="1"/>
  <c r="E2631" i="1"/>
  <c r="E2632" i="1"/>
  <c r="E2633" i="1"/>
  <c r="E2634" i="1"/>
  <c r="E2635" i="1"/>
  <c r="E2636" i="1"/>
  <c r="E2637" i="1"/>
  <c r="E2638" i="1"/>
  <c r="E2639" i="1"/>
  <c r="E2640" i="1"/>
  <c r="E2641" i="1"/>
  <c r="E2642" i="1"/>
  <c r="E2643" i="1"/>
  <c r="E2644" i="1"/>
  <c r="E2645" i="1"/>
  <c r="E2646" i="1"/>
  <c r="E2647" i="1"/>
  <c r="E2648" i="1"/>
  <c r="E2649" i="1"/>
  <c r="E2650" i="1"/>
  <c r="E2651" i="1"/>
  <c r="E2652" i="1"/>
  <c r="E2653" i="1"/>
  <c r="E2654" i="1"/>
  <c r="E2655" i="1"/>
  <c r="E2656" i="1"/>
  <c r="E2657" i="1"/>
  <c r="E2658" i="1"/>
  <c r="E2659" i="1"/>
  <c r="E2660" i="1"/>
  <c r="E2661" i="1"/>
  <c r="E2662" i="1"/>
  <c r="E2663" i="1"/>
  <c r="E2664" i="1"/>
  <c r="E2665" i="1"/>
  <c r="E2666" i="1"/>
  <c r="E2667" i="1"/>
  <c r="E2668" i="1"/>
  <c r="E2669" i="1"/>
  <c r="E2670" i="1"/>
  <c r="E2671" i="1"/>
  <c r="E2672" i="1"/>
  <c r="E2673" i="1"/>
  <c r="E2674" i="1"/>
  <c r="E2675" i="1"/>
  <c r="E2676" i="1"/>
  <c r="E2677" i="1"/>
  <c r="E2678" i="1"/>
  <c r="E2679" i="1"/>
  <c r="E2680" i="1"/>
  <c r="E2681" i="1"/>
  <c r="E2682" i="1"/>
  <c r="E2683" i="1"/>
  <c r="E2684" i="1"/>
  <c r="E2685" i="1"/>
  <c r="E2686" i="1"/>
  <c r="E2687" i="1"/>
  <c r="E2688" i="1"/>
  <c r="E2689" i="1"/>
  <c r="E2690" i="1"/>
  <c r="E2691" i="1"/>
  <c r="E2692" i="1"/>
  <c r="E2693" i="1"/>
  <c r="E2694" i="1"/>
  <c r="E2695" i="1"/>
  <c r="E2696" i="1"/>
  <c r="E2697" i="1"/>
  <c r="E2698" i="1"/>
  <c r="E2699" i="1"/>
  <c r="E2700" i="1"/>
  <c r="E2701" i="1"/>
  <c r="E2702" i="1"/>
  <c r="E2703" i="1"/>
  <c r="E2704" i="1"/>
  <c r="E2705" i="1"/>
  <c r="E2706" i="1"/>
  <c r="E2707" i="1"/>
  <c r="E2708" i="1"/>
  <c r="E2709" i="1"/>
  <c r="E2710" i="1"/>
  <c r="E2711" i="1"/>
  <c r="E2712" i="1"/>
  <c r="E2713" i="1"/>
  <c r="E2714" i="1"/>
  <c r="E2715" i="1"/>
  <c r="E2716" i="1"/>
  <c r="E2717" i="1"/>
  <c r="E2718" i="1"/>
  <c r="E2719" i="1"/>
  <c r="E2720" i="1"/>
  <c r="E2721" i="1"/>
  <c r="E2722" i="1"/>
  <c r="E2723" i="1"/>
  <c r="E2724" i="1"/>
  <c r="E2725" i="1"/>
  <c r="E2726" i="1"/>
  <c r="E2727" i="1"/>
  <c r="E2728" i="1"/>
  <c r="E2729" i="1"/>
  <c r="E2730" i="1"/>
  <c r="E2731" i="1"/>
  <c r="E2732" i="1"/>
  <c r="E2733" i="1"/>
  <c r="E2734" i="1"/>
  <c r="E2735" i="1"/>
  <c r="E2736" i="1"/>
  <c r="E2737" i="1"/>
  <c r="E2738" i="1"/>
  <c r="E2739" i="1"/>
  <c r="E2740" i="1"/>
  <c r="E2741" i="1"/>
  <c r="E2742" i="1"/>
  <c r="E2743" i="1"/>
  <c r="E2744" i="1"/>
  <c r="E2745" i="1"/>
  <c r="E2746" i="1"/>
  <c r="E2747" i="1"/>
  <c r="E2748" i="1"/>
  <c r="E2749" i="1"/>
  <c r="E2750" i="1"/>
  <c r="E2751" i="1"/>
  <c r="E2752" i="1"/>
  <c r="E2753" i="1"/>
  <c r="E2754" i="1"/>
  <c r="E2755" i="1"/>
  <c r="E2756" i="1"/>
  <c r="E2757" i="1"/>
  <c r="E2758" i="1"/>
  <c r="E2759" i="1"/>
  <c r="E2760" i="1"/>
  <c r="E2761" i="1"/>
  <c r="E2762" i="1"/>
  <c r="E2763" i="1"/>
  <c r="E2764" i="1"/>
  <c r="E2765" i="1"/>
  <c r="E2766" i="1"/>
  <c r="E2767" i="1"/>
  <c r="E2768" i="1"/>
  <c r="E2769" i="1"/>
  <c r="E2770" i="1"/>
  <c r="E2771" i="1"/>
  <c r="E2772" i="1"/>
  <c r="E2773" i="1"/>
  <c r="E2774" i="1"/>
  <c r="E2775" i="1"/>
  <c r="E2776" i="1"/>
  <c r="E2777" i="1"/>
  <c r="E2778" i="1"/>
  <c r="E2779" i="1"/>
  <c r="E2780" i="1"/>
  <c r="E2781" i="1"/>
  <c r="E2782" i="1"/>
  <c r="E2783" i="1"/>
  <c r="E2784" i="1"/>
  <c r="E2785" i="1"/>
  <c r="E2786" i="1"/>
  <c r="E2787" i="1"/>
  <c r="E2788" i="1"/>
  <c r="E2789" i="1"/>
  <c r="E2790" i="1"/>
  <c r="E2791" i="1"/>
  <c r="E2792" i="1"/>
  <c r="E2793" i="1"/>
  <c r="E2794" i="1"/>
  <c r="E2795" i="1"/>
  <c r="E2796" i="1"/>
  <c r="E2797" i="1"/>
  <c r="E2798" i="1"/>
  <c r="E2799" i="1"/>
  <c r="E2800" i="1"/>
  <c r="E2801" i="1"/>
  <c r="E2802" i="1"/>
  <c r="E2803" i="1"/>
  <c r="E2804" i="1"/>
  <c r="E2805" i="1"/>
  <c r="E2806" i="1"/>
  <c r="E2807" i="1"/>
  <c r="E2808" i="1"/>
  <c r="E2809" i="1"/>
  <c r="E2810" i="1"/>
  <c r="E2811" i="1"/>
  <c r="E2812" i="1"/>
  <c r="E2813" i="1"/>
  <c r="E2814" i="1"/>
  <c r="E2815" i="1"/>
  <c r="E2816" i="1"/>
  <c r="E2817" i="1"/>
  <c r="E2818" i="1"/>
  <c r="E2819" i="1"/>
  <c r="E2820" i="1"/>
  <c r="E2821" i="1"/>
  <c r="E2822" i="1"/>
  <c r="E2823" i="1"/>
  <c r="E2824" i="1"/>
  <c r="E2825" i="1"/>
  <c r="E2826" i="1"/>
  <c r="E2827" i="1"/>
  <c r="E2828" i="1"/>
  <c r="E2829" i="1"/>
  <c r="E2830" i="1"/>
  <c r="E2831" i="1"/>
  <c r="E2832" i="1"/>
  <c r="E2833" i="1"/>
  <c r="E2834" i="1"/>
  <c r="E2835" i="1"/>
  <c r="E2836" i="1"/>
  <c r="E2837" i="1"/>
  <c r="E2838" i="1"/>
  <c r="E2839" i="1"/>
  <c r="E2840" i="1"/>
  <c r="E2841" i="1"/>
  <c r="E2842" i="1"/>
  <c r="E2843" i="1"/>
  <c r="E2844" i="1"/>
  <c r="E2845" i="1"/>
  <c r="E2846" i="1"/>
  <c r="E2847" i="1"/>
  <c r="E2848" i="1"/>
  <c r="E2849" i="1"/>
  <c r="E2850" i="1"/>
  <c r="E2851" i="1"/>
  <c r="E2852" i="1"/>
  <c r="E2853" i="1"/>
  <c r="E2854" i="1"/>
  <c r="E2855" i="1"/>
  <c r="E2856" i="1"/>
  <c r="E2857" i="1"/>
  <c r="E2858" i="1"/>
  <c r="E2859" i="1"/>
  <c r="E2860" i="1"/>
  <c r="E2861" i="1"/>
  <c r="E2862" i="1"/>
  <c r="E2863" i="1"/>
  <c r="E2864" i="1"/>
  <c r="E2865" i="1"/>
  <c r="E2866" i="1"/>
  <c r="E2867" i="1"/>
  <c r="E2868" i="1"/>
  <c r="E2869" i="1"/>
  <c r="E2870" i="1"/>
  <c r="E2871" i="1"/>
  <c r="E2872" i="1"/>
  <c r="E2873" i="1"/>
  <c r="E2874" i="1"/>
  <c r="E2875" i="1"/>
  <c r="E2876" i="1"/>
  <c r="E2877" i="1"/>
  <c r="E2878" i="1"/>
  <c r="E2879" i="1"/>
  <c r="E2880" i="1"/>
  <c r="E2881" i="1"/>
  <c r="E2882" i="1"/>
  <c r="E2883" i="1"/>
  <c r="E2884" i="1"/>
  <c r="E2885" i="1"/>
  <c r="E2886" i="1"/>
  <c r="E2887" i="1"/>
  <c r="E2888" i="1"/>
  <c r="E2889" i="1"/>
  <c r="E2890" i="1"/>
  <c r="E2891" i="1"/>
  <c r="E2892" i="1"/>
  <c r="E2893" i="1"/>
  <c r="E2894" i="1"/>
  <c r="E2895" i="1"/>
  <c r="E2896" i="1"/>
  <c r="E2897" i="1"/>
  <c r="E2898" i="1"/>
  <c r="E2899" i="1"/>
  <c r="E2900" i="1"/>
  <c r="E2901" i="1"/>
  <c r="E2902" i="1"/>
  <c r="E2903" i="1"/>
  <c r="E2904" i="1"/>
  <c r="E2905" i="1"/>
  <c r="E2906" i="1"/>
  <c r="E2907" i="1"/>
  <c r="E2908" i="1"/>
  <c r="E2909" i="1"/>
  <c r="E2910" i="1"/>
  <c r="E2911" i="1"/>
  <c r="E2912" i="1"/>
  <c r="E2913" i="1"/>
  <c r="E2914" i="1"/>
  <c r="E2915" i="1"/>
  <c r="E2916" i="1"/>
  <c r="E2917" i="1"/>
  <c r="E2918" i="1"/>
  <c r="E2919" i="1"/>
  <c r="E2920" i="1"/>
  <c r="E2921" i="1"/>
  <c r="E2922" i="1"/>
  <c r="E2923" i="1"/>
  <c r="E2924" i="1"/>
  <c r="E2925" i="1"/>
  <c r="E2926" i="1"/>
  <c r="E2927" i="1"/>
  <c r="E2928" i="1"/>
  <c r="E2929" i="1"/>
  <c r="E2930" i="1"/>
  <c r="E2931" i="1"/>
  <c r="E2932" i="1"/>
  <c r="E2933" i="1"/>
  <c r="E2934" i="1"/>
  <c r="E2935" i="1"/>
  <c r="E2936" i="1"/>
  <c r="E2937" i="1"/>
  <c r="E2938" i="1"/>
  <c r="E2939" i="1"/>
  <c r="E2940" i="1"/>
  <c r="E2941" i="1"/>
  <c r="E2942" i="1"/>
  <c r="E2943" i="1"/>
  <c r="E2944" i="1"/>
  <c r="E2945" i="1"/>
  <c r="E2946" i="1"/>
  <c r="E2947" i="1"/>
  <c r="E2948" i="1"/>
  <c r="E2949" i="1"/>
  <c r="E2950" i="1"/>
  <c r="E2951" i="1"/>
  <c r="E2952" i="1"/>
  <c r="E2953" i="1"/>
  <c r="E2954" i="1"/>
  <c r="E2955" i="1"/>
  <c r="E2956" i="1"/>
  <c r="E2957" i="1"/>
  <c r="E2958" i="1"/>
  <c r="E2959" i="1"/>
  <c r="E2960" i="1"/>
  <c r="E2961" i="1"/>
  <c r="E2962" i="1"/>
  <c r="E2963" i="1"/>
  <c r="E2964" i="1"/>
  <c r="E2965" i="1"/>
  <c r="E2966" i="1"/>
  <c r="E2967" i="1"/>
  <c r="E2968" i="1"/>
  <c r="E2969" i="1"/>
  <c r="E2970" i="1"/>
  <c r="E2971" i="1"/>
  <c r="E2972" i="1"/>
  <c r="E2973" i="1"/>
  <c r="E2974" i="1"/>
  <c r="E2975" i="1"/>
  <c r="E2976" i="1"/>
  <c r="E2977" i="1"/>
  <c r="E2978" i="1"/>
  <c r="E2979" i="1"/>
  <c r="E2980" i="1"/>
  <c r="E2981" i="1"/>
  <c r="E2982" i="1"/>
  <c r="E2983" i="1"/>
  <c r="E2984" i="1"/>
  <c r="E2985" i="1"/>
  <c r="E2986" i="1"/>
  <c r="E2987" i="1"/>
  <c r="E2988" i="1"/>
  <c r="E2989" i="1"/>
  <c r="E2990" i="1"/>
  <c r="E2991" i="1"/>
  <c r="E2992" i="1"/>
  <c r="E2993" i="1"/>
  <c r="E2994" i="1"/>
  <c r="E2995" i="1"/>
  <c r="E2996" i="1"/>
  <c r="E2997" i="1"/>
  <c r="E2998" i="1"/>
  <c r="E2999" i="1"/>
  <c r="E3000" i="1"/>
  <c r="E3001" i="1"/>
  <c r="E3002" i="1"/>
  <c r="E3003" i="1"/>
  <c r="E3004" i="1"/>
  <c r="E3005" i="1"/>
  <c r="E3006" i="1"/>
  <c r="E3007" i="1"/>
  <c r="E3008" i="1"/>
  <c r="E3009" i="1"/>
  <c r="E3010" i="1"/>
  <c r="E3011" i="1"/>
  <c r="E3012" i="1"/>
  <c r="E3013" i="1"/>
  <c r="E3014" i="1"/>
  <c r="E3015" i="1"/>
  <c r="E3016" i="1"/>
  <c r="E3017" i="1"/>
  <c r="E3018" i="1"/>
  <c r="E3019" i="1"/>
  <c r="E3020" i="1"/>
  <c r="E3021" i="1"/>
  <c r="E3022" i="1"/>
  <c r="E3023" i="1"/>
  <c r="E3024" i="1"/>
  <c r="E3025" i="1"/>
  <c r="E3026" i="1"/>
  <c r="E3027" i="1"/>
  <c r="E3028" i="1"/>
  <c r="E3029" i="1"/>
  <c r="E3030" i="1"/>
  <c r="E3031" i="1"/>
  <c r="E3032" i="1"/>
  <c r="E3033" i="1"/>
  <c r="E3034" i="1"/>
  <c r="E3035" i="1"/>
  <c r="E3036" i="1"/>
  <c r="E3037" i="1"/>
  <c r="E3038" i="1"/>
  <c r="E3039" i="1"/>
  <c r="E3040" i="1"/>
  <c r="E3041" i="1"/>
  <c r="E3042" i="1"/>
  <c r="E3043" i="1"/>
  <c r="E3044" i="1"/>
  <c r="E3045" i="1"/>
  <c r="E3046" i="1"/>
  <c r="E3047" i="1"/>
  <c r="E3048" i="1"/>
  <c r="E3049" i="1"/>
  <c r="E3050" i="1"/>
  <c r="E3051" i="1"/>
  <c r="E3052" i="1"/>
  <c r="E3053" i="1"/>
  <c r="E3054" i="1"/>
  <c r="E3055" i="1"/>
  <c r="E3056" i="1"/>
  <c r="E3057" i="1"/>
  <c r="E3058" i="1"/>
  <c r="E3059" i="1"/>
  <c r="E3060" i="1"/>
  <c r="E3061" i="1"/>
  <c r="E3062" i="1"/>
  <c r="E3063" i="1"/>
  <c r="E3064" i="1"/>
  <c r="E3065" i="1"/>
  <c r="E3066" i="1"/>
  <c r="E3067" i="1"/>
  <c r="E3068" i="1"/>
  <c r="E3069" i="1"/>
  <c r="E3070" i="1"/>
  <c r="E3071" i="1"/>
  <c r="E3072" i="1"/>
  <c r="E3073" i="1"/>
  <c r="E3074" i="1"/>
  <c r="E3075" i="1"/>
  <c r="E3076" i="1"/>
  <c r="E3077" i="1"/>
  <c r="E3078" i="1"/>
  <c r="E3079" i="1"/>
  <c r="E3080" i="1"/>
  <c r="E3081" i="1"/>
  <c r="E3082" i="1"/>
  <c r="E3083" i="1"/>
  <c r="E3084" i="1"/>
  <c r="E3085" i="1"/>
  <c r="E3086" i="1"/>
  <c r="E3087" i="1"/>
  <c r="E3088" i="1"/>
  <c r="E3089" i="1"/>
  <c r="E3090" i="1"/>
  <c r="E3091" i="1"/>
  <c r="E3092" i="1"/>
  <c r="E3093" i="1"/>
  <c r="E3094" i="1"/>
  <c r="E3095" i="1"/>
  <c r="E3096" i="1"/>
  <c r="E3097" i="1"/>
  <c r="E3098" i="1"/>
  <c r="E3099" i="1"/>
  <c r="E3100" i="1"/>
  <c r="E3101" i="1"/>
  <c r="E3102" i="1"/>
  <c r="E3103" i="1"/>
  <c r="E3104" i="1"/>
  <c r="E3105" i="1"/>
  <c r="E3106" i="1"/>
  <c r="E3107" i="1"/>
  <c r="E3108" i="1"/>
  <c r="E3109" i="1"/>
  <c r="E3110" i="1"/>
  <c r="E3111" i="1"/>
  <c r="E3112" i="1"/>
  <c r="E3113" i="1"/>
  <c r="E3114" i="1"/>
  <c r="E3115" i="1"/>
  <c r="E3116" i="1"/>
  <c r="E3117" i="1"/>
  <c r="E3118" i="1"/>
  <c r="E3119" i="1"/>
  <c r="E3120" i="1"/>
  <c r="E3121" i="1"/>
  <c r="E3122" i="1"/>
  <c r="E3123" i="1"/>
  <c r="E3124" i="1"/>
  <c r="E3125" i="1"/>
  <c r="E3126" i="1"/>
  <c r="E3127" i="1"/>
  <c r="E3128" i="1"/>
  <c r="E3129" i="1"/>
  <c r="E3130" i="1"/>
  <c r="E3131" i="1"/>
  <c r="E3132" i="1"/>
  <c r="E3133" i="1"/>
  <c r="E3134" i="1"/>
  <c r="E3135" i="1"/>
  <c r="E3136" i="1"/>
  <c r="E3137" i="1"/>
  <c r="E3138" i="1"/>
  <c r="E3139" i="1"/>
  <c r="E3140" i="1"/>
  <c r="E3141" i="1"/>
  <c r="E3142" i="1"/>
  <c r="E3143" i="1"/>
  <c r="E3144" i="1"/>
  <c r="E3145" i="1"/>
  <c r="E3146" i="1"/>
  <c r="E3147" i="1"/>
  <c r="E3148" i="1"/>
  <c r="E3149" i="1"/>
  <c r="E3150" i="1"/>
  <c r="E3151" i="1"/>
  <c r="E3152" i="1"/>
  <c r="E3153" i="1"/>
  <c r="E3154" i="1"/>
  <c r="E3155" i="1"/>
  <c r="E3156" i="1"/>
  <c r="E3157" i="1"/>
  <c r="E3158" i="1"/>
  <c r="E3159" i="1"/>
  <c r="E3160" i="1"/>
  <c r="E3161" i="1"/>
  <c r="E3162" i="1"/>
  <c r="E3163" i="1"/>
  <c r="E3164" i="1"/>
  <c r="E3165" i="1"/>
  <c r="E3166" i="1"/>
  <c r="E3167" i="1"/>
  <c r="E3168" i="1"/>
  <c r="E3169" i="1"/>
  <c r="E3170" i="1"/>
  <c r="E3171" i="1"/>
  <c r="E3172" i="1"/>
  <c r="E3173" i="1"/>
  <c r="E3174" i="1"/>
  <c r="E3175" i="1"/>
  <c r="E3176" i="1"/>
  <c r="E3177" i="1"/>
  <c r="E3178" i="1"/>
  <c r="E3179" i="1"/>
  <c r="E3180" i="1"/>
  <c r="E3181" i="1"/>
  <c r="E3182" i="1"/>
  <c r="E3183" i="1"/>
  <c r="E3184" i="1"/>
  <c r="E3185" i="1"/>
  <c r="E3186" i="1"/>
  <c r="E3187" i="1"/>
  <c r="E3188" i="1"/>
  <c r="E3189" i="1"/>
  <c r="E3190" i="1"/>
  <c r="E3191" i="1"/>
  <c r="E3192" i="1"/>
  <c r="E3193" i="1"/>
  <c r="E3194" i="1"/>
  <c r="E3195" i="1"/>
  <c r="E3196" i="1"/>
  <c r="E3197" i="1"/>
  <c r="E3198" i="1"/>
  <c r="E3199" i="1"/>
  <c r="E3200" i="1"/>
  <c r="E3201" i="1"/>
  <c r="E3202" i="1"/>
  <c r="E3203" i="1"/>
  <c r="E3204" i="1"/>
  <c r="E3205" i="1"/>
  <c r="E3206" i="1"/>
  <c r="E3207" i="1"/>
  <c r="E3208" i="1"/>
  <c r="E3209" i="1"/>
  <c r="E3210" i="1"/>
  <c r="E3211" i="1"/>
  <c r="E3212" i="1"/>
  <c r="E3213" i="1"/>
  <c r="E3214" i="1"/>
  <c r="E3215" i="1"/>
  <c r="E3216" i="1"/>
  <c r="E3217" i="1"/>
  <c r="E3218" i="1"/>
  <c r="E3219" i="1"/>
  <c r="E3220" i="1"/>
  <c r="E3221" i="1"/>
  <c r="E3222" i="1"/>
  <c r="E3223" i="1"/>
  <c r="E3224" i="1"/>
  <c r="E3225" i="1"/>
  <c r="E3226" i="1"/>
  <c r="E3227" i="1"/>
  <c r="E3228" i="1"/>
  <c r="E3229" i="1"/>
  <c r="E3230" i="1"/>
  <c r="E3231" i="1"/>
  <c r="E3232" i="1"/>
  <c r="E3233" i="1"/>
  <c r="E3234" i="1"/>
  <c r="E3235" i="1"/>
  <c r="E3236" i="1"/>
  <c r="E3237" i="1"/>
  <c r="E3238" i="1"/>
  <c r="E3239" i="1"/>
  <c r="E3240" i="1"/>
  <c r="E3241" i="1"/>
  <c r="E3242" i="1"/>
  <c r="E3243" i="1"/>
  <c r="E3244" i="1"/>
  <c r="E3245" i="1"/>
  <c r="E3246" i="1"/>
  <c r="E3247" i="1"/>
  <c r="E3248" i="1"/>
  <c r="E3249" i="1"/>
  <c r="E3250" i="1"/>
  <c r="E3251" i="1"/>
  <c r="E3252" i="1"/>
  <c r="E3253" i="1"/>
  <c r="E3254" i="1"/>
  <c r="E3255" i="1"/>
  <c r="E3256" i="1"/>
  <c r="E3257" i="1"/>
  <c r="E3258" i="1"/>
  <c r="E3259" i="1"/>
  <c r="E3260" i="1"/>
  <c r="E3261" i="1"/>
  <c r="E3262" i="1"/>
  <c r="E3263" i="1"/>
  <c r="E3264" i="1"/>
  <c r="E3265" i="1"/>
  <c r="E3266" i="1"/>
  <c r="E3267" i="1"/>
  <c r="E3268" i="1"/>
  <c r="E3269" i="1"/>
  <c r="E3270" i="1"/>
  <c r="E3271" i="1"/>
  <c r="E3272" i="1"/>
  <c r="E3273" i="1"/>
  <c r="E3274" i="1"/>
  <c r="E3275" i="1"/>
  <c r="E3276" i="1"/>
  <c r="E3277" i="1"/>
  <c r="E3278" i="1"/>
  <c r="E3279" i="1"/>
  <c r="E3280" i="1"/>
  <c r="E3281" i="1"/>
  <c r="E3282" i="1"/>
  <c r="E3283" i="1"/>
  <c r="E3284" i="1"/>
  <c r="E3285" i="1"/>
  <c r="E3286" i="1"/>
  <c r="E3287" i="1"/>
  <c r="E3288" i="1"/>
  <c r="E3289" i="1"/>
  <c r="E3290" i="1"/>
  <c r="E3291" i="1"/>
  <c r="E3292" i="1"/>
  <c r="E3293" i="1"/>
  <c r="E3294" i="1"/>
  <c r="E3295" i="1"/>
  <c r="E3296" i="1"/>
  <c r="E3297" i="1"/>
  <c r="E3298" i="1"/>
  <c r="E3299" i="1"/>
  <c r="E3300" i="1"/>
  <c r="E3301" i="1"/>
  <c r="E3302" i="1"/>
  <c r="E3303" i="1"/>
  <c r="E3304" i="1"/>
  <c r="E3305" i="1"/>
  <c r="E3306" i="1"/>
  <c r="E3307" i="1"/>
  <c r="E3308" i="1"/>
  <c r="E3309" i="1"/>
  <c r="E3310" i="1"/>
  <c r="E3311" i="1"/>
  <c r="E3312" i="1"/>
  <c r="E3313" i="1"/>
  <c r="E3314" i="1"/>
  <c r="E3315" i="1"/>
  <c r="E3316" i="1"/>
  <c r="E3317" i="1"/>
  <c r="E3318" i="1"/>
  <c r="E3319" i="1"/>
  <c r="E3320" i="1"/>
  <c r="E3321" i="1"/>
  <c r="E3322" i="1"/>
  <c r="E3323" i="1"/>
  <c r="E3324" i="1"/>
  <c r="E3325" i="1"/>
  <c r="E3326" i="1"/>
  <c r="E3327" i="1"/>
  <c r="E3328" i="1"/>
  <c r="E3329" i="1"/>
  <c r="E3330" i="1"/>
  <c r="E3331" i="1"/>
  <c r="E3332" i="1"/>
  <c r="E3333" i="1"/>
  <c r="E3334" i="1"/>
  <c r="E3335" i="1"/>
  <c r="E3336" i="1"/>
  <c r="E3337" i="1"/>
  <c r="E3338" i="1"/>
  <c r="E3339" i="1"/>
  <c r="E3340" i="1"/>
  <c r="E3341" i="1"/>
  <c r="E3342" i="1"/>
  <c r="E3343" i="1"/>
  <c r="E3344" i="1"/>
  <c r="E3345" i="1"/>
  <c r="E3346" i="1"/>
  <c r="E3347" i="1"/>
  <c r="E3348" i="1"/>
  <c r="E3349" i="1"/>
  <c r="E3350" i="1"/>
  <c r="E3351" i="1"/>
  <c r="E3352" i="1"/>
  <c r="E3353" i="1"/>
  <c r="E3354" i="1"/>
  <c r="E3355" i="1"/>
  <c r="E3356" i="1"/>
  <c r="E3357" i="1"/>
  <c r="E3358" i="1"/>
  <c r="E3359" i="1"/>
  <c r="E3360" i="1"/>
  <c r="E3361" i="1"/>
  <c r="E3362" i="1"/>
  <c r="E3363" i="1"/>
  <c r="E3364" i="1"/>
  <c r="E3365" i="1"/>
  <c r="E3366" i="1"/>
  <c r="E3367" i="1"/>
  <c r="E3368" i="1"/>
  <c r="E3369" i="1"/>
  <c r="E3370" i="1"/>
  <c r="E3371" i="1"/>
  <c r="E3372" i="1"/>
  <c r="E3373" i="1"/>
  <c r="E3374" i="1"/>
  <c r="E3375" i="1"/>
  <c r="E3376" i="1"/>
  <c r="E3377" i="1"/>
  <c r="E3378" i="1"/>
  <c r="E3379" i="1"/>
  <c r="E3380" i="1"/>
  <c r="E3381" i="1"/>
  <c r="E3382" i="1"/>
  <c r="E3383" i="1"/>
  <c r="E3384" i="1"/>
  <c r="E3385" i="1"/>
  <c r="E3386" i="1"/>
  <c r="E3387" i="1"/>
  <c r="E3388" i="1"/>
  <c r="E3389" i="1"/>
  <c r="E3390" i="1"/>
  <c r="E3391" i="1"/>
  <c r="E3392" i="1"/>
  <c r="E3393" i="1"/>
  <c r="E3394" i="1"/>
  <c r="E3395" i="1"/>
  <c r="E3396" i="1"/>
  <c r="E3397" i="1"/>
  <c r="E3398" i="1"/>
  <c r="E3399" i="1"/>
  <c r="E3400" i="1"/>
  <c r="E3401" i="1"/>
  <c r="E3402" i="1"/>
  <c r="E3403" i="1"/>
  <c r="E3404" i="1"/>
  <c r="E3405" i="1"/>
  <c r="E3406" i="1"/>
  <c r="E3407" i="1"/>
  <c r="E3408" i="1"/>
  <c r="E3409" i="1"/>
  <c r="E3410" i="1"/>
  <c r="E3411" i="1"/>
  <c r="E3412" i="1"/>
  <c r="E3413" i="1"/>
  <c r="E3414" i="1"/>
  <c r="E3415" i="1"/>
  <c r="E3416" i="1"/>
  <c r="E3417" i="1"/>
  <c r="E3418" i="1"/>
  <c r="E3419" i="1"/>
  <c r="E3420" i="1"/>
  <c r="E3421" i="1"/>
  <c r="E3422" i="1"/>
  <c r="E3423" i="1"/>
  <c r="E3424" i="1"/>
  <c r="E3425" i="1"/>
  <c r="E3426" i="1"/>
  <c r="E3427" i="1"/>
  <c r="E3428" i="1"/>
  <c r="E3429" i="1"/>
  <c r="E3430" i="1"/>
  <c r="E3431" i="1"/>
  <c r="E3432" i="1"/>
  <c r="E3433" i="1"/>
  <c r="E3434" i="1"/>
  <c r="E3435" i="1"/>
  <c r="E3436" i="1"/>
  <c r="E3437" i="1"/>
  <c r="E3438" i="1"/>
  <c r="E3439" i="1"/>
  <c r="E3440" i="1"/>
  <c r="E3441" i="1"/>
  <c r="E3442" i="1"/>
  <c r="E3443" i="1"/>
  <c r="E3444" i="1"/>
  <c r="E3445" i="1"/>
  <c r="E3446" i="1"/>
  <c r="E3447" i="1"/>
  <c r="E3448" i="1"/>
  <c r="E3449" i="1"/>
  <c r="E3450" i="1"/>
  <c r="E3451" i="1"/>
  <c r="E3452" i="1"/>
  <c r="E3453" i="1"/>
  <c r="E3454" i="1"/>
  <c r="E3455" i="1"/>
  <c r="E3456" i="1"/>
  <c r="E3457" i="1"/>
  <c r="E3458" i="1"/>
  <c r="E3459" i="1"/>
  <c r="E3460" i="1"/>
  <c r="E3461" i="1"/>
  <c r="E3462" i="1"/>
  <c r="E3463" i="1"/>
  <c r="E3464" i="1"/>
  <c r="E3465" i="1"/>
  <c r="E3466" i="1"/>
  <c r="E3467" i="1"/>
  <c r="E3468" i="1"/>
  <c r="E3469" i="1"/>
  <c r="E3470" i="1"/>
  <c r="E3471" i="1"/>
  <c r="E3472" i="1"/>
  <c r="E3473" i="1"/>
  <c r="E3474" i="1"/>
  <c r="E3475" i="1"/>
  <c r="E3476" i="1"/>
  <c r="E3477" i="1"/>
  <c r="E3478" i="1"/>
  <c r="E3479" i="1"/>
  <c r="E3480" i="1"/>
  <c r="E3481" i="1"/>
  <c r="E3482" i="1"/>
  <c r="E3483" i="1"/>
  <c r="E3484" i="1"/>
  <c r="E3485" i="1"/>
  <c r="E3486" i="1"/>
  <c r="E3487" i="1"/>
  <c r="E3488" i="1"/>
  <c r="E3489" i="1"/>
  <c r="E3490" i="1"/>
  <c r="E3491" i="1"/>
  <c r="E3492" i="1"/>
  <c r="E3493" i="1"/>
  <c r="E3494" i="1"/>
  <c r="E3495" i="1"/>
  <c r="E3496" i="1"/>
  <c r="E3497" i="1"/>
  <c r="E3498" i="1"/>
  <c r="E3499" i="1"/>
  <c r="E3500" i="1"/>
  <c r="E3501" i="1"/>
  <c r="E3502" i="1"/>
  <c r="E3503" i="1"/>
  <c r="E3504" i="1"/>
  <c r="E3505" i="1"/>
  <c r="E3506" i="1"/>
  <c r="E3507" i="1"/>
  <c r="E3508" i="1"/>
  <c r="E3509" i="1"/>
  <c r="E3510" i="1"/>
  <c r="E3511" i="1"/>
  <c r="E3512" i="1"/>
  <c r="E3513" i="1"/>
  <c r="E3514" i="1"/>
  <c r="E3515" i="1"/>
  <c r="E3516" i="1"/>
  <c r="E3517" i="1"/>
  <c r="E3518" i="1"/>
  <c r="E3519" i="1"/>
  <c r="E3520" i="1"/>
  <c r="E3521" i="1"/>
  <c r="E3522" i="1"/>
  <c r="E3523" i="1"/>
  <c r="E3524" i="1"/>
  <c r="E3525" i="1"/>
  <c r="E3526" i="1"/>
  <c r="E3527" i="1"/>
  <c r="E3528" i="1"/>
  <c r="E3529" i="1"/>
  <c r="E3530" i="1"/>
  <c r="E3531" i="1"/>
  <c r="E3532" i="1"/>
  <c r="E3533" i="1"/>
  <c r="E3534" i="1"/>
  <c r="E3535" i="1"/>
  <c r="E3536" i="1"/>
  <c r="E3537" i="1"/>
  <c r="E3538" i="1"/>
  <c r="E3539" i="1"/>
  <c r="E3540" i="1"/>
  <c r="E3541" i="1"/>
  <c r="E3542" i="1"/>
  <c r="E3543" i="1"/>
  <c r="E3544" i="1"/>
  <c r="E3545" i="1"/>
  <c r="E3546" i="1"/>
  <c r="E3547" i="1"/>
  <c r="E3548" i="1"/>
  <c r="E3549" i="1"/>
  <c r="E3550" i="1"/>
  <c r="E3551" i="1"/>
  <c r="E3552" i="1"/>
  <c r="E3553" i="1"/>
  <c r="E3554" i="1"/>
  <c r="E3555" i="1"/>
  <c r="E3556" i="1"/>
  <c r="E3557" i="1"/>
  <c r="E3558" i="1"/>
  <c r="E3559" i="1"/>
  <c r="E3560" i="1"/>
  <c r="E3561" i="1"/>
  <c r="E3562" i="1"/>
  <c r="E3563" i="1"/>
  <c r="E3564" i="1"/>
  <c r="E3565" i="1"/>
  <c r="E3566" i="1"/>
  <c r="E3567" i="1"/>
  <c r="E3568" i="1"/>
  <c r="E3569" i="1"/>
  <c r="E3570" i="1"/>
  <c r="E3571" i="1"/>
  <c r="E3572" i="1"/>
  <c r="E3573" i="1"/>
  <c r="E3574" i="1"/>
  <c r="E3575" i="1"/>
  <c r="E3576" i="1"/>
  <c r="E3577" i="1"/>
  <c r="E3578" i="1"/>
  <c r="E3579" i="1"/>
  <c r="E3580" i="1"/>
  <c r="E3581" i="1"/>
  <c r="E3582" i="1"/>
  <c r="E3583" i="1"/>
  <c r="E3584" i="1"/>
  <c r="E3585" i="1"/>
  <c r="E3586" i="1"/>
  <c r="E3587" i="1"/>
  <c r="E3588" i="1"/>
  <c r="E3589" i="1"/>
  <c r="E3590" i="1"/>
  <c r="E3591" i="1"/>
  <c r="E3592" i="1"/>
  <c r="E3593" i="1"/>
  <c r="E3594" i="1"/>
  <c r="E3595" i="1"/>
  <c r="E3596" i="1"/>
  <c r="E3597" i="1"/>
  <c r="E3598" i="1"/>
  <c r="E3599" i="1"/>
  <c r="E3600" i="1"/>
  <c r="E3601" i="1"/>
  <c r="E3602" i="1"/>
  <c r="E3603" i="1"/>
  <c r="E3604" i="1"/>
  <c r="E3605" i="1"/>
  <c r="E3606" i="1"/>
  <c r="E3607" i="1"/>
  <c r="E3608" i="1"/>
  <c r="E3609" i="1"/>
  <c r="E3610" i="1"/>
  <c r="E3611" i="1"/>
  <c r="E3612" i="1"/>
  <c r="E3613" i="1"/>
  <c r="E3614" i="1"/>
  <c r="E3615" i="1"/>
  <c r="E3616" i="1"/>
  <c r="E3617" i="1"/>
  <c r="E3618" i="1"/>
  <c r="E3619" i="1"/>
  <c r="E3620" i="1"/>
  <c r="E3621" i="1"/>
  <c r="E3622" i="1"/>
  <c r="E3623" i="1"/>
  <c r="E3624" i="1"/>
  <c r="E3625" i="1"/>
  <c r="E3626" i="1"/>
  <c r="E3627" i="1"/>
  <c r="E3628" i="1"/>
  <c r="E3629" i="1"/>
  <c r="E3630" i="1"/>
  <c r="E3631" i="1"/>
  <c r="E3632" i="1"/>
  <c r="E3633" i="1"/>
  <c r="E3634" i="1"/>
  <c r="E3635" i="1"/>
  <c r="E3636" i="1"/>
  <c r="E3637" i="1"/>
  <c r="E3638" i="1"/>
  <c r="E3639" i="1"/>
  <c r="E3640" i="1"/>
  <c r="E3641" i="1"/>
  <c r="E3642" i="1"/>
  <c r="E3643" i="1"/>
  <c r="E3644" i="1"/>
  <c r="E3645" i="1"/>
  <c r="E3646" i="1"/>
  <c r="E3647" i="1"/>
  <c r="E3648" i="1"/>
  <c r="E3649" i="1"/>
  <c r="E3650" i="1"/>
  <c r="E3651" i="1"/>
  <c r="E3652" i="1"/>
  <c r="E3653" i="1"/>
  <c r="E3654" i="1"/>
  <c r="E3655" i="1"/>
  <c r="E3656" i="1"/>
  <c r="E3657" i="1"/>
  <c r="E3658" i="1"/>
  <c r="E3659" i="1"/>
  <c r="E3660" i="1"/>
  <c r="E3661" i="1"/>
  <c r="E3662" i="1"/>
  <c r="E3663" i="1"/>
  <c r="E3664" i="1"/>
  <c r="E3665" i="1"/>
  <c r="E3666" i="1"/>
  <c r="E3667" i="1"/>
  <c r="E3668" i="1"/>
  <c r="E3669" i="1"/>
  <c r="E3670" i="1"/>
  <c r="E3671" i="1"/>
  <c r="E3672" i="1"/>
  <c r="E3673" i="1"/>
  <c r="E3674" i="1"/>
  <c r="E3675" i="1"/>
  <c r="E3676" i="1"/>
  <c r="E3677" i="1"/>
  <c r="E3678" i="1"/>
  <c r="E3679" i="1"/>
  <c r="E3680" i="1"/>
  <c r="E3681" i="1"/>
  <c r="E3682" i="1"/>
  <c r="E3683" i="1"/>
  <c r="E3684" i="1"/>
  <c r="E3685" i="1"/>
  <c r="E3686" i="1"/>
  <c r="E3687" i="1"/>
  <c r="E3688" i="1"/>
  <c r="E3689" i="1"/>
  <c r="E3690" i="1"/>
  <c r="E3691" i="1"/>
  <c r="E3692" i="1"/>
  <c r="E3693" i="1"/>
  <c r="E3694" i="1"/>
  <c r="E3695" i="1"/>
  <c r="E3696" i="1"/>
  <c r="E3697" i="1"/>
  <c r="E3698" i="1"/>
  <c r="E3699" i="1"/>
  <c r="E3700" i="1"/>
  <c r="E3701" i="1"/>
  <c r="E3702" i="1"/>
  <c r="E3703" i="1"/>
  <c r="E3704" i="1"/>
  <c r="E3705" i="1"/>
  <c r="E3706" i="1"/>
  <c r="E3707" i="1"/>
  <c r="E3708" i="1"/>
  <c r="E3709" i="1"/>
  <c r="E3710" i="1"/>
  <c r="E3711" i="1"/>
  <c r="E3712" i="1"/>
  <c r="E3713" i="1"/>
  <c r="E3714" i="1"/>
  <c r="E3715" i="1"/>
  <c r="E3716" i="1"/>
  <c r="E3717" i="1"/>
  <c r="E3718" i="1"/>
  <c r="E3719" i="1"/>
  <c r="E3720" i="1"/>
  <c r="E3721" i="1"/>
  <c r="E3722" i="1"/>
  <c r="E3723" i="1"/>
  <c r="E3724" i="1"/>
  <c r="E3725" i="1"/>
  <c r="E3726" i="1"/>
  <c r="E3727" i="1"/>
  <c r="E3728" i="1"/>
  <c r="E3729" i="1"/>
  <c r="E3730" i="1"/>
  <c r="E3731" i="1"/>
  <c r="E3732" i="1"/>
  <c r="E3733" i="1"/>
  <c r="E3734" i="1"/>
  <c r="E3735" i="1"/>
  <c r="E3736" i="1"/>
  <c r="E3737" i="1"/>
  <c r="E3738" i="1"/>
  <c r="E3739" i="1"/>
  <c r="E3740" i="1"/>
  <c r="E3741" i="1"/>
  <c r="E3742" i="1"/>
  <c r="E3743" i="1"/>
  <c r="E3744" i="1"/>
  <c r="E3745" i="1"/>
  <c r="E3746" i="1"/>
  <c r="E3747" i="1"/>
  <c r="E3748" i="1"/>
  <c r="E3749" i="1"/>
  <c r="E3750" i="1"/>
  <c r="E3751" i="1"/>
  <c r="E3752" i="1"/>
  <c r="E3753" i="1"/>
  <c r="E3754" i="1"/>
  <c r="E3755" i="1"/>
  <c r="E3756" i="1"/>
  <c r="E3757" i="1"/>
  <c r="E3758" i="1"/>
  <c r="E3759" i="1"/>
  <c r="E3760" i="1"/>
  <c r="E3761" i="1"/>
  <c r="E3762" i="1"/>
  <c r="E3763" i="1"/>
  <c r="E3764" i="1"/>
  <c r="E3765" i="1"/>
  <c r="E3766" i="1"/>
  <c r="E3767" i="1"/>
  <c r="E3768" i="1"/>
  <c r="E3769" i="1"/>
  <c r="E3770" i="1"/>
  <c r="E3771" i="1"/>
  <c r="E3772" i="1"/>
  <c r="E3773" i="1"/>
  <c r="E3774" i="1"/>
  <c r="E3775" i="1"/>
  <c r="E3776" i="1"/>
  <c r="E3777" i="1"/>
  <c r="E3778" i="1"/>
  <c r="E3779" i="1"/>
  <c r="E3780" i="1"/>
  <c r="E3781" i="1"/>
  <c r="E3782" i="1"/>
  <c r="E3783" i="1"/>
  <c r="E3784" i="1"/>
  <c r="E3785" i="1"/>
  <c r="E3786" i="1"/>
  <c r="E3787" i="1"/>
  <c r="E3788" i="1"/>
  <c r="E3789" i="1"/>
  <c r="E3790" i="1"/>
  <c r="E3791" i="1"/>
  <c r="E3792" i="1"/>
  <c r="E3793" i="1"/>
  <c r="E3794" i="1"/>
  <c r="E3795" i="1"/>
  <c r="E3796" i="1"/>
  <c r="E3797" i="1"/>
  <c r="E3798" i="1"/>
  <c r="E3799" i="1"/>
  <c r="E3800" i="1"/>
  <c r="E3801" i="1"/>
  <c r="E3802" i="1"/>
  <c r="E3803" i="1"/>
  <c r="E3804" i="1"/>
  <c r="E3805" i="1"/>
  <c r="E3806" i="1"/>
  <c r="E3807" i="1"/>
  <c r="E3808" i="1"/>
  <c r="E3809" i="1"/>
  <c r="E3810" i="1"/>
  <c r="E3811" i="1"/>
  <c r="E3812" i="1"/>
  <c r="E3813" i="1"/>
  <c r="E3814" i="1"/>
  <c r="E3815" i="1"/>
  <c r="E3816" i="1"/>
  <c r="E3817" i="1"/>
  <c r="E3818" i="1"/>
  <c r="E3819" i="1"/>
  <c r="E3820" i="1"/>
  <c r="E3821" i="1"/>
  <c r="E3822" i="1"/>
  <c r="E3823" i="1"/>
  <c r="E3824" i="1"/>
  <c r="E3825" i="1"/>
  <c r="E3826" i="1"/>
  <c r="E3827" i="1"/>
  <c r="E3828" i="1"/>
  <c r="E3829" i="1"/>
  <c r="E3830" i="1"/>
  <c r="E3831" i="1"/>
  <c r="E3832" i="1"/>
  <c r="E3833" i="1"/>
  <c r="E3834" i="1"/>
  <c r="E3835" i="1"/>
  <c r="E3836" i="1"/>
  <c r="E3837" i="1"/>
  <c r="E3838" i="1"/>
  <c r="E3839" i="1"/>
  <c r="E3840" i="1"/>
  <c r="E3841" i="1"/>
  <c r="E3842" i="1"/>
  <c r="E3843" i="1"/>
  <c r="E3844" i="1"/>
  <c r="E3845" i="1"/>
  <c r="E3846" i="1"/>
  <c r="E3847" i="1"/>
  <c r="E3848" i="1"/>
  <c r="E3849" i="1"/>
  <c r="E3850" i="1"/>
  <c r="E3851" i="1"/>
  <c r="E3852" i="1"/>
  <c r="E3853" i="1"/>
  <c r="E3854" i="1"/>
  <c r="E3855" i="1"/>
  <c r="E3856" i="1"/>
  <c r="E3857" i="1"/>
  <c r="E3858" i="1"/>
  <c r="E3859" i="1"/>
  <c r="E3860" i="1"/>
  <c r="E3861" i="1"/>
  <c r="E3862" i="1"/>
  <c r="E3863" i="1"/>
  <c r="E3864" i="1"/>
  <c r="E3865" i="1"/>
  <c r="E3866" i="1"/>
  <c r="E3867" i="1"/>
  <c r="E3868" i="1"/>
  <c r="E3869" i="1"/>
  <c r="E3870" i="1"/>
  <c r="E3871" i="1"/>
  <c r="E3872" i="1"/>
  <c r="E3873" i="1"/>
  <c r="E3874" i="1"/>
  <c r="E3875" i="1"/>
  <c r="E3876" i="1"/>
  <c r="E3877" i="1"/>
  <c r="E3878" i="1"/>
  <c r="E3879" i="1"/>
  <c r="E3880" i="1"/>
  <c r="E3881" i="1"/>
  <c r="E3882" i="1"/>
  <c r="E3883" i="1"/>
  <c r="E3884" i="1"/>
  <c r="E3885" i="1"/>
  <c r="E3886" i="1"/>
  <c r="E3887" i="1"/>
  <c r="E3888" i="1"/>
  <c r="E3889" i="1"/>
  <c r="E3890" i="1"/>
  <c r="E3891" i="1"/>
  <c r="E3892" i="1"/>
  <c r="E3893" i="1"/>
  <c r="E3894" i="1"/>
  <c r="E3895" i="1"/>
  <c r="E3896" i="1"/>
  <c r="E3897" i="1"/>
  <c r="E3898" i="1"/>
  <c r="E3899" i="1"/>
  <c r="E3900" i="1"/>
  <c r="E3901" i="1"/>
  <c r="E3902" i="1"/>
  <c r="E3903" i="1"/>
  <c r="E3904" i="1"/>
  <c r="E3905" i="1"/>
  <c r="E3906" i="1"/>
  <c r="E3907" i="1"/>
  <c r="E3908" i="1"/>
  <c r="E3909" i="1"/>
  <c r="E3910" i="1"/>
  <c r="E3911" i="1"/>
  <c r="E3912" i="1"/>
  <c r="E3913" i="1"/>
  <c r="E3914" i="1"/>
  <c r="E3915" i="1"/>
  <c r="E3916" i="1"/>
  <c r="E3917" i="1"/>
  <c r="E3918" i="1"/>
  <c r="E3919" i="1"/>
  <c r="E3920" i="1"/>
  <c r="E3921" i="1"/>
  <c r="E3922" i="1"/>
  <c r="E3923" i="1"/>
  <c r="E3924" i="1"/>
  <c r="E3925" i="1"/>
  <c r="E3926" i="1"/>
  <c r="E3927" i="1"/>
  <c r="E3928" i="1"/>
  <c r="E3929" i="1"/>
  <c r="E3930" i="1"/>
  <c r="E3931" i="1"/>
  <c r="E3932" i="1"/>
  <c r="E3933" i="1"/>
  <c r="E3934" i="1"/>
  <c r="E3935" i="1"/>
  <c r="E3936" i="1"/>
  <c r="E3937" i="1"/>
  <c r="E3938" i="1"/>
  <c r="E3939" i="1"/>
  <c r="E3940" i="1"/>
  <c r="E3941" i="1"/>
  <c r="E3942" i="1"/>
  <c r="E3943" i="1"/>
  <c r="E3944" i="1"/>
  <c r="E3945" i="1"/>
  <c r="E3946" i="1"/>
  <c r="E3947" i="1"/>
  <c r="E3948" i="1"/>
  <c r="E3949" i="1"/>
  <c r="E3950" i="1"/>
  <c r="E3951" i="1"/>
  <c r="E3952" i="1"/>
  <c r="E3953" i="1"/>
  <c r="E3954" i="1"/>
  <c r="E3955" i="1"/>
  <c r="E3956" i="1"/>
  <c r="E3957" i="1"/>
  <c r="E3958" i="1"/>
  <c r="E3959" i="1"/>
  <c r="E3960" i="1"/>
  <c r="E3961" i="1"/>
  <c r="E3962" i="1"/>
  <c r="E3963" i="1"/>
  <c r="E3964" i="1"/>
  <c r="E3965" i="1"/>
  <c r="E3966" i="1"/>
  <c r="E3967" i="1"/>
  <c r="E3968" i="1"/>
  <c r="E3969" i="1"/>
  <c r="E3970" i="1"/>
  <c r="E3971" i="1"/>
  <c r="E3972" i="1"/>
  <c r="E3973" i="1"/>
  <c r="E3974" i="1"/>
  <c r="E3975" i="1"/>
  <c r="E3976" i="1"/>
  <c r="E3977" i="1"/>
  <c r="E3978" i="1"/>
  <c r="E3979" i="1"/>
  <c r="E3980" i="1"/>
  <c r="E3981" i="1"/>
  <c r="E3982" i="1"/>
  <c r="E3983" i="1"/>
  <c r="E3984" i="1"/>
  <c r="E3985" i="1"/>
  <c r="E3986" i="1"/>
  <c r="E3987" i="1"/>
  <c r="E3988" i="1"/>
  <c r="E3989" i="1"/>
  <c r="E3990" i="1"/>
  <c r="E3991" i="1"/>
  <c r="E3992" i="1"/>
  <c r="E3993" i="1"/>
  <c r="E3994" i="1"/>
  <c r="E3995" i="1"/>
  <c r="E3996" i="1"/>
  <c r="E3997" i="1"/>
  <c r="E3998" i="1"/>
  <c r="E3999" i="1"/>
  <c r="E4000" i="1"/>
  <c r="E4001" i="1"/>
  <c r="E4002" i="1"/>
  <c r="E4003" i="1"/>
  <c r="E4004" i="1"/>
  <c r="E4005" i="1"/>
  <c r="E4006" i="1"/>
  <c r="E4007" i="1"/>
  <c r="E4008" i="1"/>
  <c r="E4009" i="1"/>
  <c r="E4010" i="1"/>
  <c r="E4011" i="1"/>
  <c r="E4012" i="1"/>
  <c r="E4013" i="1"/>
  <c r="E4014" i="1"/>
  <c r="E4015" i="1"/>
  <c r="E4016" i="1"/>
  <c r="E4017" i="1"/>
  <c r="E4018" i="1"/>
  <c r="E4019" i="1"/>
  <c r="E4020" i="1"/>
  <c r="E4021" i="1"/>
  <c r="E4022" i="1"/>
  <c r="E4023" i="1"/>
  <c r="E4024" i="1"/>
  <c r="E4025" i="1"/>
  <c r="E4026" i="1"/>
  <c r="E4027" i="1"/>
  <c r="E4028" i="1"/>
  <c r="E4029" i="1"/>
  <c r="E4030" i="1"/>
  <c r="E4031" i="1"/>
  <c r="E4032" i="1"/>
  <c r="E4033" i="1"/>
  <c r="E4034" i="1"/>
  <c r="E4035" i="1"/>
  <c r="E4036" i="1"/>
  <c r="E4037" i="1"/>
  <c r="E4038" i="1"/>
  <c r="E4039" i="1"/>
  <c r="E4040" i="1"/>
  <c r="E4041" i="1"/>
  <c r="E4042" i="1"/>
  <c r="E4043" i="1"/>
  <c r="E4044" i="1"/>
  <c r="E4045" i="1"/>
  <c r="E4046" i="1"/>
  <c r="E4047" i="1"/>
  <c r="E4048" i="1"/>
  <c r="E4049" i="1"/>
  <c r="E4050" i="1"/>
  <c r="E4051" i="1"/>
  <c r="E4052" i="1"/>
  <c r="E4053" i="1"/>
  <c r="E4054" i="1"/>
  <c r="E4055" i="1"/>
  <c r="E4056" i="1"/>
  <c r="E4057" i="1"/>
  <c r="E4058" i="1"/>
  <c r="E4059" i="1"/>
  <c r="E4060" i="1"/>
  <c r="E4061" i="1"/>
  <c r="E4062" i="1"/>
  <c r="E4063" i="1"/>
  <c r="E4064" i="1"/>
  <c r="E4065" i="1"/>
  <c r="E4066" i="1"/>
  <c r="E4067" i="1"/>
  <c r="E4068" i="1"/>
  <c r="E4069" i="1"/>
  <c r="E4070" i="1"/>
  <c r="E4071" i="1"/>
  <c r="E4072" i="1"/>
  <c r="E4073" i="1"/>
  <c r="E4074" i="1"/>
  <c r="E4075" i="1"/>
  <c r="E4076" i="1"/>
  <c r="E4077" i="1"/>
  <c r="E4078" i="1"/>
  <c r="E4079" i="1"/>
  <c r="E4080" i="1"/>
  <c r="E4081" i="1"/>
  <c r="E4082" i="1"/>
  <c r="E4083" i="1"/>
  <c r="E4084" i="1"/>
  <c r="E4085" i="1"/>
  <c r="E4086" i="1"/>
  <c r="E4087" i="1"/>
  <c r="E4088" i="1"/>
  <c r="E4089" i="1"/>
  <c r="E4090" i="1"/>
  <c r="E4091" i="1"/>
  <c r="E4092" i="1"/>
  <c r="E4093" i="1"/>
  <c r="E4094" i="1"/>
  <c r="E4095" i="1"/>
  <c r="E4096" i="1"/>
  <c r="E4097" i="1"/>
  <c r="E4098" i="1"/>
  <c r="E4099" i="1"/>
  <c r="E4100" i="1"/>
  <c r="E4101" i="1"/>
  <c r="E4102" i="1"/>
  <c r="E4103" i="1"/>
  <c r="E4104" i="1"/>
  <c r="E4105" i="1"/>
  <c r="E4106" i="1"/>
  <c r="E4107" i="1"/>
  <c r="E4108" i="1"/>
  <c r="E4109" i="1"/>
  <c r="E4110" i="1"/>
  <c r="E4111" i="1"/>
  <c r="E4112" i="1"/>
  <c r="E4113" i="1"/>
  <c r="E4114" i="1"/>
  <c r="E4115" i="1"/>
  <c r="E4116" i="1"/>
  <c r="E4117" i="1"/>
  <c r="E4118" i="1"/>
  <c r="E4119" i="1"/>
  <c r="E4120" i="1"/>
  <c r="E4121" i="1"/>
  <c r="E4122" i="1"/>
  <c r="E4123" i="1"/>
  <c r="E4124" i="1"/>
  <c r="E4125" i="1"/>
  <c r="E4126" i="1"/>
  <c r="E4127" i="1"/>
  <c r="E4128" i="1"/>
  <c r="E4129" i="1"/>
  <c r="E4130" i="1"/>
  <c r="E4131" i="1"/>
  <c r="E4132" i="1"/>
  <c r="E4133" i="1"/>
  <c r="E4134" i="1"/>
  <c r="E4135" i="1"/>
  <c r="E4136" i="1"/>
  <c r="E4137" i="1"/>
  <c r="E4138" i="1"/>
  <c r="E4139" i="1"/>
  <c r="E4140" i="1"/>
  <c r="E4141" i="1"/>
  <c r="E4142" i="1"/>
  <c r="E4143" i="1"/>
  <c r="E4144" i="1"/>
  <c r="E4145" i="1"/>
  <c r="E4146" i="1"/>
  <c r="E4147" i="1"/>
  <c r="E4148" i="1"/>
  <c r="E4149" i="1"/>
  <c r="E4150" i="1"/>
  <c r="E4151" i="1"/>
  <c r="E4152" i="1"/>
  <c r="E4153" i="1"/>
  <c r="E4154" i="1"/>
  <c r="E4155" i="1"/>
  <c r="E4156" i="1"/>
  <c r="E4157" i="1"/>
  <c r="E4158" i="1"/>
  <c r="E4159" i="1"/>
  <c r="E4160" i="1"/>
  <c r="E4161" i="1"/>
  <c r="E4162" i="1"/>
  <c r="E4163" i="1"/>
  <c r="E4164" i="1"/>
  <c r="E4165" i="1"/>
  <c r="E4166" i="1"/>
  <c r="E4167" i="1"/>
  <c r="E4168" i="1"/>
  <c r="E4169" i="1"/>
  <c r="E4170" i="1"/>
  <c r="E4171" i="1"/>
  <c r="E4172" i="1"/>
  <c r="E4173" i="1"/>
  <c r="E4174" i="1"/>
  <c r="E4175" i="1"/>
  <c r="E4176" i="1"/>
  <c r="E4177" i="1"/>
  <c r="E4178" i="1"/>
  <c r="E4179" i="1"/>
  <c r="E4180" i="1"/>
  <c r="E4181" i="1"/>
  <c r="E4182" i="1"/>
  <c r="E4183" i="1"/>
  <c r="E4184" i="1"/>
  <c r="E4185" i="1"/>
  <c r="E4186" i="1"/>
  <c r="E4187" i="1"/>
  <c r="E4188" i="1"/>
  <c r="E4189" i="1"/>
  <c r="E4190" i="1"/>
  <c r="E4191" i="1"/>
  <c r="E4192" i="1"/>
  <c r="E4193" i="1"/>
  <c r="E4194" i="1"/>
  <c r="E4195" i="1"/>
  <c r="E4196" i="1"/>
  <c r="E4197" i="1"/>
  <c r="E4198" i="1"/>
  <c r="E4199" i="1"/>
  <c r="E4200" i="1"/>
  <c r="E4201" i="1"/>
  <c r="E4202" i="1"/>
  <c r="E4203" i="1"/>
  <c r="E4204" i="1"/>
  <c r="E4205" i="1"/>
  <c r="E4206" i="1"/>
  <c r="E4207" i="1"/>
  <c r="E4208" i="1"/>
  <c r="E4209" i="1"/>
  <c r="E4210" i="1"/>
  <c r="E4211" i="1"/>
  <c r="E4212" i="1"/>
  <c r="E4213" i="1"/>
  <c r="E4214" i="1"/>
  <c r="E4215" i="1"/>
  <c r="E4216" i="1"/>
  <c r="E4217" i="1"/>
  <c r="E4218" i="1"/>
  <c r="E4219" i="1"/>
  <c r="E4220" i="1"/>
  <c r="E4221" i="1"/>
  <c r="E4222" i="1"/>
  <c r="E4223" i="1"/>
  <c r="E4224" i="1"/>
  <c r="E4225" i="1"/>
  <c r="E4226" i="1"/>
  <c r="E4227" i="1"/>
  <c r="E4228" i="1"/>
  <c r="E4229" i="1"/>
  <c r="E4230" i="1"/>
  <c r="E4231" i="1"/>
  <c r="E4232" i="1"/>
  <c r="E4233" i="1"/>
  <c r="E4234" i="1"/>
  <c r="E4235" i="1"/>
  <c r="E4236" i="1"/>
  <c r="E4237" i="1"/>
  <c r="E4238" i="1"/>
  <c r="E4239" i="1"/>
  <c r="E4240" i="1"/>
  <c r="E4241" i="1"/>
  <c r="E4242" i="1"/>
  <c r="E4243" i="1"/>
  <c r="E4244" i="1"/>
  <c r="E4245" i="1"/>
  <c r="E4246" i="1"/>
  <c r="E4247" i="1"/>
  <c r="E4248" i="1"/>
  <c r="E4249" i="1"/>
  <c r="E4250" i="1"/>
  <c r="E4251" i="1"/>
  <c r="E4252" i="1"/>
  <c r="E4253" i="1"/>
  <c r="E4254" i="1"/>
  <c r="E4255" i="1"/>
  <c r="E4256" i="1"/>
  <c r="E4257" i="1"/>
  <c r="E4258" i="1"/>
  <c r="E4259" i="1"/>
  <c r="E4260" i="1"/>
  <c r="E4261" i="1"/>
  <c r="E4262" i="1"/>
  <c r="E4263" i="1"/>
  <c r="E4264" i="1"/>
  <c r="E4265" i="1"/>
  <c r="E4266" i="1"/>
  <c r="E4267" i="1"/>
  <c r="E4268" i="1"/>
  <c r="E4269" i="1"/>
  <c r="E4270" i="1"/>
  <c r="E4271" i="1"/>
  <c r="E4272" i="1"/>
  <c r="E4273" i="1"/>
  <c r="E4274" i="1"/>
  <c r="E4275" i="1"/>
  <c r="E4276" i="1"/>
  <c r="E4277" i="1"/>
  <c r="E4278" i="1"/>
  <c r="E4279" i="1"/>
  <c r="E4280" i="1"/>
  <c r="E4281" i="1"/>
  <c r="E4282" i="1"/>
  <c r="E4283" i="1"/>
  <c r="E4284" i="1"/>
  <c r="E4285" i="1"/>
  <c r="E4286" i="1"/>
  <c r="E4287" i="1"/>
  <c r="E4288" i="1"/>
  <c r="E4289" i="1"/>
  <c r="E4290" i="1"/>
  <c r="E4291" i="1"/>
  <c r="E4292" i="1"/>
  <c r="E4293" i="1"/>
  <c r="E4294" i="1"/>
  <c r="E4295" i="1"/>
  <c r="E4296" i="1"/>
  <c r="E4297" i="1"/>
  <c r="E4298" i="1"/>
  <c r="E4299" i="1"/>
  <c r="E4300" i="1"/>
  <c r="E4301" i="1"/>
  <c r="E4302" i="1"/>
  <c r="E4303" i="1"/>
  <c r="E4304" i="1"/>
  <c r="E4305" i="1"/>
  <c r="E4306" i="1"/>
  <c r="E4307" i="1"/>
  <c r="E4308" i="1"/>
  <c r="E4309" i="1"/>
  <c r="E4310" i="1"/>
  <c r="E4311" i="1"/>
  <c r="E4312" i="1"/>
  <c r="E4313" i="1"/>
  <c r="E4314" i="1"/>
  <c r="E4315" i="1"/>
  <c r="E4316" i="1"/>
  <c r="E4317" i="1"/>
  <c r="E4318" i="1"/>
  <c r="E4319" i="1"/>
  <c r="E4320" i="1"/>
  <c r="E4321" i="1"/>
  <c r="E4322" i="1"/>
  <c r="E4323" i="1"/>
  <c r="E4324" i="1"/>
  <c r="E4325" i="1"/>
  <c r="E4326" i="1"/>
  <c r="E4327" i="1"/>
  <c r="E4328" i="1"/>
  <c r="E4329" i="1"/>
  <c r="E4330" i="1"/>
  <c r="E4331" i="1"/>
  <c r="E4332" i="1"/>
  <c r="E4333" i="1"/>
  <c r="E4334" i="1"/>
  <c r="E4335" i="1"/>
  <c r="E4336" i="1"/>
  <c r="E4337" i="1"/>
  <c r="E4338" i="1"/>
  <c r="E4339" i="1"/>
  <c r="E4340" i="1"/>
  <c r="E4341" i="1"/>
  <c r="E4342" i="1"/>
  <c r="E4343" i="1"/>
  <c r="E4344" i="1"/>
  <c r="E4345" i="1"/>
  <c r="E4346" i="1"/>
  <c r="E4347" i="1"/>
  <c r="E4348" i="1"/>
  <c r="E4349" i="1"/>
  <c r="E4350" i="1"/>
  <c r="E4351" i="1"/>
  <c r="E4352" i="1"/>
  <c r="E4353" i="1"/>
  <c r="E4354" i="1"/>
  <c r="E4355" i="1"/>
  <c r="E4356" i="1"/>
  <c r="E4357" i="1"/>
  <c r="E4358" i="1"/>
  <c r="E4359" i="1"/>
  <c r="E4360" i="1"/>
  <c r="E4361" i="1"/>
  <c r="E4362" i="1"/>
  <c r="E4363" i="1"/>
  <c r="E4364" i="1"/>
  <c r="E4365" i="1"/>
  <c r="E4366" i="1"/>
  <c r="E4367" i="1"/>
  <c r="E4368" i="1"/>
  <c r="E4369" i="1"/>
  <c r="E4370" i="1"/>
  <c r="E4371" i="1"/>
  <c r="E4372" i="1"/>
  <c r="E4373" i="1"/>
  <c r="E4374" i="1"/>
  <c r="E4375" i="1"/>
  <c r="E4376" i="1"/>
  <c r="E4377" i="1"/>
  <c r="E4378" i="1"/>
  <c r="E4379" i="1"/>
  <c r="E4380" i="1"/>
  <c r="E4381" i="1"/>
  <c r="E4382" i="1"/>
  <c r="E4383" i="1"/>
  <c r="E4384" i="1"/>
  <c r="E4385" i="1"/>
  <c r="E4386" i="1"/>
  <c r="E4387" i="1"/>
  <c r="E4388" i="1"/>
  <c r="E4389" i="1"/>
  <c r="E4390" i="1"/>
  <c r="E4391" i="1"/>
  <c r="E4392" i="1"/>
  <c r="E4393" i="1"/>
  <c r="E4394" i="1"/>
  <c r="E4395" i="1"/>
  <c r="E4396" i="1"/>
  <c r="E4397" i="1"/>
  <c r="E4398" i="1"/>
  <c r="E4399" i="1"/>
  <c r="E4400" i="1"/>
  <c r="E4401" i="1"/>
  <c r="E4402" i="1"/>
  <c r="E4403" i="1"/>
  <c r="E4404" i="1"/>
  <c r="E4405" i="1"/>
  <c r="E4406" i="1"/>
  <c r="E4407" i="1"/>
  <c r="E4408" i="1"/>
  <c r="E4409" i="1"/>
  <c r="E4410" i="1"/>
  <c r="E4411" i="1"/>
  <c r="E4412" i="1"/>
  <c r="E4413" i="1"/>
  <c r="E4414" i="1"/>
  <c r="E4415" i="1"/>
  <c r="E4416" i="1"/>
  <c r="E4417" i="1"/>
  <c r="E4418" i="1"/>
  <c r="E4419" i="1"/>
  <c r="E4420" i="1"/>
  <c r="E4421" i="1"/>
  <c r="E4422" i="1"/>
  <c r="E4423" i="1"/>
  <c r="E4424" i="1"/>
  <c r="E4425" i="1"/>
  <c r="E4426" i="1"/>
  <c r="E4427" i="1"/>
  <c r="E4428" i="1"/>
  <c r="E4429" i="1"/>
  <c r="E4430" i="1"/>
  <c r="E4431" i="1"/>
  <c r="E4432" i="1"/>
  <c r="E4433" i="1"/>
  <c r="E4434" i="1"/>
  <c r="E4435" i="1"/>
  <c r="E4436" i="1"/>
  <c r="E4437" i="1"/>
  <c r="E4438" i="1"/>
  <c r="E4439" i="1"/>
  <c r="E4440" i="1"/>
  <c r="E4441" i="1"/>
  <c r="E4442" i="1"/>
  <c r="E4443" i="1"/>
  <c r="E4444" i="1"/>
  <c r="E4445" i="1"/>
  <c r="E4446" i="1"/>
  <c r="E4447" i="1"/>
  <c r="E4448" i="1"/>
  <c r="E4449" i="1"/>
  <c r="E4450" i="1"/>
  <c r="E4451" i="1"/>
  <c r="E4452" i="1"/>
  <c r="E4453" i="1"/>
  <c r="E4454" i="1"/>
  <c r="E4455" i="1"/>
  <c r="E4456" i="1"/>
  <c r="E4457" i="1"/>
  <c r="E4458" i="1"/>
  <c r="E4459" i="1"/>
  <c r="E4460" i="1"/>
  <c r="E4461" i="1"/>
  <c r="E4462" i="1"/>
  <c r="E4463" i="1"/>
  <c r="E4464" i="1"/>
  <c r="E4465" i="1"/>
  <c r="E4466" i="1"/>
  <c r="E4467" i="1"/>
  <c r="E4468" i="1"/>
  <c r="E4469" i="1"/>
  <c r="E4470" i="1"/>
  <c r="E4471" i="1"/>
  <c r="E4472" i="1"/>
  <c r="E4473" i="1"/>
  <c r="E4474" i="1"/>
  <c r="E4475" i="1"/>
  <c r="E4476" i="1"/>
  <c r="E4477" i="1"/>
  <c r="E4478" i="1"/>
  <c r="E4479" i="1"/>
  <c r="E4480" i="1"/>
  <c r="E4481" i="1"/>
  <c r="E4482" i="1"/>
  <c r="E4483" i="1"/>
  <c r="E4484" i="1"/>
  <c r="E4485" i="1"/>
  <c r="E4486" i="1"/>
  <c r="E4487" i="1"/>
  <c r="E4488" i="1"/>
  <c r="E4489" i="1"/>
  <c r="E4490" i="1"/>
  <c r="E4491" i="1"/>
  <c r="E4492" i="1"/>
  <c r="E4493" i="1"/>
  <c r="E4494" i="1"/>
  <c r="E4495" i="1"/>
  <c r="E4496" i="1"/>
  <c r="E4497" i="1"/>
  <c r="E4498" i="1"/>
  <c r="E4499" i="1"/>
  <c r="E4500" i="1"/>
  <c r="E4501" i="1"/>
  <c r="E4502" i="1"/>
  <c r="E4503" i="1"/>
  <c r="E4504" i="1"/>
  <c r="E4505" i="1"/>
  <c r="E4506" i="1"/>
  <c r="E4507" i="1"/>
  <c r="E4508" i="1"/>
  <c r="E4509" i="1"/>
  <c r="E4510" i="1"/>
  <c r="E4511" i="1"/>
  <c r="E4512" i="1"/>
  <c r="E4513" i="1"/>
  <c r="E4514" i="1"/>
  <c r="E4515" i="1"/>
  <c r="E4516" i="1"/>
  <c r="E4517" i="1"/>
  <c r="E4518" i="1"/>
  <c r="E4519" i="1"/>
  <c r="E4520" i="1"/>
  <c r="E4521" i="1"/>
  <c r="E4522" i="1"/>
  <c r="E4523" i="1"/>
  <c r="E4524" i="1"/>
  <c r="E4525" i="1"/>
  <c r="E4526" i="1"/>
  <c r="E4527" i="1"/>
  <c r="E4528" i="1"/>
  <c r="E4529" i="1"/>
  <c r="E4530" i="1"/>
  <c r="E4531" i="1"/>
  <c r="E4532" i="1"/>
  <c r="E4533" i="1"/>
  <c r="E4534" i="1"/>
  <c r="E4535" i="1"/>
  <c r="E4536" i="1"/>
  <c r="E4537" i="1"/>
  <c r="E4538" i="1"/>
  <c r="E4539" i="1"/>
  <c r="E4540" i="1"/>
  <c r="E4541" i="1"/>
  <c r="E4542" i="1"/>
  <c r="E4543" i="1"/>
  <c r="E4544" i="1"/>
  <c r="E4545" i="1"/>
  <c r="E4546" i="1"/>
  <c r="E4547" i="1"/>
  <c r="E4548" i="1"/>
  <c r="E4549" i="1"/>
  <c r="E4550" i="1"/>
  <c r="E4551" i="1"/>
  <c r="E4552" i="1"/>
  <c r="E4553" i="1"/>
  <c r="E4554" i="1"/>
  <c r="E4555" i="1"/>
  <c r="E4556" i="1"/>
  <c r="E4557" i="1"/>
  <c r="E4558" i="1"/>
  <c r="E4559" i="1"/>
  <c r="E4560" i="1"/>
  <c r="E4561" i="1"/>
  <c r="E4562" i="1"/>
  <c r="E4563" i="1"/>
  <c r="E4564" i="1"/>
  <c r="E4565" i="1"/>
  <c r="E4566" i="1"/>
  <c r="E4567" i="1"/>
  <c r="E4568" i="1"/>
  <c r="E4569" i="1"/>
  <c r="E4570" i="1"/>
  <c r="E4571" i="1"/>
  <c r="E4572" i="1"/>
  <c r="E4573" i="1"/>
  <c r="E4574" i="1"/>
  <c r="E4575" i="1"/>
  <c r="E4576" i="1"/>
  <c r="E4577" i="1"/>
  <c r="E4578" i="1"/>
  <c r="E4579" i="1"/>
  <c r="E4580" i="1"/>
  <c r="E4581" i="1"/>
  <c r="E4582" i="1"/>
  <c r="E4583" i="1"/>
  <c r="E4584" i="1"/>
  <c r="E4585" i="1"/>
  <c r="E4586" i="1"/>
  <c r="E4587" i="1"/>
  <c r="E4588" i="1"/>
  <c r="E4589" i="1"/>
  <c r="E4590" i="1"/>
  <c r="E4591" i="1"/>
  <c r="E4592" i="1"/>
  <c r="E4593" i="1"/>
  <c r="E4594" i="1"/>
  <c r="E4595" i="1"/>
  <c r="E4596" i="1"/>
  <c r="E4597" i="1"/>
  <c r="E4598" i="1"/>
  <c r="E4599" i="1"/>
  <c r="E4600" i="1"/>
  <c r="E4601" i="1"/>
  <c r="E4602" i="1"/>
  <c r="E4603" i="1"/>
  <c r="E4604" i="1"/>
  <c r="E4605" i="1"/>
  <c r="E4606" i="1"/>
  <c r="E4607" i="1"/>
  <c r="E4608" i="1"/>
  <c r="E4609" i="1"/>
  <c r="E4610" i="1"/>
  <c r="E4611" i="1"/>
  <c r="E4612" i="1"/>
  <c r="E4613" i="1"/>
  <c r="E4614" i="1"/>
  <c r="E4615" i="1"/>
  <c r="E4616" i="1"/>
  <c r="E4617" i="1"/>
  <c r="E4618" i="1"/>
  <c r="E4619" i="1"/>
  <c r="E4620" i="1"/>
  <c r="E4621" i="1"/>
  <c r="E4622" i="1"/>
  <c r="E4623" i="1"/>
  <c r="E4624" i="1"/>
  <c r="E4625" i="1"/>
  <c r="E4626" i="1"/>
  <c r="E4627" i="1"/>
  <c r="E4628" i="1"/>
  <c r="E4629" i="1"/>
  <c r="E4630" i="1"/>
  <c r="E4631" i="1"/>
  <c r="E4632" i="1"/>
  <c r="E4633" i="1"/>
  <c r="E4634" i="1"/>
  <c r="E4635" i="1"/>
  <c r="E4636" i="1"/>
  <c r="E4637" i="1"/>
  <c r="E4638" i="1"/>
  <c r="E4639" i="1"/>
  <c r="E4640" i="1"/>
  <c r="E4641" i="1"/>
  <c r="E4642" i="1"/>
  <c r="E4643" i="1"/>
  <c r="E4644" i="1"/>
  <c r="E4645" i="1"/>
  <c r="E4646" i="1"/>
  <c r="E4647" i="1"/>
  <c r="E4648" i="1"/>
  <c r="E4649" i="1"/>
  <c r="E4650" i="1"/>
  <c r="E4651" i="1"/>
  <c r="E4652" i="1"/>
  <c r="E4653" i="1"/>
  <c r="E4654" i="1"/>
  <c r="E4655" i="1"/>
  <c r="E4656" i="1"/>
  <c r="E4657" i="1"/>
  <c r="E4658" i="1"/>
  <c r="E4659" i="1"/>
  <c r="E4660" i="1"/>
  <c r="E4661" i="1"/>
  <c r="E4662" i="1"/>
  <c r="E4663" i="1"/>
  <c r="E4664" i="1"/>
  <c r="E4665" i="1"/>
  <c r="E4666" i="1"/>
  <c r="E4667" i="1"/>
  <c r="E4668" i="1"/>
  <c r="E4669" i="1"/>
  <c r="E4670" i="1"/>
  <c r="E4671" i="1"/>
  <c r="E4672" i="1"/>
  <c r="E4673" i="1"/>
  <c r="E4674" i="1"/>
  <c r="E4675" i="1"/>
  <c r="E4676" i="1"/>
  <c r="E4677" i="1"/>
  <c r="E4678" i="1"/>
  <c r="E4679" i="1"/>
  <c r="E4680" i="1"/>
  <c r="E4681" i="1"/>
  <c r="E4682" i="1"/>
  <c r="E4683" i="1"/>
  <c r="E4684" i="1"/>
  <c r="E4685" i="1"/>
  <c r="E4686" i="1"/>
  <c r="E4687" i="1"/>
  <c r="E4688" i="1"/>
  <c r="E4689" i="1"/>
  <c r="E4690" i="1"/>
  <c r="E4691" i="1"/>
  <c r="E4692" i="1"/>
  <c r="E4693" i="1"/>
  <c r="E4694" i="1"/>
  <c r="E4695" i="1"/>
  <c r="E4696" i="1"/>
  <c r="E4697" i="1"/>
  <c r="E4698" i="1"/>
  <c r="E4699" i="1"/>
  <c r="E4700" i="1"/>
  <c r="E4701" i="1"/>
  <c r="E4702" i="1"/>
  <c r="E4703" i="1"/>
  <c r="E4704" i="1"/>
  <c r="E4705" i="1"/>
  <c r="E4706" i="1"/>
  <c r="E4707" i="1"/>
  <c r="E4708" i="1"/>
  <c r="E4709" i="1"/>
  <c r="E4710" i="1"/>
  <c r="E4711" i="1"/>
  <c r="E4712" i="1"/>
  <c r="E4713" i="1"/>
  <c r="E4714" i="1"/>
  <c r="E4715" i="1"/>
  <c r="E4716" i="1"/>
  <c r="E4717" i="1"/>
  <c r="E4718" i="1"/>
  <c r="E4719" i="1"/>
  <c r="E4720" i="1"/>
  <c r="E4721" i="1"/>
  <c r="E4722" i="1"/>
  <c r="E4723" i="1"/>
  <c r="E4724" i="1"/>
  <c r="E4725" i="1"/>
  <c r="E4726" i="1"/>
  <c r="E4727" i="1"/>
  <c r="E4728" i="1"/>
  <c r="E4729" i="1"/>
  <c r="E4730" i="1"/>
  <c r="E4731" i="1"/>
  <c r="E4732" i="1"/>
  <c r="E4733" i="1"/>
  <c r="E4734" i="1"/>
  <c r="E4735" i="1"/>
  <c r="E4736" i="1"/>
  <c r="E4737" i="1"/>
  <c r="E4738" i="1"/>
  <c r="E4739" i="1"/>
  <c r="E4740" i="1"/>
  <c r="E4741" i="1"/>
  <c r="E4742" i="1"/>
  <c r="E4743" i="1"/>
  <c r="E4744" i="1"/>
  <c r="E4745" i="1"/>
  <c r="E4746" i="1"/>
  <c r="E4747" i="1"/>
  <c r="E4748" i="1"/>
  <c r="E4749" i="1"/>
  <c r="E4750" i="1"/>
  <c r="E4751" i="1"/>
  <c r="E4752" i="1"/>
  <c r="E4753" i="1"/>
  <c r="E4754" i="1"/>
  <c r="E4755" i="1"/>
  <c r="E4756" i="1"/>
  <c r="E4757" i="1"/>
  <c r="E4758" i="1"/>
  <c r="E4759" i="1"/>
  <c r="E4760" i="1"/>
  <c r="E4761" i="1"/>
  <c r="E4762" i="1"/>
  <c r="E4763" i="1"/>
  <c r="E4764" i="1"/>
  <c r="E4765" i="1"/>
  <c r="E4766" i="1"/>
  <c r="E4767" i="1"/>
  <c r="E4768" i="1"/>
  <c r="E4769" i="1"/>
  <c r="E4770" i="1"/>
  <c r="E4771" i="1"/>
  <c r="E4772" i="1"/>
  <c r="E4773" i="1"/>
  <c r="E4774" i="1"/>
  <c r="E4775" i="1"/>
  <c r="E4776" i="1"/>
  <c r="E4777" i="1"/>
  <c r="E4778" i="1"/>
  <c r="E4779" i="1"/>
  <c r="E4780" i="1"/>
  <c r="E4781" i="1"/>
  <c r="E4782" i="1"/>
  <c r="E4783" i="1"/>
  <c r="E4784" i="1"/>
  <c r="E4785" i="1"/>
  <c r="E4786" i="1"/>
  <c r="E4787" i="1"/>
  <c r="E4788" i="1"/>
  <c r="E4789" i="1"/>
  <c r="E4790" i="1"/>
  <c r="E4791" i="1"/>
  <c r="E4792" i="1"/>
  <c r="E4793" i="1"/>
  <c r="E4794" i="1"/>
  <c r="E4795" i="1"/>
  <c r="E4796" i="1"/>
  <c r="E4797" i="1"/>
  <c r="E4798" i="1"/>
  <c r="E4799" i="1"/>
  <c r="E4800" i="1"/>
  <c r="E4801" i="1"/>
  <c r="E4802" i="1"/>
  <c r="E4803" i="1"/>
  <c r="E4804" i="1"/>
  <c r="E4805" i="1"/>
  <c r="E4806" i="1"/>
  <c r="E4807" i="1"/>
  <c r="E4808" i="1"/>
  <c r="E4809" i="1"/>
  <c r="E4810" i="1"/>
  <c r="E4811" i="1"/>
  <c r="E4812" i="1"/>
  <c r="E4813" i="1"/>
  <c r="E4814" i="1"/>
  <c r="E4815" i="1"/>
  <c r="E4816" i="1"/>
  <c r="E4817" i="1"/>
  <c r="E4818" i="1"/>
  <c r="E4819" i="1"/>
  <c r="E4820" i="1"/>
  <c r="E4821" i="1"/>
  <c r="E4822" i="1"/>
  <c r="E4823" i="1"/>
  <c r="E4824" i="1"/>
  <c r="E4825" i="1"/>
  <c r="E4826" i="1"/>
  <c r="E4827" i="1"/>
  <c r="E4828" i="1"/>
  <c r="E4829" i="1"/>
  <c r="E4830" i="1"/>
  <c r="E4831" i="1"/>
  <c r="E4832" i="1"/>
  <c r="E4833" i="1"/>
  <c r="E4834" i="1"/>
  <c r="E4835" i="1"/>
  <c r="E4836" i="1"/>
  <c r="E4837" i="1"/>
  <c r="E4838" i="1"/>
  <c r="E4839" i="1"/>
  <c r="E4840" i="1"/>
  <c r="E4841" i="1"/>
  <c r="E4842" i="1"/>
  <c r="E4843" i="1"/>
  <c r="E4844" i="1"/>
  <c r="E4845" i="1"/>
  <c r="E4846" i="1"/>
  <c r="E4847" i="1"/>
  <c r="E4848" i="1"/>
  <c r="E4849" i="1"/>
  <c r="E4850" i="1"/>
  <c r="E4851" i="1"/>
  <c r="E4852" i="1"/>
  <c r="E4853" i="1"/>
  <c r="E4854" i="1"/>
  <c r="E4855" i="1"/>
  <c r="E4856" i="1"/>
  <c r="E4857" i="1"/>
  <c r="E4858" i="1"/>
  <c r="E4859" i="1"/>
  <c r="E4860" i="1"/>
  <c r="E4861" i="1"/>
  <c r="E4862" i="1"/>
  <c r="E4863" i="1"/>
  <c r="E4864" i="1"/>
  <c r="E4865" i="1"/>
  <c r="E4866" i="1"/>
  <c r="E4867" i="1"/>
  <c r="E4868" i="1"/>
  <c r="E4869" i="1"/>
  <c r="E4870" i="1"/>
  <c r="E4871" i="1"/>
  <c r="E4872" i="1"/>
  <c r="E4873" i="1"/>
  <c r="E4874" i="1"/>
  <c r="E4875" i="1"/>
  <c r="E4876" i="1"/>
  <c r="E4877" i="1"/>
  <c r="E4878" i="1"/>
  <c r="E4879" i="1"/>
  <c r="E4880" i="1"/>
  <c r="E4881" i="1"/>
  <c r="E4882" i="1"/>
  <c r="E4883" i="1"/>
  <c r="E4884" i="1"/>
  <c r="E4885" i="1"/>
  <c r="E4886" i="1"/>
  <c r="E4887" i="1"/>
  <c r="E4888" i="1"/>
  <c r="E4889" i="1"/>
  <c r="E4890" i="1"/>
  <c r="E4891" i="1"/>
  <c r="E4892" i="1"/>
  <c r="E4893" i="1"/>
  <c r="E4894" i="1"/>
  <c r="E4895" i="1"/>
  <c r="E4896" i="1"/>
  <c r="E4897" i="1"/>
  <c r="E4898" i="1"/>
  <c r="E4899" i="1"/>
  <c r="E4900" i="1"/>
  <c r="E4901" i="1"/>
  <c r="E4902" i="1"/>
  <c r="E4903" i="1"/>
  <c r="E4904" i="1"/>
  <c r="E4905" i="1"/>
  <c r="E4906" i="1"/>
  <c r="E4907" i="1"/>
  <c r="E4908" i="1"/>
  <c r="E4909" i="1"/>
  <c r="E4910" i="1"/>
  <c r="E4911" i="1"/>
  <c r="E4912" i="1"/>
  <c r="E4913" i="1"/>
  <c r="E4914" i="1"/>
  <c r="E4915" i="1"/>
  <c r="E4916" i="1"/>
  <c r="E4917" i="1"/>
  <c r="E4918" i="1"/>
  <c r="E4919" i="1"/>
  <c r="E4920" i="1"/>
  <c r="E4921" i="1"/>
  <c r="E4922" i="1"/>
  <c r="E4923" i="1"/>
  <c r="E4924" i="1"/>
  <c r="E4925" i="1"/>
  <c r="E4926" i="1"/>
  <c r="E4927" i="1"/>
  <c r="E4928" i="1"/>
  <c r="E4929" i="1"/>
  <c r="E4930" i="1"/>
  <c r="E4931" i="1"/>
  <c r="E4932" i="1"/>
  <c r="E4933" i="1"/>
  <c r="E4934" i="1"/>
  <c r="E4935" i="1"/>
  <c r="E4936" i="1"/>
  <c r="E4937" i="1"/>
  <c r="E4938" i="1"/>
  <c r="E4939" i="1"/>
  <c r="E4940" i="1"/>
  <c r="E4941" i="1"/>
  <c r="E4942" i="1"/>
  <c r="E4943" i="1"/>
  <c r="E4944" i="1"/>
  <c r="E4945" i="1"/>
  <c r="E4946" i="1"/>
  <c r="E4947" i="1"/>
  <c r="E4948" i="1"/>
  <c r="E4949" i="1"/>
  <c r="E4950" i="1"/>
  <c r="E4951" i="1"/>
  <c r="E4952" i="1"/>
  <c r="E4953" i="1"/>
  <c r="E4954" i="1"/>
  <c r="E4955" i="1"/>
  <c r="E4956" i="1"/>
  <c r="E4957" i="1"/>
  <c r="E4958" i="1"/>
  <c r="E4959" i="1"/>
  <c r="E4960" i="1"/>
  <c r="E4961" i="1"/>
  <c r="E4962" i="1"/>
  <c r="E4963" i="1"/>
  <c r="E4964" i="1"/>
  <c r="E4965" i="1"/>
  <c r="E4966" i="1"/>
  <c r="E4967" i="1"/>
  <c r="E4968" i="1"/>
  <c r="E4969" i="1"/>
  <c r="E4970" i="1"/>
  <c r="E4971" i="1"/>
  <c r="E4972" i="1"/>
  <c r="E4973" i="1"/>
  <c r="E4974" i="1"/>
  <c r="E4975" i="1"/>
  <c r="E4976" i="1"/>
  <c r="E4977" i="1"/>
  <c r="E4978" i="1"/>
  <c r="E4979" i="1"/>
  <c r="E4980" i="1"/>
  <c r="E4981" i="1"/>
  <c r="E4982" i="1"/>
  <c r="E4983" i="1"/>
  <c r="E4984" i="1"/>
  <c r="E4985" i="1"/>
  <c r="E4986" i="1"/>
  <c r="E4987" i="1"/>
  <c r="E4988" i="1"/>
  <c r="E4989" i="1"/>
  <c r="E4990" i="1"/>
  <c r="E4991" i="1"/>
  <c r="E4992" i="1"/>
  <c r="E4993" i="1"/>
  <c r="E4994" i="1"/>
  <c r="E4995" i="1"/>
  <c r="E4996" i="1"/>
  <c r="E4997" i="1"/>
  <c r="E4998" i="1"/>
  <c r="E4999" i="1"/>
  <c r="E5000" i="1"/>
  <c r="E5001" i="1"/>
  <c r="E5002" i="1"/>
  <c r="E5003" i="1"/>
  <c r="E5004" i="1"/>
  <c r="E5005" i="1"/>
  <c r="E5006" i="1"/>
  <c r="E5007" i="1"/>
  <c r="E5008" i="1"/>
  <c r="E5009" i="1"/>
  <c r="E5010" i="1"/>
  <c r="E5011" i="1"/>
  <c r="E5012" i="1"/>
  <c r="E5013" i="1"/>
  <c r="E5014" i="1"/>
  <c r="E5015" i="1"/>
  <c r="E5016" i="1"/>
  <c r="E5017" i="1"/>
  <c r="E5018" i="1"/>
  <c r="E5019" i="1"/>
  <c r="E5020" i="1"/>
  <c r="E5021" i="1"/>
  <c r="E5022" i="1"/>
  <c r="E5023" i="1"/>
  <c r="E5024" i="1"/>
  <c r="E5025" i="1"/>
  <c r="E5026" i="1"/>
  <c r="E5027" i="1"/>
  <c r="E5028" i="1"/>
  <c r="E5029" i="1"/>
  <c r="E5030" i="1"/>
  <c r="E5031" i="1"/>
  <c r="E5032" i="1"/>
  <c r="E5033" i="1"/>
  <c r="E5034" i="1"/>
  <c r="E5035" i="1"/>
  <c r="E5036" i="1"/>
  <c r="E5037" i="1"/>
  <c r="E5038" i="1"/>
  <c r="E5039" i="1"/>
  <c r="E5040" i="1"/>
  <c r="E5041" i="1"/>
  <c r="E5042" i="1"/>
  <c r="E5043" i="1"/>
  <c r="E5044" i="1"/>
  <c r="E5045" i="1"/>
  <c r="E5046" i="1"/>
  <c r="E5047" i="1"/>
  <c r="E5048" i="1"/>
  <c r="E5049" i="1"/>
  <c r="E5050" i="1"/>
  <c r="E5051" i="1"/>
  <c r="E5052" i="1"/>
  <c r="E5053" i="1"/>
  <c r="E5054" i="1"/>
  <c r="E5055" i="1"/>
  <c r="E5056" i="1"/>
  <c r="E5057" i="1"/>
  <c r="E5058" i="1"/>
  <c r="E5059" i="1"/>
  <c r="E5060" i="1"/>
  <c r="E5061" i="1"/>
  <c r="E5062" i="1"/>
  <c r="E5063" i="1"/>
  <c r="E5064" i="1"/>
  <c r="E5065" i="1"/>
  <c r="E5066" i="1"/>
  <c r="E5067" i="1"/>
  <c r="E5068" i="1"/>
  <c r="E5069" i="1"/>
  <c r="E5070" i="1"/>
  <c r="E5071" i="1"/>
  <c r="E5072" i="1"/>
  <c r="E5073" i="1"/>
  <c r="E5074" i="1"/>
  <c r="E5075" i="1"/>
  <c r="E5076" i="1"/>
  <c r="E5077" i="1"/>
  <c r="E5078" i="1"/>
  <c r="E5079" i="1"/>
  <c r="E5080" i="1"/>
  <c r="E5081" i="1"/>
  <c r="E5082" i="1"/>
  <c r="E5083" i="1"/>
  <c r="E5084" i="1"/>
  <c r="E5085" i="1"/>
  <c r="E5086" i="1"/>
  <c r="E5087" i="1"/>
  <c r="E5088" i="1"/>
  <c r="E5089" i="1"/>
  <c r="E5090" i="1"/>
  <c r="E5091" i="1"/>
  <c r="E5092" i="1"/>
  <c r="E5093" i="1"/>
  <c r="E5094" i="1"/>
  <c r="E5095" i="1"/>
  <c r="E5096" i="1"/>
  <c r="E5097" i="1"/>
  <c r="E5098" i="1"/>
  <c r="E5099" i="1"/>
  <c r="E5100" i="1"/>
  <c r="E5101" i="1"/>
  <c r="E5102" i="1"/>
  <c r="E5103" i="1"/>
  <c r="E5104" i="1"/>
  <c r="E5105" i="1"/>
  <c r="E5106" i="1"/>
  <c r="E5107" i="1"/>
  <c r="E5108" i="1"/>
  <c r="E5109" i="1"/>
  <c r="E5110" i="1"/>
  <c r="E5111" i="1"/>
  <c r="E5112" i="1"/>
  <c r="E5113" i="1"/>
  <c r="E5114" i="1"/>
  <c r="E5115" i="1"/>
  <c r="E5116" i="1"/>
  <c r="E5117" i="1"/>
  <c r="E5118" i="1"/>
  <c r="E5119" i="1"/>
  <c r="E5120" i="1"/>
  <c r="E5121" i="1"/>
  <c r="E5122" i="1"/>
  <c r="E5123" i="1"/>
  <c r="E5124" i="1"/>
  <c r="E5125" i="1"/>
  <c r="E5126" i="1"/>
  <c r="E5127" i="1"/>
  <c r="E5128" i="1"/>
  <c r="E5129" i="1"/>
  <c r="E5130" i="1"/>
  <c r="E5131" i="1"/>
  <c r="E5132" i="1"/>
  <c r="E5133" i="1"/>
  <c r="E5134" i="1"/>
  <c r="E5135" i="1"/>
  <c r="E5136" i="1"/>
  <c r="E5137" i="1"/>
  <c r="E5138" i="1"/>
  <c r="E5139" i="1"/>
  <c r="E5140" i="1"/>
  <c r="E5141" i="1"/>
  <c r="E5142" i="1"/>
  <c r="E5143" i="1"/>
  <c r="E5144" i="1"/>
  <c r="E5145" i="1"/>
  <c r="E5146" i="1"/>
  <c r="E5147" i="1"/>
  <c r="E5148" i="1"/>
  <c r="E5149" i="1"/>
  <c r="E5150" i="1"/>
  <c r="E5151" i="1"/>
  <c r="E5152" i="1"/>
  <c r="E5153" i="1"/>
  <c r="E5154" i="1"/>
  <c r="E5155" i="1"/>
  <c r="E5156" i="1"/>
  <c r="E5157" i="1"/>
  <c r="E5158" i="1"/>
  <c r="E5159" i="1"/>
  <c r="E5160" i="1"/>
  <c r="E5161" i="1"/>
  <c r="E5162" i="1"/>
  <c r="E5163" i="1"/>
  <c r="E5164" i="1"/>
  <c r="E5165" i="1"/>
  <c r="E5166" i="1"/>
  <c r="E5167" i="1"/>
  <c r="E5168" i="1"/>
  <c r="E5169" i="1"/>
  <c r="E5170" i="1"/>
  <c r="E5171" i="1"/>
  <c r="E5172" i="1"/>
  <c r="E5173" i="1"/>
  <c r="E5174" i="1"/>
  <c r="E5175" i="1"/>
  <c r="E5176" i="1"/>
  <c r="E5177" i="1"/>
  <c r="E5178" i="1"/>
  <c r="E5179" i="1"/>
  <c r="E5180" i="1"/>
  <c r="E5181" i="1"/>
  <c r="E5182" i="1"/>
  <c r="E5183" i="1"/>
  <c r="E5184" i="1"/>
  <c r="E5185" i="1"/>
  <c r="E5186" i="1"/>
  <c r="E5187" i="1"/>
  <c r="E5188" i="1"/>
  <c r="E5189" i="1"/>
  <c r="E5190" i="1"/>
  <c r="E5191" i="1"/>
  <c r="E5192" i="1"/>
  <c r="E5193" i="1"/>
  <c r="E5194" i="1"/>
  <c r="E5195" i="1"/>
  <c r="E5196" i="1"/>
  <c r="E5197" i="1"/>
  <c r="E5198" i="1"/>
  <c r="E5199" i="1"/>
  <c r="E5200" i="1"/>
  <c r="E5201" i="1"/>
  <c r="E5202" i="1"/>
  <c r="E5203" i="1"/>
  <c r="E5204" i="1"/>
  <c r="E5205" i="1"/>
  <c r="E5206" i="1"/>
  <c r="E5207" i="1"/>
  <c r="E5208" i="1"/>
  <c r="E5209" i="1"/>
  <c r="E5210" i="1"/>
  <c r="E5211" i="1"/>
  <c r="E5212" i="1"/>
  <c r="E5213" i="1"/>
  <c r="E5214" i="1"/>
  <c r="E5215" i="1"/>
  <c r="E5216" i="1"/>
  <c r="E5217" i="1"/>
  <c r="E5218" i="1"/>
  <c r="E5219" i="1"/>
  <c r="E5220" i="1"/>
  <c r="E5221" i="1"/>
  <c r="E5222" i="1"/>
  <c r="E5223" i="1"/>
  <c r="E5224" i="1"/>
  <c r="E5225" i="1"/>
  <c r="E5226" i="1"/>
  <c r="E5227" i="1"/>
  <c r="E5228" i="1"/>
  <c r="E5229" i="1"/>
  <c r="E5230" i="1"/>
  <c r="E5231" i="1"/>
  <c r="E5232" i="1"/>
  <c r="E5233" i="1"/>
  <c r="E5234" i="1"/>
  <c r="E5235" i="1"/>
  <c r="E5236" i="1"/>
  <c r="E5237" i="1"/>
  <c r="E5238" i="1"/>
  <c r="E5239" i="1"/>
  <c r="E5240" i="1"/>
  <c r="E5241" i="1"/>
  <c r="E5242" i="1"/>
  <c r="E5243" i="1"/>
  <c r="E5244" i="1"/>
  <c r="E5245" i="1"/>
  <c r="E5246" i="1"/>
  <c r="E5247" i="1"/>
  <c r="E5248" i="1"/>
  <c r="E5249" i="1"/>
  <c r="E5250" i="1"/>
  <c r="E5251" i="1"/>
  <c r="E5252" i="1"/>
  <c r="E5253" i="1"/>
  <c r="E5254" i="1"/>
  <c r="E5255" i="1"/>
  <c r="E5256" i="1"/>
  <c r="E5257" i="1"/>
  <c r="E5258" i="1"/>
  <c r="E5259" i="1"/>
  <c r="E5260" i="1"/>
  <c r="E5261" i="1"/>
  <c r="E5262" i="1"/>
  <c r="E5263" i="1"/>
  <c r="E5264" i="1"/>
  <c r="E5265" i="1"/>
  <c r="E5266" i="1"/>
  <c r="E5267" i="1"/>
  <c r="E5268" i="1"/>
  <c r="E5269" i="1"/>
  <c r="E5270" i="1"/>
  <c r="E5271" i="1"/>
  <c r="E5272" i="1"/>
  <c r="E5273" i="1"/>
  <c r="E5274" i="1"/>
  <c r="E5275" i="1"/>
  <c r="E5276" i="1"/>
  <c r="E5277" i="1"/>
  <c r="E5278" i="1"/>
  <c r="E5279" i="1"/>
  <c r="E5280" i="1"/>
  <c r="E5281" i="1"/>
  <c r="E5282" i="1"/>
  <c r="E5283" i="1"/>
  <c r="E5284" i="1"/>
  <c r="E5285" i="1"/>
  <c r="E5286" i="1"/>
  <c r="E5287" i="1"/>
  <c r="E5288" i="1"/>
  <c r="E5289" i="1"/>
  <c r="E5290" i="1"/>
  <c r="E5291" i="1"/>
  <c r="E5292" i="1"/>
  <c r="E5293" i="1"/>
  <c r="E5294" i="1"/>
  <c r="E5295" i="1"/>
  <c r="E5296" i="1"/>
  <c r="E5297" i="1"/>
  <c r="E5298" i="1"/>
  <c r="E5299" i="1"/>
  <c r="E5300" i="1"/>
  <c r="E5301" i="1"/>
  <c r="E5302" i="1"/>
  <c r="E5303" i="1"/>
  <c r="E5304" i="1"/>
  <c r="E5305" i="1"/>
  <c r="E5306" i="1"/>
  <c r="E5307" i="1"/>
  <c r="E5308" i="1"/>
  <c r="E5309" i="1"/>
  <c r="E5310" i="1"/>
  <c r="E5311" i="1"/>
  <c r="E5312" i="1"/>
  <c r="E5313" i="1"/>
  <c r="E5314" i="1"/>
  <c r="E5315" i="1"/>
  <c r="E5316" i="1"/>
  <c r="E5317" i="1"/>
  <c r="E5318" i="1"/>
  <c r="E5319" i="1"/>
  <c r="E5320" i="1"/>
  <c r="E5321" i="1"/>
  <c r="E5322" i="1"/>
  <c r="E5323" i="1"/>
  <c r="E5324" i="1"/>
  <c r="E5325" i="1"/>
  <c r="E5326" i="1"/>
  <c r="E5327" i="1"/>
  <c r="E5328" i="1"/>
  <c r="E5329" i="1"/>
  <c r="E5330" i="1"/>
  <c r="E5331" i="1"/>
  <c r="E5332" i="1"/>
  <c r="E5333" i="1"/>
  <c r="E5334" i="1"/>
  <c r="E5335" i="1"/>
  <c r="E5336" i="1"/>
  <c r="E5337" i="1"/>
  <c r="E5338" i="1"/>
  <c r="E5339" i="1"/>
  <c r="E5340" i="1"/>
  <c r="E5341" i="1"/>
  <c r="E5342" i="1"/>
  <c r="E5343" i="1"/>
  <c r="E5344" i="1"/>
  <c r="E5345" i="1"/>
  <c r="E5346" i="1"/>
  <c r="E5347" i="1"/>
  <c r="E5348" i="1"/>
  <c r="E5349" i="1"/>
  <c r="E5350" i="1"/>
  <c r="E5351" i="1"/>
  <c r="E5352" i="1"/>
  <c r="E5353" i="1"/>
  <c r="E5354" i="1"/>
  <c r="E5355" i="1"/>
  <c r="E5356" i="1"/>
  <c r="E5357" i="1"/>
  <c r="E5358" i="1"/>
  <c r="E5359" i="1"/>
  <c r="E5360" i="1"/>
  <c r="E5361" i="1"/>
  <c r="E5362" i="1"/>
  <c r="E5363" i="1"/>
  <c r="E5364" i="1"/>
  <c r="E5365" i="1"/>
  <c r="E5366" i="1"/>
  <c r="E5367" i="1"/>
  <c r="E5368" i="1"/>
  <c r="E5369" i="1"/>
  <c r="E5370" i="1"/>
  <c r="E5371" i="1"/>
  <c r="E5372" i="1"/>
  <c r="E5373" i="1"/>
  <c r="E5374" i="1"/>
  <c r="E5375" i="1"/>
  <c r="E5376" i="1"/>
  <c r="E5377" i="1"/>
  <c r="E5378" i="1"/>
  <c r="E5379" i="1"/>
  <c r="E5380" i="1"/>
  <c r="E5381" i="1"/>
  <c r="E5382" i="1"/>
  <c r="E5383" i="1"/>
  <c r="E5384" i="1"/>
  <c r="E5385" i="1"/>
  <c r="E5386" i="1"/>
  <c r="E5387" i="1"/>
  <c r="E5388" i="1"/>
  <c r="E5389" i="1"/>
  <c r="E5390" i="1"/>
  <c r="E5391" i="1"/>
  <c r="E5392" i="1"/>
  <c r="E5393" i="1"/>
  <c r="E5394" i="1"/>
  <c r="E5395" i="1"/>
  <c r="E5396" i="1"/>
  <c r="E5397" i="1"/>
  <c r="E5398" i="1"/>
  <c r="E5399" i="1"/>
  <c r="E5400" i="1"/>
  <c r="E5401" i="1"/>
  <c r="E5402" i="1"/>
  <c r="E5403" i="1"/>
  <c r="E5404" i="1"/>
  <c r="E5405" i="1"/>
  <c r="E5406" i="1"/>
  <c r="E5407" i="1"/>
  <c r="E5408" i="1"/>
  <c r="E5409" i="1"/>
  <c r="E5410" i="1"/>
  <c r="E5411" i="1"/>
  <c r="E5412" i="1"/>
  <c r="E5413" i="1"/>
  <c r="E5414" i="1"/>
  <c r="E5415" i="1"/>
  <c r="E5416" i="1"/>
  <c r="E5417" i="1"/>
  <c r="E5418" i="1"/>
  <c r="E5419" i="1"/>
  <c r="E5420" i="1"/>
  <c r="E5421" i="1"/>
  <c r="E5422" i="1"/>
  <c r="E5423" i="1"/>
  <c r="E5424" i="1"/>
  <c r="E5425" i="1"/>
  <c r="E5426" i="1"/>
  <c r="E5427" i="1"/>
  <c r="E5428" i="1"/>
  <c r="E5429" i="1"/>
  <c r="E5430" i="1"/>
  <c r="E5431" i="1"/>
  <c r="E5432" i="1"/>
  <c r="E5433" i="1"/>
  <c r="E5434" i="1"/>
  <c r="E5435" i="1"/>
  <c r="E5436" i="1"/>
  <c r="E5437" i="1"/>
  <c r="E5438" i="1"/>
  <c r="E5439" i="1"/>
  <c r="E5440" i="1"/>
  <c r="E5441" i="1"/>
  <c r="E5442" i="1"/>
  <c r="E5443" i="1"/>
  <c r="E5444" i="1"/>
  <c r="E5445" i="1"/>
  <c r="E5446" i="1"/>
  <c r="E5447" i="1"/>
  <c r="E5448" i="1"/>
  <c r="E5449" i="1"/>
  <c r="E5450" i="1"/>
  <c r="E5451" i="1"/>
  <c r="E5452" i="1"/>
  <c r="E5453" i="1"/>
  <c r="E5454" i="1"/>
  <c r="E5455" i="1"/>
  <c r="E5456" i="1"/>
  <c r="E5457" i="1"/>
  <c r="E5458" i="1"/>
  <c r="E5459" i="1"/>
  <c r="E5460" i="1"/>
  <c r="E5461" i="1"/>
  <c r="E5462" i="1"/>
  <c r="E5463" i="1"/>
  <c r="E5464" i="1"/>
  <c r="E5465" i="1"/>
  <c r="E5466" i="1"/>
  <c r="E5467" i="1"/>
  <c r="E5468" i="1"/>
  <c r="E5469" i="1"/>
  <c r="E5470" i="1"/>
  <c r="E5471" i="1"/>
  <c r="E5472" i="1"/>
  <c r="E5473" i="1"/>
  <c r="E5474" i="1"/>
  <c r="E5475" i="1"/>
  <c r="E5476" i="1"/>
  <c r="E5477" i="1"/>
  <c r="E5478" i="1"/>
  <c r="E5479" i="1"/>
  <c r="E5480" i="1"/>
  <c r="E5481" i="1"/>
  <c r="E5482" i="1"/>
  <c r="E5483" i="1"/>
  <c r="E5484" i="1"/>
  <c r="E5485" i="1"/>
  <c r="E5486" i="1"/>
  <c r="E5487" i="1"/>
  <c r="E5488" i="1"/>
  <c r="E5489" i="1"/>
  <c r="E5490" i="1"/>
  <c r="E5491" i="1"/>
  <c r="E5492" i="1"/>
  <c r="E5493" i="1"/>
  <c r="E5494" i="1"/>
  <c r="E5495" i="1"/>
  <c r="E5496" i="1"/>
  <c r="E5497" i="1"/>
  <c r="E5498" i="1"/>
  <c r="E5499" i="1"/>
  <c r="E5500" i="1"/>
  <c r="E5501" i="1"/>
  <c r="E5502" i="1"/>
  <c r="E5503" i="1"/>
  <c r="E5504" i="1"/>
  <c r="E5505" i="1"/>
  <c r="E5506" i="1"/>
  <c r="E5507" i="1"/>
  <c r="E5508" i="1"/>
  <c r="E5509" i="1"/>
  <c r="E5510" i="1"/>
  <c r="E5511" i="1"/>
  <c r="E5512" i="1"/>
  <c r="E5513" i="1"/>
  <c r="E5514" i="1"/>
  <c r="E5515" i="1"/>
  <c r="E5516" i="1"/>
  <c r="E5517" i="1"/>
  <c r="E5518" i="1"/>
  <c r="E5519" i="1"/>
  <c r="E5520" i="1"/>
  <c r="E5521" i="1"/>
  <c r="E5522" i="1"/>
  <c r="E5523" i="1"/>
  <c r="E5524" i="1"/>
  <c r="E5525" i="1"/>
  <c r="E5526" i="1"/>
  <c r="E5527" i="1"/>
  <c r="E5528" i="1"/>
  <c r="E5529" i="1"/>
  <c r="E5530" i="1"/>
  <c r="E5531" i="1"/>
  <c r="E5532" i="1"/>
  <c r="E5533" i="1"/>
  <c r="E5534" i="1"/>
  <c r="E5535" i="1"/>
  <c r="E5536" i="1"/>
  <c r="E5537" i="1"/>
  <c r="E5538" i="1"/>
  <c r="E5539" i="1"/>
  <c r="E5540" i="1"/>
  <c r="E5541" i="1"/>
  <c r="E5542" i="1"/>
  <c r="E5543" i="1"/>
  <c r="E5544" i="1"/>
  <c r="E5545" i="1"/>
  <c r="E5546" i="1"/>
  <c r="E5547" i="1"/>
  <c r="E5548" i="1"/>
  <c r="E5549" i="1"/>
  <c r="E5550" i="1"/>
  <c r="E5551" i="1"/>
  <c r="E5552" i="1"/>
  <c r="E5553" i="1"/>
  <c r="E5554" i="1"/>
  <c r="E5555" i="1"/>
  <c r="E5556" i="1"/>
  <c r="E5557" i="1"/>
  <c r="E5558" i="1"/>
  <c r="E5559" i="1"/>
  <c r="E5560" i="1"/>
  <c r="E5561" i="1"/>
  <c r="E5562" i="1"/>
  <c r="E5563" i="1"/>
  <c r="E5564" i="1"/>
  <c r="E5565" i="1"/>
  <c r="E5566" i="1"/>
  <c r="E5567" i="1"/>
  <c r="E5568" i="1"/>
  <c r="E5569" i="1"/>
  <c r="E5570" i="1"/>
  <c r="E5571" i="1"/>
  <c r="E5572" i="1"/>
  <c r="E5573" i="1"/>
  <c r="E5574" i="1"/>
  <c r="E5575" i="1"/>
  <c r="E5576" i="1"/>
  <c r="E5577" i="1"/>
  <c r="E5578" i="1"/>
  <c r="E5579" i="1"/>
  <c r="E5580" i="1"/>
  <c r="E5581" i="1"/>
  <c r="E5582" i="1"/>
  <c r="E5583" i="1"/>
  <c r="E5584" i="1"/>
  <c r="E5585" i="1"/>
  <c r="E5586" i="1"/>
  <c r="E5587" i="1"/>
  <c r="E5588" i="1"/>
  <c r="E5589" i="1"/>
  <c r="E5590" i="1"/>
  <c r="E5591" i="1"/>
  <c r="E5592" i="1"/>
  <c r="E5593" i="1"/>
  <c r="E5594" i="1"/>
  <c r="E5595" i="1"/>
  <c r="E5596" i="1"/>
  <c r="E5597" i="1"/>
  <c r="E5598" i="1"/>
  <c r="E5599" i="1"/>
  <c r="E5600" i="1"/>
  <c r="E5601" i="1"/>
  <c r="E5602" i="1"/>
  <c r="E5603" i="1"/>
  <c r="E5604" i="1"/>
  <c r="E5605" i="1"/>
  <c r="E5606" i="1"/>
  <c r="E5607" i="1"/>
  <c r="E5608" i="1"/>
  <c r="E5609" i="1"/>
  <c r="E5610" i="1"/>
  <c r="E5611" i="1"/>
  <c r="E5612" i="1"/>
  <c r="E5613" i="1"/>
  <c r="E5614" i="1"/>
  <c r="E5615" i="1"/>
  <c r="E5616" i="1"/>
  <c r="E5617" i="1"/>
  <c r="E5618" i="1"/>
  <c r="E5619" i="1"/>
  <c r="E5620" i="1"/>
  <c r="E5621" i="1"/>
  <c r="E5622" i="1"/>
  <c r="E5623" i="1"/>
  <c r="E5624" i="1"/>
  <c r="E5625" i="1"/>
  <c r="E5626" i="1"/>
  <c r="E5627" i="1"/>
  <c r="E5628" i="1"/>
  <c r="E5629" i="1"/>
  <c r="E5630" i="1"/>
  <c r="E5631" i="1"/>
  <c r="E5632" i="1"/>
  <c r="E5633" i="1"/>
  <c r="E5634" i="1"/>
  <c r="E5635" i="1"/>
  <c r="E5636" i="1"/>
  <c r="E5637" i="1"/>
  <c r="E5638" i="1"/>
  <c r="E5639" i="1"/>
  <c r="E5640" i="1"/>
  <c r="E5641" i="1"/>
  <c r="E5642" i="1"/>
  <c r="E5643" i="1"/>
  <c r="E5644" i="1"/>
  <c r="E5645" i="1"/>
  <c r="E5646" i="1"/>
  <c r="E5647" i="1"/>
  <c r="E5648" i="1"/>
  <c r="E5649" i="1"/>
  <c r="E5650" i="1"/>
  <c r="E5651" i="1"/>
  <c r="E5652" i="1"/>
  <c r="E5653" i="1"/>
  <c r="E5654" i="1"/>
  <c r="E5655" i="1"/>
  <c r="E5656" i="1"/>
  <c r="E5657" i="1"/>
  <c r="E5658" i="1"/>
  <c r="E5659" i="1"/>
  <c r="E5660" i="1"/>
  <c r="E5661" i="1"/>
  <c r="E5662" i="1"/>
  <c r="E5663" i="1"/>
  <c r="E5664" i="1"/>
  <c r="E5665" i="1"/>
  <c r="E5666" i="1"/>
  <c r="E5667" i="1"/>
  <c r="E5668" i="1"/>
  <c r="E5669" i="1"/>
  <c r="E5670" i="1"/>
  <c r="E5671" i="1"/>
  <c r="E5672" i="1"/>
  <c r="E5673" i="1"/>
  <c r="E5674" i="1"/>
  <c r="E5675" i="1"/>
  <c r="E5676" i="1"/>
  <c r="E5677" i="1"/>
  <c r="E5678" i="1"/>
  <c r="E5679" i="1"/>
  <c r="E5680" i="1"/>
  <c r="E5681" i="1"/>
  <c r="E5682" i="1"/>
  <c r="E5683" i="1"/>
  <c r="E5684" i="1"/>
  <c r="E5685" i="1"/>
  <c r="E5686" i="1"/>
  <c r="E5687" i="1"/>
  <c r="E5688" i="1"/>
  <c r="E5689" i="1"/>
  <c r="E5690" i="1"/>
  <c r="E5691" i="1"/>
  <c r="E5692" i="1"/>
  <c r="E5693" i="1"/>
  <c r="E5694" i="1"/>
  <c r="E5695" i="1"/>
  <c r="E5696" i="1"/>
  <c r="E5697" i="1"/>
  <c r="E5698" i="1"/>
  <c r="E5699" i="1"/>
  <c r="E5700" i="1"/>
  <c r="E5701" i="1"/>
  <c r="E5702" i="1"/>
  <c r="E5703" i="1"/>
  <c r="E5704" i="1"/>
  <c r="E5705" i="1"/>
  <c r="E5706" i="1"/>
  <c r="E5707" i="1"/>
  <c r="E5708" i="1"/>
  <c r="E5709" i="1"/>
  <c r="E5710" i="1"/>
  <c r="E5711" i="1"/>
  <c r="E5712" i="1"/>
  <c r="E5713" i="1"/>
  <c r="E5714" i="1"/>
  <c r="E5715" i="1"/>
  <c r="E5716" i="1"/>
  <c r="E5717" i="1"/>
  <c r="E5718" i="1"/>
  <c r="E5719" i="1"/>
  <c r="E5720" i="1"/>
  <c r="E5721" i="1"/>
  <c r="E5722" i="1"/>
  <c r="E5723" i="1"/>
  <c r="E5724" i="1"/>
  <c r="E5725" i="1"/>
  <c r="E5726" i="1"/>
  <c r="E5727" i="1"/>
  <c r="E5728" i="1"/>
  <c r="E5729" i="1"/>
  <c r="E5730" i="1"/>
  <c r="E5731" i="1"/>
  <c r="E5732" i="1"/>
  <c r="E5733" i="1"/>
  <c r="E5734" i="1"/>
  <c r="E5735" i="1"/>
  <c r="E5736" i="1"/>
  <c r="E5737" i="1"/>
  <c r="E5738" i="1"/>
  <c r="E5739" i="1"/>
  <c r="E5740" i="1"/>
  <c r="E5741" i="1"/>
  <c r="E5742" i="1"/>
  <c r="E5743" i="1"/>
  <c r="E5744" i="1"/>
  <c r="E5745" i="1"/>
  <c r="E5746" i="1"/>
  <c r="E5747" i="1"/>
  <c r="E5748" i="1"/>
  <c r="E5749" i="1"/>
  <c r="E5750" i="1"/>
  <c r="E5751" i="1"/>
  <c r="E5752" i="1"/>
  <c r="E5753" i="1"/>
  <c r="E5754" i="1"/>
  <c r="E5755" i="1"/>
  <c r="E5756" i="1"/>
  <c r="E5757" i="1"/>
  <c r="E5758" i="1"/>
  <c r="E5759" i="1"/>
  <c r="E5760" i="1"/>
  <c r="E5761" i="1"/>
  <c r="E5762" i="1"/>
  <c r="E5763" i="1"/>
  <c r="E5764" i="1"/>
  <c r="E5765" i="1"/>
  <c r="E5766" i="1"/>
  <c r="E5767" i="1"/>
  <c r="E5768" i="1"/>
  <c r="E5769" i="1"/>
  <c r="E5770" i="1"/>
  <c r="E5771" i="1"/>
  <c r="E5772" i="1"/>
  <c r="E5773" i="1"/>
  <c r="E5774" i="1"/>
  <c r="E5775" i="1"/>
  <c r="E5776" i="1"/>
  <c r="E5777" i="1"/>
  <c r="E5778" i="1"/>
  <c r="E5779" i="1"/>
  <c r="E5780" i="1"/>
  <c r="E5781" i="1"/>
  <c r="E5782" i="1"/>
  <c r="E5783" i="1"/>
  <c r="E5784" i="1"/>
  <c r="E5785" i="1"/>
  <c r="E5786" i="1"/>
  <c r="E5787" i="1"/>
  <c r="E5788" i="1"/>
  <c r="E5789" i="1"/>
  <c r="E5790" i="1"/>
  <c r="E5791" i="1"/>
  <c r="E5792" i="1"/>
  <c r="E5793" i="1"/>
  <c r="E5794" i="1"/>
  <c r="E5795" i="1"/>
  <c r="E5796" i="1"/>
  <c r="E5797" i="1"/>
  <c r="E5798" i="1"/>
  <c r="E5799" i="1"/>
  <c r="E5800" i="1"/>
  <c r="E5801" i="1"/>
  <c r="E5802" i="1"/>
  <c r="E5803" i="1"/>
  <c r="E5804" i="1"/>
  <c r="E5805" i="1"/>
  <c r="E5806" i="1"/>
  <c r="E5807" i="1"/>
  <c r="E5808" i="1"/>
  <c r="E5809" i="1"/>
  <c r="E5810" i="1"/>
  <c r="E5811" i="1"/>
  <c r="E5812" i="1"/>
  <c r="E5813" i="1"/>
  <c r="E5814" i="1"/>
  <c r="E5815" i="1"/>
  <c r="E5816" i="1"/>
  <c r="E5817" i="1"/>
  <c r="E5818" i="1"/>
  <c r="E5819" i="1"/>
  <c r="E5820" i="1"/>
  <c r="E5821" i="1"/>
  <c r="E5822" i="1"/>
  <c r="E5823" i="1"/>
  <c r="E5824" i="1"/>
  <c r="E5825" i="1"/>
  <c r="E5826" i="1"/>
  <c r="E5827" i="1"/>
  <c r="E5828" i="1"/>
  <c r="E5829" i="1"/>
  <c r="E5830" i="1"/>
  <c r="E5831" i="1"/>
  <c r="E5832" i="1"/>
  <c r="E5833" i="1"/>
  <c r="E5834" i="1"/>
  <c r="E5835" i="1"/>
  <c r="E5836" i="1"/>
  <c r="E5837" i="1"/>
  <c r="E5838" i="1"/>
  <c r="E5839" i="1"/>
  <c r="E5840" i="1"/>
  <c r="E5841" i="1"/>
  <c r="E5842" i="1"/>
  <c r="E5843" i="1"/>
  <c r="E5844" i="1"/>
  <c r="E5845" i="1"/>
  <c r="E5846" i="1"/>
  <c r="E5847" i="1"/>
  <c r="E5848" i="1"/>
  <c r="E5849" i="1"/>
  <c r="E5850" i="1"/>
  <c r="E5851" i="1"/>
  <c r="E5852" i="1"/>
  <c r="E5853" i="1"/>
  <c r="E5854" i="1"/>
  <c r="E5855" i="1"/>
  <c r="E5856" i="1"/>
  <c r="E5857" i="1"/>
  <c r="E5858" i="1"/>
  <c r="E5859" i="1"/>
  <c r="E5860" i="1"/>
  <c r="E5861" i="1"/>
  <c r="E5862" i="1"/>
  <c r="E5863" i="1"/>
  <c r="E5864" i="1"/>
  <c r="E5865" i="1"/>
  <c r="E5866" i="1"/>
  <c r="E5867" i="1"/>
  <c r="E5868" i="1"/>
  <c r="E5869" i="1"/>
  <c r="E5870" i="1"/>
  <c r="E5871" i="1"/>
  <c r="E5872" i="1"/>
  <c r="E5873" i="1"/>
  <c r="E5874" i="1"/>
  <c r="E5875" i="1"/>
  <c r="E5876" i="1"/>
  <c r="E5877" i="1"/>
  <c r="E5878" i="1"/>
  <c r="E5879" i="1"/>
  <c r="E5880" i="1"/>
  <c r="E5881" i="1"/>
  <c r="E5882" i="1"/>
  <c r="E5883" i="1"/>
  <c r="E5884" i="1"/>
  <c r="E5885" i="1"/>
  <c r="E5886" i="1"/>
  <c r="E5887" i="1"/>
  <c r="E5888" i="1"/>
  <c r="E5889" i="1"/>
  <c r="E5890" i="1"/>
  <c r="E5891" i="1"/>
  <c r="E5892" i="1"/>
  <c r="E5893" i="1"/>
  <c r="E5894" i="1"/>
  <c r="E5895" i="1"/>
  <c r="E5896" i="1"/>
  <c r="E5897" i="1"/>
  <c r="E5898" i="1"/>
  <c r="E5899" i="1"/>
  <c r="E5900" i="1"/>
  <c r="E5901" i="1"/>
  <c r="E5902" i="1"/>
  <c r="E5903" i="1"/>
  <c r="E5904" i="1"/>
  <c r="E5905" i="1"/>
  <c r="E5906" i="1"/>
  <c r="E5907" i="1"/>
  <c r="E5908" i="1"/>
  <c r="E5909" i="1"/>
  <c r="E5910" i="1"/>
  <c r="E5911" i="1"/>
  <c r="E5912" i="1"/>
  <c r="E5913" i="1"/>
  <c r="E5914" i="1"/>
  <c r="E5915" i="1"/>
  <c r="E5916" i="1"/>
  <c r="E5917" i="1"/>
  <c r="E5918" i="1"/>
  <c r="E5919" i="1"/>
  <c r="E5920" i="1"/>
  <c r="E5921" i="1"/>
  <c r="E5922" i="1"/>
  <c r="E5923" i="1"/>
  <c r="E5924" i="1"/>
  <c r="E5925" i="1"/>
  <c r="E5926" i="1"/>
  <c r="E5927" i="1"/>
  <c r="E5928" i="1"/>
  <c r="E5929" i="1"/>
  <c r="E5930" i="1"/>
  <c r="E5931" i="1"/>
  <c r="E5932" i="1"/>
  <c r="E5933" i="1"/>
  <c r="E5934" i="1"/>
  <c r="E5935" i="1"/>
  <c r="E5936" i="1"/>
  <c r="E5937" i="1"/>
  <c r="E5938" i="1"/>
  <c r="E5939" i="1"/>
  <c r="E5940" i="1"/>
  <c r="E5941" i="1"/>
  <c r="E5942" i="1"/>
  <c r="E5943" i="1"/>
  <c r="E5944" i="1"/>
  <c r="E5945" i="1"/>
  <c r="E5946" i="1"/>
  <c r="E5947" i="1"/>
  <c r="E5948" i="1"/>
  <c r="E5949" i="1"/>
  <c r="E5950" i="1"/>
  <c r="E5951" i="1"/>
  <c r="E5952" i="1"/>
  <c r="E5953" i="1"/>
  <c r="E5954" i="1"/>
  <c r="E5955" i="1"/>
  <c r="E5956" i="1"/>
  <c r="E5957" i="1"/>
  <c r="E5958" i="1"/>
  <c r="E5959" i="1"/>
  <c r="E5960" i="1"/>
  <c r="E5961" i="1"/>
  <c r="E5962" i="1"/>
  <c r="E5963" i="1"/>
  <c r="E5964" i="1"/>
  <c r="E5965" i="1"/>
  <c r="E5966" i="1"/>
  <c r="E5967" i="1"/>
  <c r="E5968" i="1"/>
  <c r="E5969" i="1"/>
  <c r="E5970" i="1"/>
  <c r="E5971" i="1"/>
  <c r="E5972" i="1"/>
  <c r="E5973" i="1"/>
  <c r="E5974" i="1"/>
  <c r="E5975" i="1"/>
  <c r="E5976" i="1"/>
  <c r="E5977" i="1"/>
  <c r="E5978" i="1"/>
  <c r="E5979" i="1"/>
  <c r="E5980" i="1"/>
  <c r="E5981" i="1"/>
  <c r="E5982" i="1"/>
  <c r="E5983" i="1"/>
  <c r="E5984" i="1"/>
  <c r="E5985" i="1"/>
  <c r="E5986" i="1"/>
  <c r="E5987" i="1"/>
  <c r="E5988" i="1"/>
  <c r="E5989" i="1"/>
  <c r="E5990" i="1"/>
  <c r="E5991" i="1"/>
  <c r="E5992" i="1"/>
  <c r="E5993" i="1"/>
  <c r="E5994" i="1"/>
  <c r="E5995" i="1"/>
  <c r="E5996" i="1"/>
  <c r="E5997" i="1"/>
  <c r="E5998" i="1"/>
  <c r="E5999" i="1"/>
  <c r="E6000" i="1"/>
  <c r="E6001" i="1"/>
  <c r="E6002" i="1"/>
  <c r="E6003" i="1"/>
  <c r="E6004" i="1"/>
  <c r="E6005" i="1"/>
  <c r="E6006" i="1"/>
  <c r="E6007" i="1"/>
  <c r="E6008" i="1"/>
  <c r="E6009" i="1"/>
  <c r="E6010" i="1"/>
  <c r="E6011" i="1"/>
  <c r="E6012" i="1"/>
  <c r="E6013" i="1"/>
  <c r="E6014" i="1"/>
  <c r="E6015" i="1"/>
  <c r="E6016" i="1"/>
  <c r="E6017" i="1"/>
  <c r="E6018" i="1"/>
  <c r="E6019" i="1"/>
  <c r="E6020" i="1"/>
  <c r="E6021" i="1"/>
  <c r="E6022" i="1"/>
  <c r="E6023" i="1"/>
  <c r="E6024" i="1"/>
  <c r="E6025" i="1"/>
  <c r="E6026" i="1"/>
  <c r="E6027" i="1"/>
  <c r="E6028" i="1"/>
  <c r="E6029" i="1"/>
  <c r="E6030" i="1"/>
  <c r="E6031" i="1"/>
  <c r="E6032" i="1"/>
  <c r="E6033" i="1"/>
  <c r="E6034" i="1"/>
  <c r="E6035" i="1"/>
  <c r="E6036" i="1"/>
  <c r="E6037" i="1"/>
  <c r="E6038" i="1"/>
  <c r="E6039" i="1"/>
  <c r="E6040" i="1"/>
  <c r="E6041" i="1"/>
  <c r="E6042" i="1"/>
  <c r="E6043" i="1"/>
  <c r="E6044" i="1"/>
  <c r="E6045" i="1"/>
  <c r="E6046" i="1"/>
  <c r="E6047" i="1"/>
  <c r="E6048" i="1"/>
  <c r="E6049" i="1"/>
  <c r="E6050" i="1"/>
  <c r="E6051" i="1"/>
  <c r="E6052" i="1"/>
  <c r="E6053" i="1"/>
  <c r="E6054" i="1"/>
  <c r="E6055" i="1"/>
  <c r="E6056" i="1"/>
  <c r="E6057" i="1"/>
  <c r="E6058" i="1"/>
  <c r="E6059" i="1"/>
  <c r="E6060" i="1"/>
  <c r="E6061" i="1"/>
  <c r="E6062" i="1"/>
  <c r="E6063" i="1"/>
  <c r="E6064" i="1"/>
  <c r="E6065" i="1"/>
  <c r="E6066" i="1"/>
  <c r="E6067" i="1"/>
  <c r="E6068" i="1"/>
  <c r="E6069" i="1"/>
  <c r="E6070" i="1"/>
  <c r="E6071" i="1"/>
  <c r="E6072" i="1"/>
  <c r="E6073" i="1"/>
  <c r="E6074" i="1"/>
  <c r="E6075" i="1"/>
  <c r="E6076" i="1"/>
  <c r="E6077" i="1"/>
  <c r="E6078" i="1"/>
  <c r="E6079" i="1"/>
  <c r="E6080" i="1"/>
  <c r="E6081" i="1"/>
  <c r="E6082" i="1"/>
  <c r="E6083" i="1"/>
  <c r="E6084" i="1"/>
  <c r="E6085" i="1"/>
  <c r="E6086" i="1"/>
  <c r="E6087" i="1"/>
  <c r="E6088" i="1"/>
  <c r="E6089" i="1"/>
  <c r="E6090" i="1"/>
  <c r="E6091" i="1"/>
  <c r="E6092" i="1"/>
  <c r="E6093" i="1"/>
  <c r="E6094" i="1"/>
  <c r="E6095" i="1"/>
  <c r="E6096" i="1"/>
  <c r="E6097" i="1"/>
  <c r="E6098" i="1"/>
  <c r="E6099" i="1"/>
  <c r="E6100" i="1"/>
  <c r="E6101" i="1"/>
  <c r="E6102" i="1"/>
  <c r="E6103" i="1"/>
  <c r="E6104" i="1"/>
  <c r="E6105" i="1"/>
  <c r="E6106" i="1"/>
  <c r="E6107" i="1"/>
  <c r="E6108" i="1"/>
  <c r="E6109" i="1"/>
  <c r="E6110" i="1"/>
  <c r="E6111" i="1"/>
  <c r="E6112" i="1"/>
  <c r="E6113" i="1"/>
  <c r="E6114" i="1"/>
  <c r="E6115" i="1"/>
  <c r="E6116" i="1"/>
  <c r="E6117" i="1"/>
  <c r="E6118" i="1"/>
  <c r="E6119" i="1"/>
  <c r="E6120" i="1"/>
  <c r="E6121" i="1"/>
  <c r="E6122" i="1"/>
  <c r="E6123" i="1"/>
  <c r="E6124" i="1"/>
  <c r="E6125" i="1"/>
  <c r="E6126" i="1"/>
  <c r="E6127" i="1"/>
  <c r="E6128" i="1"/>
  <c r="E6129" i="1"/>
  <c r="E6130" i="1"/>
  <c r="E6131" i="1"/>
  <c r="E6132" i="1"/>
  <c r="E6133" i="1"/>
  <c r="E6134" i="1"/>
  <c r="E6135" i="1"/>
  <c r="E6136" i="1"/>
  <c r="E6137" i="1"/>
  <c r="E6138" i="1"/>
  <c r="E6139" i="1"/>
  <c r="E6140" i="1"/>
  <c r="E6141" i="1"/>
  <c r="E6142" i="1"/>
  <c r="E6143" i="1"/>
  <c r="E6144" i="1"/>
  <c r="E6145" i="1"/>
  <c r="E6146" i="1"/>
  <c r="E6147" i="1"/>
  <c r="E6148" i="1"/>
  <c r="E6149" i="1"/>
  <c r="E6150" i="1"/>
  <c r="E6151" i="1"/>
  <c r="E6152" i="1"/>
  <c r="E6153" i="1"/>
  <c r="E6154" i="1"/>
  <c r="E6155" i="1"/>
  <c r="E6156" i="1"/>
  <c r="E6157" i="1"/>
  <c r="E6158" i="1"/>
  <c r="E6159" i="1"/>
  <c r="E6160" i="1"/>
  <c r="E6161" i="1"/>
  <c r="E6162" i="1"/>
  <c r="E6163" i="1"/>
  <c r="E6164" i="1"/>
  <c r="E6165" i="1"/>
  <c r="E6166" i="1"/>
  <c r="E6167" i="1"/>
  <c r="E6168" i="1"/>
  <c r="E6169" i="1"/>
  <c r="E6170" i="1"/>
  <c r="E6171" i="1"/>
  <c r="E6172" i="1"/>
  <c r="E6173" i="1"/>
  <c r="E6174" i="1"/>
  <c r="E6175" i="1"/>
  <c r="E6176" i="1"/>
  <c r="E6177" i="1"/>
  <c r="E6178" i="1"/>
  <c r="E6179" i="1"/>
  <c r="E6180" i="1"/>
  <c r="E6181" i="1"/>
  <c r="E6182" i="1"/>
  <c r="E6183" i="1"/>
  <c r="E6184" i="1"/>
  <c r="E6185" i="1"/>
  <c r="E6186" i="1"/>
  <c r="E6187" i="1"/>
  <c r="E6188" i="1"/>
  <c r="E6189" i="1"/>
  <c r="E6190" i="1"/>
  <c r="E6191" i="1"/>
  <c r="E6192" i="1"/>
  <c r="E6193" i="1"/>
  <c r="E6194" i="1"/>
  <c r="E6195" i="1"/>
  <c r="E6196" i="1"/>
  <c r="E6197" i="1"/>
  <c r="E6198" i="1"/>
  <c r="E6199" i="1"/>
  <c r="E6200" i="1"/>
  <c r="E6201" i="1"/>
  <c r="E6202" i="1"/>
  <c r="E6203" i="1"/>
  <c r="E6204" i="1"/>
  <c r="E6205" i="1"/>
  <c r="E6206" i="1"/>
  <c r="E6207" i="1"/>
  <c r="E6208" i="1"/>
  <c r="E6209" i="1"/>
  <c r="E6210" i="1"/>
  <c r="E6211" i="1"/>
  <c r="E6212" i="1"/>
  <c r="E6213" i="1"/>
  <c r="E6214" i="1"/>
  <c r="E6215" i="1"/>
  <c r="E6216" i="1"/>
  <c r="E6217" i="1"/>
  <c r="E6218" i="1"/>
  <c r="E6219" i="1"/>
  <c r="E6220" i="1"/>
  <c r="E6221" i="1"/>
  <c r="E6222" i="1"/>
  <c r="E6223" i="1"/>
  <c r="E6224" i="1"/>
  <c r="E6225" i="1"/>
  <c r="E6226" i="1"/>
  <c r="E6227" i="1"/>
  <c r="E6228" i="1"/>
  <c r="E6229" i="1"/>
  <c r="E6230" i="1"/>
  <c r="E6231" i="1"/>
  <c r="E6232" i="1"/>
  <c r="E6233" i="1"/>
  <c r="E6234" i="1"/>
  <c r="E6235" i="1"/>
  <c r="E6236" i="1"/>
  <c r="E6237" i="1"/>
  <c r="E6238" i="1"/>
  <c r="E6239" i="1"/>
  <c r="E6240" i="1"/>
  <c r="E6241" i="1"/>
  <c r="E6242" i="1"/>
  <c r="E6243" i="1"/>
  <c r="E6244" i="1"/>
  <c r="E6245" i="1"/>
  <c r="E6246" i="1"/>
  <c r="E6247" i="1"/>
  <c r="E6248" i="1"/>
  <c r="E6249" i="1"/>
  <c r="E6250" i="1"/>
  <c r="E6251" i="1"/>
  <c r="E6252" i="1"/>
  <c r="E6253" i="1"/>
  <c r="E6254" i="1"/>
  <c r="E6255" i="1"/>
  <c r="E6256" i="1"/>
  <c r="E6257" i="1"/>
  <c r="E6258" i="1"/>
  <c r="E6259" i="1"/>
  <c r="E6260" i="1"/>
  <c r="E6261" i="1"/>
  <c r="E6262" i="1"/>
  <c r="E6263" i="1"/>
  <c r="E6264" i="1"/>
  <c r="E6265" i="1"/>
  <c r="E6266" i="1"/>
  <c r="E6267" i="1"/>
  <c r="E6268" i="1"/>
  <c r="E6269" i="1"/>
  <c r="E6270" i="1"/>
  <c r="E6271" i="1"/>
  <c r="E6272" i="1"/>
  <c r="E6273" i="1"/>
  <c r="E6274" i="1"/>
  <c r="E6275" i="1"/>
  <c r="E6276" i="1"/>
  <c r="E6277" i="1"/>
  <c r="E6278" i="1"/>
  <c r="E6279" i="1"/>
  <c r="E6280" i="1"/>
  <c r="E6281" i="1"/>
  <c r="E6282" i="1"/>
  <c r="E6283" i="1"/>
  <c r="E6284" i="1"/>
  <c r="E6285" i="1"/>
  <c r="E6286" i="1"/>
  <c r="E6287" i="1"/>
  <c r="E6288" i="1"/>
  <c r="E6289" i="1"/>
  <c r="E6290" i="1"/>
  <c r="E6291" i="1"/>
  <c r="E6292" i="1"/>
  <c r="E6293" i="1"/>
  <c r="E6294" i="1"/>
  <c r="E6295" i="1"/>
  <c r="E6296" i="1"/>
  <c r="E6297" i="1"/>
  <c r="E6298" i="1"/>
  <c r="E6299" i="1"/>
  <c r="E6300" i="1"/>
  <c r="E6301" i="1"/>
  <c r="E6302" i="1"/>
  <c r="E6303" i="1"/>
  <c r="E6304" i="1"/>
  <c r="E6305" i="1"/>
  <c r="E6306" i="1"/>
  <c r="E6307" i="1"/>
  <c r="E6308" i="1"/>
  <c r="E6309" i="1"/>
  <c r="E6310" i="1"/>
  <c r="E6311" i="1"/>
  <c r="E6312" i="1"/>
  <c r="E6313" i="1"/>
  <c r="E6314" i="1"/>
  <c r="E6315" i="1"/>
  <c r="E6316" i="1"/>
  <c r="E6317" i="1"/>
  <c r="E6318" i="1"/>
  <c r="E6319" i="1"/>
  <c r="E6320" i="1"/>
  <c r="E6321" i="1"/>
  <c r="E6322" i="1"/>
  <c r="E6323" i="1"/>
  <c r="E6324" i="1"/>
  <c r="E6325" i="1"/>
  <c r="E6326" i="1"/>
  <c r="E6327" i="1"/>
  <c r="E6328" i="1"/>
  <c r="E6329" i="1"/>
  <c r="E6330" i="1"/>
  <c r="E6331" i="1"/>
  <c r="E6332" i="1"/>
  <c r="E6333" i="1"/>
  <c r="E6334" i="1"/>
  <c r="E6335" i="1"/>
  <c r="E6336" i="1"/>
  <c r="E6337" i="1"/>
  <c r="E6338" i="1"/>
  <c r="E6339" i="1"/>
  <c r="E6340" i="1"/>
  <c r="E6341" i="1"/>
  <c r="E6342" i="1"/>
  <c r="E6343" i="1"/>
  <c r="E6344" i="1"/>
  <c r="E6345" i="1"/>
  <c r="E6346" i="1"/>
  <c r="E6347" i="1"/>
  <c r="E6348" i="1"/>
  <c r="E6349" i="1"/>
  <c r="E6350" i="1"/>
  <c r="E6351" i="1"/>
  <c r="E6352" i="1"/>
  <c r="E6353" i="1"/>
  <c r="E6354" i="1"/>
  <c r="E6355" i="1"/>
  <c r="E6356" i="1"/>
  <c r="E6357" i="1"/>
  <c r="E6358" i="1"/>
  <c r="E6359" i="1"/>
  <c r="E6360" i="1"/>
  <c r="E6361" i="1"/>
  <c r="E6362" i="1"/>
  <c r="E6363" i="1"/>
  <c r="E6364" i="1"/>
  <c r="E6365" i="1"/>
  <c r="E6366" i="1"/>
  <c r="E6367" i="1"/>
  <c r="E6368" i="1"/>
  <c r="E6369" i="1"/>
  <c r="E6370" i="1"/>
  <c r="E6371" i="1"/>
  <c r="E6372" i="1"/>
  <c r="E6373" i="1"/>
  <c r="E6374" i="1"/>
  <c r="E6375" i="1"/>
  <c r="E6376" i="1"/>
  <c r="E6377" i="1"/>
  <c r="E6378" i="1"/>
  <c r="E6379" i="1"/>
  <c r="E6380" i="1"/>
  <c r="E6381" i="1"/>
  <c r="E6382" i="1"/>
  <c r="E6383" i="1"/>
  <c r="E6384" i="1"/>
  <c r="E6385" i="1"/>
  <c r="E6386" i="1"/>
  <c r="E6387" i="1"/>
  <c r="E6388" i="1"/>
  <c r="E6389" i="1"/>
  <c r="E6390" i="1"/>
  <c r="E6391" i="1"/>
  <c r="E6392" i="1"/>
  <c r="E6393" i="1"/>
  <c r="E6394" i="1"/>
  <c r="E6395" i="1"/>
  <c r="E6396" i="1"/>
  <c r="E6397" i="1"/>
  <c r="E6398" i="1"/>
  <c r="E6399" i="1"/>
  <c r="E6400" i="1"/>
  <c r="E6401" i="1"/>
  <c r="E6402" i="1"/>
  <c r="E6403" i="1"/>
  <c r="E6404" i="1"/>
  <c r="E6405" i="1"/>
  <c r="E6406" i="1"/>
  <c r="E6407" i="1"/>
  <c r="E6408" i="1"/>
  <c r="E6409" i="1"/>
  <c r="E6410" i="1"/>
  <c r="E6411" i="1"/>
  <c r="E6412" i="1"/>
  <c r="E6413" i="1"/>
  <c r="E6414" i="1"/>
  <c r="E6415" i="1"/>
  <c r="E6416" i="1"/>
  <c r="E6417" i="1"/>
  <c r="E6418" i="1"/>
  <c r="E6419" i="1"/>
  <c r="E6420" i="1"/>
  <c r="E6421" i="1"/>
  <c r="E6422" i="1"/>
  <c r="E6423" i="1"/>
  <c r="E6424" i="1"/>
  <c r="E6425" i="1"/>
  <c r="E6426" i="1"/>
  <c r="E6427" i="1"/>
  <c r="E6428" i="1"/>
  <c r="E6429" i="1"/>
  <c r="E6430" i="1"/>
  <c r="E6431" i="1"/>
  <c r="E6432" i="1"/>
  <c r="E6433" i="1"/>
  <c r="E6434" i="1"/>
  <c r="E6435" i="1"/>
  <c r="E6436" i="1"/>
  <c r="E6437" i="1"/>
  <c r="E6438" i="1"/>
  <c r="E6439" i="1"/>
  <c r="E6440" i="1"/>
  <c r="E6441" i="1"/>
  <c r="E6442" i="1"/>
  <c r="E6443" i="1"/>
  <c r="E6444" i="1"/>
  <c r="E6445" i="1"/>
  <c r="E6446" i="1"/>
  <c r="E6447" i="1"/>
  <c r="E6448" i="1"/>
  <c r="E6449" i="1"/>
  <c r="E6450" i="1"/>
  <c r="E6451" i="1"/>
  <c r="E6452" i="1"/>
  <c r="E6453" i="1"/>
  <c r="E6454" i="1"/>
  <c r="E6455" i="1"/>
  <c r="E6456" i="1"/>
  <c r="E6457" i="1"/>
  <c r="E6458" i="1"/>
  <c r="E6459" i="1"/>
  <c r="E6460" i="1"/>
  <c r="E6461" i="1"/>
  <c r="E6462" i="1"/>
  <c r="E6463" i="1"/>
  <c r="E6464" i="1"/>
  <c r="E6465" i="1"/>
  <c r="E6466" i="1"/>
  <c r="E6467" i="1"/>
  <c r="E6468" i="1"/>
  <c r="E6469" i="1"/>
  <c r="E6470" i="1"/>
  <c r="E6471" i="1"/>
  <c r="E6472" i="1"/>
  <c r="E6473" i="1"/>
  <c r="E6474" i="1"/>
  <c r="E6475" i="1"/>
  <c r="E6476" i="1"/>
  <c r="E6477" i="1"/>
  <c r="E6478" i="1"/>
  <c r="E6479" i="1"/>
  <c r="E6480" i="1"/>
  <c r="E6481" i="1"/>
  <c r="E6482" i="1"/>
  <c r="E6483" i="1"/>
  <c r="E6484" i="1"/>
  <c r="E6485" i="1"/>
  <c r="E6486" i="1"/>
  <c r="E6487" i="1"/>
  <c r="E6488" i="1"/>
  <c r="E6489" i="1"/>
  <c r="E6490" i="1"/>
  <c r="E6491" i="1"/>
  <c r="E6492" i="1"/>
  <c r="E6493" i="1"/>
  <c r="E6494" i="1"/>
  <c r="E6495" i="1"/>
  <c r="E6496" i="1"/>
  <c r="E6497" i="1"/>
  <c r="E6498" i="1"/>
  <c r="E6499" i="1"/>
  <c r="E6500" i="1"/>
  <c r="E6501" i="1"/>
  <c r="E6502" i="1"/>
  <c r="E6503" i="1"/>
  <c r="E6504" i="1"/>
  <c r="E6505" i="1"/>
  <c r="E6506" i="1"/>
  <c r="E6507" i="1"/>
  <c r="E6508" i="1"/>
  <c r="E6509" i="1"/>
  <c r="E6510" i="1"/>
  <c r="E6511" i="1"/>
  <c r="E6512" i="1"/>
  <c r="E6513" i="1"/>
  <c r="E6514" i="1"/>
  <c r="E6515" i="1"/>
  <c r="E6516" i="1"/>
  <c r="E6517" i="1"/>
  <c r="E6518" i="1"/>
  <c r="E6519" i="1"/>
  <c r="E6520" i="1"/>
  <c r="E6521" i="1"/>
  <c r="E6522" i="1"/>
  <c r="E6523" i="1"/>
  <c r="E6524" i="1"/>
  <c r="E6525" i="1"/>
  <c r="E6526" i="1"/>
  <c r="E6527" i="1"/>
  <c r="E6528" i="1"/>
  <c r="E6529" i="1"/>
  <c r="E6530" i="1"/>
  <c r="E6531" i="1"/>
  <c r="E6532" i="1"/>
  <c r="E6533" i="1"/>
  <c r="E6534" i="1"/>
  <c r="E6535" i="1"/>
  <c r="E6536" i="1"/>
  <c r="E6537" i="1"/>
  <c r="E6538" i="1"/>
  <c r="E6539" i="1"/>
  <c r="E6540" i="1"/>
  <c r="E6541" i="1"/>
  <c r="E6542" i="1"/>
  <c r="E6543" i="1"/>
  <c r="E6544" i="1"/>
  <c r="E6545" i="1"/>
  <c r="E6546" i="1"/>
  <c r="E6547" i="1"/>
  <c r="E6548" i="1"/>
  <c r="E6549" i="1"/>
  <c r="E6550" i="1"/>
  <c r="E6551" i="1"/>
  <c r="E6552" i="1"/>
  <c r="E6553" i="1"/>
  <c r="E6554" i="1"/>
  <c r="E6555" i="1"/>
  <c r="E6556" i="1"/>
  <c r="E6557" i="1"/>
  <c r="E6558" i="1"/>
  <c r="E6559" i="1"/>
  <c r="E6560" i="1"/>
  <c r="E6561" i="1"/>
  <c r="E6562" i="1"/>
  <c r="E6563" i="1"/>
  <c r="E6564" i="1"/>
  <c r="E6565" i="1"/>
  <c r="E6566" i="1"/>
  <c r="E6567" i="1"/>
  <c r="E6568" i="1"/>
  <c r="E6569" i="1"/>
  <c r="E6570" i="1"/>
  <c r="E6571" i="1"/>
  <c r="E6572" i="1"/>
  <c r="E6573" i="1"/>
  <c r="E6574" i="1"/>
  <c r="E6575" i="1"/>
  <c r="E6576" i="1"/>
  <c r="E6577" i="1"/>
  <c r="E6578" i="1"/>
  <c r="E6579" i="1"/>
  <c r="E6580" i="1"/>
  <c r="E6581" i="1"/>
  <c r="E6582" i="1"/>
  <c r="E6583" i="1"/>
  <c r="E6584" i="1"/>
  <c r="E6585" i="1"/>
  <c r="E6586" i="1"/>
  <c r="E6587" i="1"/>
  <c r="E6588" i="1"/>
  <c r="E6589" i="1"/>
  <c r="E6590" i="1"/>
  <c r="E6591" i="1"/>
  <c r="E6592" i="1"/>
  <c r="E6593" i="1"/>
  <c r="E6594" i="1"/>
  <c r="E6595" i="1"/>
  <c r="E6596" i="1"/>
  <c r="E6597" i="1"/>
  <c r="E6598" i="1"/>
  <c r="E6599" i="1"/>
  <c r="E6600" i="1"/>
  <c r="E6601" i="1"/>
  <c r="E6602" i="1"/>
  <c r="E6603" i="1"/>
  <c r="E6604" i="1"/>
  <c r="E6605" i="1"/>
  <c r="E6606" i="1"/>
  <c r="E6607" i="1"/>
  <c r="E6608" i="1"/>
  <c r="E6609" i="1"/>
  <c r="E6610" i="1"/>
  <c r="E6611" i="1"/>
  <c r="E6612" i="1"/>
  <c r="E6613" i="1"/>
  <c r="E6614" i="1"/>
  <c r="E6615" i="1"/>
  <c r="E6616" i="1"/>
  <c r="E6617" i="1"/>
  <c r="E6618" i="1"/>
  <c r="E6619" i="1"/>
  <c r="E6620" i="1"/>
  <c r="E6621" i="1"/>
  <c r="E6622" i="1"/>
  <c r="E6623" i="1"/>
  <c r="E6624" i="1"/>
  <c r="E6625" i="1"/>
  <c r="E6626" i="1"/>
  <c r="E6627" i="1"/>
  <c r="E6628" i="1"/>
  <c r="E6629" i="1"/>
  <c r="E6630" i="1"/>
  <c r="E6631" i="1"/>
  <c r="E6632" i="1"/>
  <c r="E6633" i="1"/>
  <c r="E6634" i="1"/>
  <c r="E6635" i="1"/>
  <c r="E6636" i="1"/>
  <c r="E6637" i="1"/>
  <c r="E6638" i="1"/>
  <c r="E6639" i="1"/>
  <c r="E6640" i="1"/>
  <c r="E6641" i="1"/>
  <c r="E6642" i="1"/>
  <c r="E6643" i="1"/>
  <c r="E6644" i="1"/>
  <c r="E6645" i="1"/>
  <c r="E6646" i="1"/>
  <c r="E6647" i="1"/>
  <c r="E6648" i="1"/>
  <c r="E6649" i="1"/>
  <c r="E6650" i="1"/>
  <c r="E6651" i="1"/>
  <c r="E6652" i="1"/>
  <c r="E6653" i="1"/>
  <c r="E6654" i="1"/>
  <c r="E6655" i="1"/>
  <c r="E6656" i="1"/>
  <c r="E6657" i="1"/>
  <c r="E6658" i="1"/>
  <c r="E6659" i="1"/>
  <c r="E6660" i="1"/>
  <c r="E6661" i="1"/>
  <c r="E6662" i="1"/>
  <c r="E6663" i="1"/>
  <c r="E6664" i="1"/>
  <c r="E6665" i="1"/>
  <c r="E6666" i="1"/>
  <c r="E6667" i="1"/>
  <c r="E6668" i="1"/>
  <c r="E6669" i="1"/>
  <c r="E6670" i="1"/>
  <c r="E6671" i="1"/>
  <c r="E6672" i="1"/>
  <c r="E6673" i="1"/>
  <c r="E6674" i="1"/>
  <c r="E6675" i="1"/>
  <c r="E6676" i="1"/>
  <c r="E6677" i="1"/>
  <c r="E6678" i="1"/>
  <c r="E6679" i="1"/>
  <c r="E6680" i="1"/>
  <c r="E6681" i="1"/>
  <c r="E6682" i="1"/>
  <c r="E6683" i="1"/>
  <c r="E6684" i="1"/>
  <c r="E6685" i="1"/>
  <c r="E6686" i="1"/>
  <c r="E6687" i="1"/>
  <c r="E6688" i="1"/>
  <c r="E6689" i="1"/>
  <c r="E6690" i="1"/>
  <c r="E6691" i="1"/>
  <c r="E6692" i="1"/>
  <c r="E6693" i="1"/>
  <c r="E6694" i="1"/>
  <c r="E6695" i="1"/>
  <c r="E6696" i="1"/>
  <c r="E6697" i="1"/>
  <c r="E6698" i="1"/>
  <c r="E6699" i="1"/>
  <c r="E6700" i="1"/>
  <c r="E6701" i="1"/>
  <c r="E6702" i="1"/>
  <c r="E6703" i="1"/>
  <c r="E6704" i="1"/>
  <c r="E6705" i="1"/>
  <c r="E6706" i="1"/>
  <c r="E6707" i="1"/>
  <c r="E6708" i="1"/>
  <c r="E6709" i="1"/>
  <c r="E6710" i="1"/>
  <c r="E6711" i="1"/>
  <c r="E6712" i="1"/>
  <c r="E6713" i="1"/>
  <c r="E6714" i="1"/>
  <c r="E6715" i="1"/>
  <c r="E6716" i="1"/>
  <c r="E6717" i="1"/>
  <c r="E6718" i="1"/>
  <c r="E6719" i="1"/>
  <c r="E6720" i="1"/>
  <c r="E6721" i="1"/>
  <c r="E6722" i="1"/>
  <c r="E6723" i="1"/>
  <c r="E6724" i="1"/>
  <c r="E6725" i="1"/>
  <c r="E6726" i="1"/>
  <c r="E6727" i="1"/>
  <c r="E6728" i="1"/>
  <c r="E6729" i="1"/>
  <c r="E6730" i="1"/>
  <c r="E6731" i="1"/>
  <c r="E6732" i="1"/>
  <c r="E6733" i="1"/>
  <c r="E6734" i="1"/>
  <c r="E6735" i="1"/>
  <c r="E6736" i="1"/>
  <c r="E6737" i="1"/>
  <c r="E6738" i="1"/>
  <c r="E6739" i="1"/>
  <c r="E6740" i="1"/>
  <c r="E6741" i="1"/>
  <c r="E6742" i="1"/>
  <c r="E6743" i="1"/>
  <c r="E6744" i="1"/>
  <c r="E6745" i="1"/>
  <c r="E6746" i="1"/>
  <c r="E6747" i="1"/>
  <c r="E6748" i="1"/>
  <c r="E6749" i="1"/>
  <c r="E6750" i="1"/>
  <c r="E6751" i="1"/>
  <c r="E6752" i="1"/>
  <c r="E6753" i="1"/>
  <c r="E6754" i="1"/>
  <c r="E6755" i="1"/>
  <c r="E6756" i="1"/>
  <c r="E6757" i="1"/>
  <c r="E6758" i="1"/>
  <c r="E6759" i="1"/>
  <c r="E6760" i="1"/>
  <c r="E6761" i="1"/>
  <c r="E6762" i="1"/>
  <c r="E6763" i="1"/>
  <c r="E6764" i="1"/>
  <c r="E6765" i="1"/>
  <c r="E6766" i="1"/>
  <c r="E6767" i="1"/>
  <c r="E6768" i="1"/>
  <c r="E6769" i="1"/>
  <c r="E6770" i="1"/>
  <c r="E6771" i="1"/>
  <c r="E6772" i="1"/>
  <c r="E6773" i="1"/>
  <c r="E6774" i="1"/>
  <c r="E6775" i="1"/>
  <c r="E6776" i="1"/>
  <c r="E6777" i="1"/>
  <c r="E6778" i="1"/>
  <c r="E6779" i="1"/>
  <c r="E6780" i="1"/>
  <c r="E6781" i="1"/>
  <c r="E6782" i="1"/>
  <c r="E6783" i="1"/>
  <c r="E6784" i="1"/>
  <c r="E6785" i="1"/>
  <c r="E6786" i="1"/>
  <c r="E6787" i="1"/>
  <c r="E6788" i="1"/>
  <c r="E6789" i="1"/>
  <c r="E6790" i="1"/>
  <c r="E6791" i="1"/>
  <c r="E6792" i="1"/>
  <c r="E6793" i="1"/>
  <c r="E6794" i="1"/>
  <c r="E6795" i="1"/>
  <c r="E6796" i="1"/>
  <c r="E6797" i="1"/>
  <c r="E6798" i="1"/>
  <c r="E6799" i="1"/>
  <c r="E6800" i="1"/>
  <c r="E6801" i="1"/>
  <c r="E6802" i="1"/>
  <c r="E6803" i="1"/>
  <c r="E6804" i="1"/>
  <c r="E6805" i="1"/>
  <c r="E6806" i="1"/>
  <c r="E6807" i="1"/>
  <c r="E6808" i="1"/>
  <c r="E6809" i="1"/>
  <c r="E6810" i="1"/>
  <c r="E6811" i="1"/>
  <c r="E6812" i="1"/>
  <c r="E6813" i="1"/>
  <c r="E6814" i="1"/>
  <c r="E6815" i="1"/>
  <c r="E6816" i="1"/>
  <c r="E6817" i="1"/>
  <c r="E6818" i="1"/>
  <c r="E6819" i="1"/>
  <c r="E6820" i="1"/>
  <c r="E6821" i="1"/>
  <c r="E6822" i="1"/>
  <c r="E6823" i="1"/>
  <c r="E6824" i="1"/>
  <c r="E6825" i="1"/>
  <c r="E6826" i="1"/>
  <c r="E6827" i="1"/>
  <c r="E6828" i="1"/>
  <c r="E6829" i="1"/>
  <c r="E6830" i="1"/>
  <c r="E6831" i="1"/>
  <c r="E6832" i="1"/>
  <c r="E6833" i="1"/>
  <c r="E6834" i="1"/>
  <c r="E6835" i="1"/>
  <c r="E6836" i="1"/>
  <c r="E6837" i="1"/>
  <c r="E6838" i="1"/>
  <c r="E6839" i="1"/>
  <c r="E6840" i="1"/>
  <c r="E6841" i="1"/>
  <c r="E6842" i="1"/>
  <c r="E6843" i="1"/>
  <c r="E6844" i="1"/>
  <c r="E6845" i="1"/>
  <c r="E6846" i="1"/>
  <c r="E6847" i="1"/>
  <c r="E6848" i="1"/>
  <c r="E6849" i="1"/>
  <c r="E6850" i="1"/>
  <c r="E6851" i="1"/>
  <c r="E6852" i="1"/>
  <c r="E6853" i="1"/>
  <c r="E6854" i="1"/>
  <c r="E6855" i="1"/>
  <c r="E6856" i="1"/>
  <c r="E6857" i="1"/>
  <c r="E6858" i="1"/>
  <c r="E6859" i="1"/>
  <c r="E6860" i="1"/>
  <c r="E6861" i="1"/>
  <c r="E6862" i="1"/>
  <c r="E6863" i="1"/>
  <c r="E6864" i="1"/>
  <c r="E6865" i="1"/>
  <c r="E6866" i="1"/>
  <c r="E6867" i="1"/>
  <c r="E6868" i="1"/>
  <c r="E6869" i="1"/>
  <c r="E6870" i="1"/>
  <c r="E6871" i="1"/>
  <c r="E6872" i="1"/>
  <c r="E6873" i="1"/>
  <c r="E6874" i="1"/>
  <c r="E6875" i="1"/>
  <c r="E6876" i="1"/>
  <c r="E6877" i="1"/>
  <c r="E6878" i="1"/>
  <c r="E6879" i="1"/>
  <c r="E6880" i="1"/>
  <c r="E6881" i="1"/>
  <c r="E6882" i="1"/>
  <c r="E6883" i="1"/>
  <c r="E6884" i="1"/>
  <c r="E6885" i="1"/>
  <c r="E6886" i="1"/>
  <c r="E6887" i="1"/>
  <c r="E6888" i="1"/>
  <c r="E6889" i="1"/>
  <c r="E6890" i="1"/>
  <c r="E6891" i="1"/>
  <c r="E6892" i="1"/>
  <c r="E6893" i="1"/>
  <c r="E6894" i="1"/>
  <c r="E6895" i="1"/>
  <c r="E6896" i="1"/>
  <c r="E6897" i="1"/>
  <c r="E6898" i="1"/>
  <c r="E6899" i="1"/>
  <c r="E6900" i="1"/>
  <c r="E6901" i="1"/>
  <c r="E6902" i="1"/>
  <c r="E6903" i="1"/>
  <c r="E6904" i="1"/>
  <c r="E6905" i="1"/>
  <c r="E6906" i="1"/>
  <c r="E6907" i="1"/>
  <c r="E6908" i="1"/>
  <c r="E6909" i="1"/>
  <c r="E6910" i="1"/>
  <c r="E6911" i="1"/>
  <c r="E6912" i="1"/>
  <c r="E6913" i="1"/>
  <c r="E6914" i="1"/>
  <c r="E6915" i="1"/>
  <c r="E6916" i="1"/>
  <c r="E6917" i="1"/>
  <c r="E6918" i="1"/>
  <c r="E6919" i="1"/>
  <c r="E6920" i="1"/>
  <c r="E6921" i="1"/>
  <c r="E6922" i="1"/>
  <c r="E6923" i="1"/>
  <c r="E6924" i="1"/>
  <c r="E6925" i="1"/>
  <c r="E6926" i="1"/>
  <c r="E6927" i="1"/>
  <c r="E6928" i="1"/>
  <c r="E6929" i="1"/>
  <c r="E6930" i="1"/>
  <c r="E6931" i="1"/>
  <c r="E6932" i="1"/>
  <c r="E6933" i="1"/>
  <c r="E6934" i="1"/>
  <c r="E6935" i="1"/>
  <c r="E6936" i="1"/>
  <c r="E6937" i="1"/>
  <c r="E6938" i="1"/>
  <c r="E6939" i="1"/>
  <c r="E6940" i="1"/>
  <c r="E6941" i="1"/>
  <c r="E6942" i="1"/>
  <c r="E6943" i="1"/>
  <c r="E6944" i="1"/>
  <c r="E6945" i="1"/>
  <c r="E6946" i="1"/>
  <c r="E6947" i="1"/>
  <c r="E6948" i="1"/>
  <c r="E6949" i="1"/>
  <c r="E6950" i="1"/>
  <c r="E6951" i="1"/>
  <c r="E6952" i="1"/>
  <c r="E6953" i="1"/>
  <c r="E6954" i="1"/>
  <c r="E6955" i="1"/>
  <c r="E6956" i="1"/>
  <c r="E6957" i="1"/>
  <c r="E6958" i="1"/>
  <c r="E6959" i="1"/>
  <c r="E6960" i="1"/>
  <c r="E6961" i="1"/>
  <c r="E6962" i="1"/>
  <c r="E6963" i="1"/>
  <c r="E6964" i="1"/>
  <c r="E6965" i="1"/>
  <c r="E6966" i="1"/>
  <c r="E6967" i="1"/>
  <c r="E6968" i="1"/>
  <c r="E6969" i="1"/>
  <c r="E6970" i="1"/>
  <c r="E6971" i="1"/>
  <c r="E6972" i="1"/>
  <c r="E6973" i="1"/>
  <c r="E6974" i="1"/>
  <c r="E6975" i="1"/>
  <c r="E6976" i="1"/>
  <c r="E6977" i="1"/>
  <c r="E6978" i="1"/>
  <c r="E6979" i="1"/>
  <c r="E6980" i="1"/>
  <c r="E6981" i="1"/>
  <c r="E6982" i="1"/>
  <c r="E6983" i="1"/>
  <c r="E6984" i="1"/>
  <c r="E6985" i="1"/>
  <c r="E6986" i="1"/>
  <c r="E6987" i="1"/>
  <c r="E6988" i="1"/>
  <c r="E6989" i="1"/>
  <c r="E6990" i="1"/>
  <c r="E6991" i="1"/>
  <c r="E6992" i="1"/>
  <c r="E6993" i="1"/>
  <c r="E6994" i="1"/>
  <c r="E6995" i="1"/>
  <c r="E6996" i="1"/>
  <c r="E6997" i="1"/>
  <c r="E6998" i="1"/>
  <c r="E6999" i="1"/>
  <c r="E7000" i="1"/>
  <c r="E7001" i="1"/>
  <c r="E7002" i="1"/>
  <c r="E7003" i="1"/>
  <c r="E7004" i="1"/>
  <c r="E7005" i="1"/>
  <c r="E7006" i="1"/>
  <c r="E7007" i="1"/>
  <c r="E7008" i="1"/>
  <c r="E7009" i="1"/>
  <c r="E7010" i="1"/>
  <c r="E7011" i="1"/>
  <c r="E7012" i="1"/>
  <c r="E7013" i="1"/>
  <c r="E7014" i="1"/>
  <c r="E7015" i="1"/>
  <c r="E7016" i="1"/>
  <c r="E7017" i="1"/>
  <c r="E7018" i="1"/>
  <c r="E7019" i="1"/>
  <c r="E7020" i="1"/>
  <c r="E7021" i="1"/>
  <c r="E7022" i="1"/>
  <c r="E7023" i="1"/>
  <c r="E7024" i="1"/>
  <c r="E7025" i="1"/>
  <c r="E7026" i="1"/>
  <c r="E7027" i="1"/>
  <c r="E7028" i="1"/>
  <c r="E7029" i="1"/>
  <c r="E7030" i="1"/>
  <c r="E7031" i="1"/>
  <c r="E7032" i="1"/>
  <c r="E7033" i="1"/>
  <c r="E7034" i="1"/>
  <c r="E7035" i="1"/>
  <c r="E7036" i="1"/>
  <c r="E7037" i="1"/>
  <c r="E7038" i="1"/>
  <c r="E7039" i="1"/>
  <c r="E7040" i="1"/>
  <c r="E7041" i="1"/>
  <c r="E7042" i="1"/>
  <c r="E7043" i="1"/>
  <c r="E7044" i="1"/>
  <c r="E7045" i="1"/>
  <c r="E7046" i="1"/>
  <c r="E7047" i="1"/>
  <c r="E7048" i="1"/>
  <c r="E7049" i="1"/>
  <c r="E7050" i="1"/>
  <c r="E7051" i="1"/>
  <c r="E7052" i="1"/>
  <c r="E7053" i="1"/>
  <c r="E7054" i="1"/>
  <c r="E7055" i="1"/>
  <c r="E7056" i="1"/>
  <c r="E7057" i="1"/>
  <c r="E7058" i="1"/>
  <c r="E7059" i="1"/>
  <c r="E7060" i="1"/>
  <c r="E7061" i="1"/>
  <c r="E7062" i="1"/>
  <c r="E7063" i="1"/>
  <c r="E7064" i="1"/>
  <c r="E7065" i="1"/>
  <c r="E7066" i="1"/>
  <c r="E7067" i="1"/>
  <c r="E7068" i="1"/>
  <c r="E7069" i="1"/>
  <c r="E7070" i="1"/>
  <c r="E7071" i="1"/>
  <c r="E7072" i="1"/>
  <c r="E7073" i="1"/>
  <c r="E7074" i="1"/>
  <c r="E7075" i="1"/>
  <c r="E7076" i="1"/>
  <c r="E7077" i="1"/>
  <c r="E7078" i="1"/>
  <c r="E7079" i="1"/>
  <c r="E7080" i="1"/>
  <c r="E7081" i="1"/>
  <c r="E7082" i="1"/>
  <c r="E7083" i="1"/>
  <c r="E7084" i="1"/>
  <c r="E7085" i="1"/>
  <c r="E7086" i="1"/>
  <c r="E7087" i="1"/>
  <c r="E7088" i="1"/>
  <c r="E7089" i="1"/>
  <c r="E7090" i="1"/>
  <c r="E7091" i="1"/>
  <c r="E7092" i="1"/>
  <c r="E7093" i="1"/>
  <c r="E7094" i="1"/>
  <c r="E7095" i="1"/>
  <c r="E7096" i="1"/>
  <c r="E7097" i="1"/>
  <c r="E7098" i="1"/>
  <c r="E7099" i="1"/>
  <c r="E7100" i="1"/>
  <c r="E7101" i="1"/>
  <c r="E7102" i="1"/>
  <c r="E7103" i="1"/>
  <c r="E7104" i="1"/>
  <c r="E7105" i="1"/>
  <c r="E7106" i="1"/>
  <c r="E7107" i="1"/>
  <c r="E7108" i="1"/>
  <c r="E7109" i="1"/>
  <c r="E7110" i="1"/>
  <c r="E7111" i="1"/>
  <c r="E7112" i="1"/>
  <c r="E7113" i="1"/>
  <c r="E7114" i="1"/>
  <c r="E7115" i="1"/>
  <c r="E7116" i="1"/>
  <c r="E7117" i="1"/>
  <c r="E7118" i="1"/>
  <c r="E7119" i="1"/>
  <c r="E7120" i="1"/>
  <c r="E7121" i="1"/>
  <c r="E7122" i="1"/>
  <c r="E7123" i="1"/>
  <c r="E7124" i="1"/>
  <c r="E7125" i="1"/>
  <c r="E7126" i="1"/>
  <c r="E7127" i="1"/>
  <c r="E7128" i="1"/>
  <c r="E7129" i="1"/>
  <c r="E7130" i="1"/>
  <c r="E7131" i="1"/>
  <c r="E7132" i="1"/>
  <c r="E7133" i="1"/>
  <c r="E7134" i="1"/>
  <c r="E7135" i="1"/>
  <c r="E7136" i="1"/>
  <c r="E7137" i="1"/>
  <c r="E7138" i="1"/>
  <c r="E7139" i="1"/>
  <c r="E7140" i="1"/>
  <c r="E7141" i="1"/>
  <c r="E7142" i="1"/>
  <c r="E7143" i="1"/>
  <c r="E7144" i="1"/>
  <c r="E7145" i="1"/>
  <c r="E7146" i="1"/>
  <c r="E7147" i="1"/>
  <c r="E7148" i="1"/>
  <c r="E7149" i="1"/>
  <c r="E7150" i="1"/>
  <c r="E7151" i="1"/>
  <c r="E7152" i="1"/>
  <c r="E7153" i="1"/>
  <c r="E7154" i="1"/>
  <c r="E7155" i="1"/>
  <c r="E7156" i="1"/>
  <c r="E7157" i="1"/>
  <c r="E7158" i="1"/>
  <c r="E7159" i="1"/>
  <c r="E7160" i="1"/>
  <c r="E7161" i="1"/>
  <c r="E7162" i="1"/>
  <c r="E7163" i="1"/>
  <c r="E7164" i="1"/>
  <c r="E7165" i="1"/>
  <c r="E7166" i="1"/>
  <c r="E7167" i="1"/>
  <c r="E7168" i="1"/>
  <c r="E7169" i="1"/>
  <c r="E7170" i="1"/>
  <c r="E7171" i="1"/>
  <c r="E7172" i="1"/>
  <c r="E7173" i="1"/>
  <c r="E7174" i="1"/>
  <c r="E7175" i="1"/>
  <c r="E7176" i="1"/>
  <c r="E7177" i="1"/>
  <c r="E7178" i="1"/>
  <c r="E7179" i="1"/>
  <c r="E7180" i="1"/>
  <c r="E7181" i="1"/>
  <c r="E7182" i="1"/>
  <c r="E7183" i="1"/>
  <c r="E7184" i="1"/>
  <c r="E7185" i="1"/>
  <c r="E7186" i="1"/>
  <c r="E7187" i="1"/>
  <c r="E7188" i="1"/>
  <c r="E7189" i="1"/>
  <c r="E7190" i="1"/>
  <c r="E7191" i="1"/>
  <c r="E7192" i="1"/>
  <c r="E7193" i="1"/>
  <c r="E7194" i="1"/>
  <c r="E7195" i="1"/>
  <c r="E7196" i="1"/>
  <c r="E7197" i="1"/>
  <c r="E7198" i="1"/>
  <c r="E7199" i="1"/>
  <c r="E7200" i="1"/>
  <c r="E7201" i="1"/>
  <c r="E7202" i="1"/>
  <c r="E7203" i="1"/>
  <c r="E7204" i="1"/>
  <c r="E7205" i="1"/>
  <c r="E7206" i="1"/>
  <c r="E7207" i="1"/>
  <c r="E7208" i="1"/>
  <c r="E7209" i="1"/>
  <c r="E7210" i="1"/>
  <c r="E7211" i="1"/>
  <c r="E7212" i="1"/>
  <c r="E7213" i="1"/>
  <c r="E7214" i="1"/>
  <c r="E7215" i="1"/>
  <c r="E7216" i="1"/>
  <c r="E7217" i="1"/>
  <c r="E7218" i="1"/>
  <c r="E7219" i="1"/>
  <c r="E7220" i="1"/>
  <c r="E7221" i="1"/>
  <c r="E7222" i="1"/>
  <c r="E7223" i="1"/>
  <c r="E7224" i="1"/>
  <c r="E7225" i="1"/>
  <c r="E7226" i="1"/>
  <c r="E7227" i="1"/>
  <c r="E7228" i="1"/>
  <c r="E7229" i="1"/>
  <c r="E7230" i="1"/>
  <c r="E7231" i="1"/>
  <c r="E7232" i="1"/>
  <c r="E7233" i="1"/>
  <c r="E7234" i="1"/>
  <c r="E7235" i="1"/>
  <c r="E7236" i="1"/>
  <c r="E7237" i="1"/>
  <c r="E7238" i="1"/>
  <c r="E7239" i="1"/>
  <c r="E7240" i="1"/>
  <c r="E7241" i="1"/>
  <c r="E7242" i="1"/>
  <c r="E7243" i="1"/>
  <c r="E7244" i="1"/>
  <c r="E7245" i="1"/>
  <c r="E7246" i="1"/>
  <c r="E7247" i="1"/>
  <c r="E7248" i="1"/>
  <c r="E7249" i="1"/>
  <c r="E7250" i="1"/>
  <c r="E7251" i="1"/>
  <c r="E7252" i="1"/>
  <c r="E7253" i="1"/>
  <c r="E7254" i="1"/>
  <c r="E7255" i="1"/>
  <c r="E7256" i="1"/>
  <c r="E7257" i="1"/>
  <c r="E7258" i="1"/>
  <c r="E7259" i="1"/>
  <c r="E7260" i="1"/>
  <c r="E7261" i="1"/>
  <c r="E7262" i="1"/>
  <c r="E7263" i="1"/>
  <c r="E7264" i="1"/>
  <c r="E7265" i="1"/>
  <c r="E7266" i="1"/>
  <c r="E7267" i="1"/>
  <c r="E7268" i="1"/>
  <c r="E7269" i="1"/>
  <c r="E7270" i="1"/>
  <c r="E7271" i="1"/>
  <c r="E7272" i="1"/>
  <c r="E7273" i="1"/>
  <c r="E7274" i="1"/>
  <c r="E7275" i="1"/>
  <c r="E7276" i="1"/>
  <c r="E7277" i="1"/>
  <c r="E7278" i="1"/>
  <c r="E7279" i="1"/>
  <c r="E7280" i="1"/>
  <c r="E7281" i="1"/>
  <c r="E7282" i="1"/>
  <c r="E7283" i="1"/>
  <c r="E7284" i="1"/>
  <c r="E7285" i="1"/>
  <c r="E7286" i="1"/>
  <c r="E7287" i="1"/>
  <c r="E7288" i="1"/>
  <c r="E7289" i="1"/>
  <c r="E7290" i="1"/>
  <c r="E7291" i="1"/>
  <c r="E7292" i="1"/>
  <c r="E7293" i="1"/>
  <c r="E7294" i="1"/>
  <c r="E7295" i="1"/>
  <c r="E7296" i="1"/>
  <c r="E7297" i="1"/>
  <c r="E7298" i="1"/>
  <c r="E7299" i="1"/>
  <c r="E7300" i="1"/>
  <c r="E7301" i="1"/>
  <c r="E7302" i="1"/>
  <c r="E7303" i="1"/>
  <c r="E7304" i="1"/>
  <c r="E7305" i="1"/>
  <c r="E7306" i="1"/>
  <c r="E7307" i="1"/>
  <c r="E7308" i="1"/>
  <c r="E7309" i="1"/>
  <c r="E7310" i="1"/>
  <c r="E7311" i="1"/>
  <c r="E7312" i="1"/>
  <c r="E7313" i="1"/>
  <c r="E7314" i="1"/>
  <c r="E7315" i="1"/>
  <c r="E7316" i="1"/>
  <c r="E7317" i="1"/>
  <c r="E7318" i="1"/>
  <c r="E7319" i="1"/>
  <c r="E7320" i="1"/>
  <c r="E7321" i="1"/>
  <c r="E7322" i="1"/>
  <c r="E7323" i="1"/>
  <c r="E7324" i="1"/>
  <c r="E7325" i="1"/>
  <c r="E7326" i="1"/>
  <c r="E7327" i="1"/>
  <c r="E7328" i="1"/>
  <c r="E7329" i="1"/>
  <c r="E7330" i="1"/>
  <c r="E7331" i="1"/>
  <c r="E7332" i="1"/>
  <c r="E7333" i="1"/>
  <c r="E7334" i="1"/>
  <c r="E7335" i="1"/>
  <c r="E7336" i="1"/>
  <c r="E7337" i="1"/>
  <c r="E7338" i="1"/>
  <c r="E7339" i="1"/>
  <c r="E7340" i="1"/>
  <c r="E7341" i="1"/>
  <c r="E7342" i="1"/>
  <c r="E7343" i="1"/>
  <c r="E7344" i="1"/>
  <c r="E7345" i="1"/>
  <c r="E7346" i="1"/>
  <c r="E7347" i="1"/>
  <c r="E7348" i="1"/>
  <c r="E7349" i="1"/>
  <c r="E7350" i="1"/>
  <c r="E7351" i="1"/>
  <c r="E7352" i="1"/>
  <c r="E7353" i="1"/>
  <c r="E7354" i="1"/>
  <c r="E7355" i="1"/>
  <c r="E7356" i="1"/>
  <c r="E7357" i="1"/>
  <c r="E7358" i="1"/>
  <c r="E7359" i="1"/>
  <c r="E7360" i="1"/>
  <c r="E7361" i="1"/>
  <c r="E7362" i="1"/>
  <c r="E7363" i="1"/>
  <c r="E7364" i="1"/>
  <c r="E7365" i="1"/>
  <c r="E7366" i="1"/>
  <c r="E7367" i="1"/>
  <c r="E7368" i="1"/>
  <c r="E7369" i="1"/>
  <c r="E7370" i="1"/>
  <c r="E7371" i="1"/>
  <c r="E7372" i="1"/>
  <c r="E7373" i="1"/>
  <c r="E7374" i="1"/>
  <c r="E7375" i="1"/>
  <c r="E7376" i="1"/>
  <c r="E7377" i="1"/>
  <c r="E7378" i="1"/>
  <c r="E7379" i="1"/>
  <c r="E7380" i="1"/>
  <c r="E7381" i="1"/>
  <c r="E7382" i="1"/>
  <c r="E7383" i="1"/>
  <c r="E7384" i="1"/>
  <c r="E7385" i="1"/>
  <c r="E7386" i="1"/>
  <c r="E7387" i="1"/>
  <c r="E7388" i="1"/>
  <c r="E7389" i="1"/>
  <c r="E7390" i="1"/>
  <c r="E7391" i="1"/>
  <c r="E7392" i="1"/>
  <c r="E7393" i="1"/>
  <c r="E7394" i="1"/>
  <c r="E7395" i="1"/>
  <c r="E7396" i="1"/>
  <c r="E7397" i="1"/>
  <c r="E7398" i="1"/>
  <c r="E7399" i="1"/>
  <c r="E7400" i="1"/>
  <c r="E7401" i="1"/>
  <c r="E7402" i="1"/>
  <c r="E7403" i="1"/>
  <c r="E7404" i="1"/>
  <c r="E7405" i="1"/>
  <c r="E7406" i="1"/>
  <c r="E7407" i="1"/>
  <c r="E7408" i="1"/>
  <c r="E7409" i="1"/>
  <c r="E7410" i="1"/>
  <c r="E7411" i="1"/>
  <c r="E7412" i="1"/>
  <c r="E7413" i="1"/>
  <c r="E7414" i="1"/>
  <c r="E7415" i="1"/>
  <c r="E7416" i="1"/>
  <c r="E7417" i="1"/>
  <c r="E7418" i="1"/>
  <c r="E7419" i="1"/>
  <c r="E7420" i="1"/>
  <c r="E7421" i="1"/>
  <c r="E7422" i="1"/>
  <c r="E7423" i="1"/>
  <c r="E7424" i="1"/>
  <c r="E7425" i="1"/>
  <c r="E7426" i="1"/>
  <c r="E7427" i="1"/>
  <c r="E7428" i="1"/>
  <c r="E7429" i="1"/>
  <c r="E7430" i="1"/>
  <c r="E7431" i="1"/>
  <c r="E7432" i="1"/>
  <c r="E7433" i="1"/>
  <c r="E7434" i="1"/>
  <c r="E7435" i="1"/>
  <c r="E7436" i="1"/>
  <c r="E7437" i="1"/>
  <c r="E7438" i="1"/>
  <c r="E7439" i="1"/>
  <c r="E7440" i="1"/>
  <c r="E7441" i="1"/>
  <c r="E7442" i="1"/>
  <c r="E7443" i="1"/>
  <c r="E7444" i="1"/>
  <c r="E7445" i="1"/>
  <c r="E7446" i="1"/>
  <c r="E7447" i="1"/>
  <c r="E7448" i="1"/>
  <c r="E7449" i="1"/>
  <c r="E7450" i="1"/>
  <c r="E7451" i="1"/>
  <c r="E7452" i="1"/>
  <c r="E7453" i="1"/>
  <c r="E7454" i="1"/>
  <c r="E7455" i="1"/>
  <c r="E7456" i="1"/>
  <c r="E7457" i="1"/>
  <c r="E7458" i="1"/>
  <c r="E7459" i="1"/>
  <c r="E7460" i="1"/>
  <c r="E7461" i="1"/>
  <c r="E7462" i="1"/>
  <c r="E7463" i="1"/>
  <c r="E7464" i="1"/>
  <c r="E7465" i="1"/>
  <c r="E7466" i="1"/>
  <c r="E7467" i="1"/>
  <c r="E7468" i="1"/>
  <c r="E7469" i="1"/>
  <c r="E7470" i="1"/>
  <c r="E7471" i="1"/>
  <c r="E7472" i="1"/>
  <c r="E7473" i="1"/>
  <c r="E7474" i="1"/>
  <c r="E7475" i="1"/>
  <c r="E7476" i="1"/>
  <c r="E7477" i="1"/>
  <c r="E7478" i="1"/>
  <c r="E7479" i="1"/>
  <c r="E7480" i="1"/>
  <c r="E7481" i="1"/>
  <c r="E7482" i="1"/>
  <c r="E7483" i="1"/>
  <c r="E7484" i="1"/>
  <c r="E7485" i="1"/>
  <c r="E7486" i="1"/>
  <c r="E7487" i="1"/>
  <c r="E7488" i="1"/>
  <c r="E7489" i="1"/>
  <c r="E7490" i="1"/>
  <c r="E7491" i="1"/>
  <c r="E7492" i="1"/>
  <c r="E7493" i="1"/>
  <c r="E7494" i="1"/>
  <c r="E7495" i="1"/>
  <c r="E7496" i="1"/>
  <c r="E7497" i="1"/>
  <c r="E7498" i="1"/>
  <c r="E7499" i="1"/>
  <c r="E7500" i="1"/>
  <c r="E7501" i="1"/>
  <c r="E7502" i="1"/>
  <c r="E7503" i="1"/>
  <c r="E7504" i="1"/>
  <c r="E7505" i="1"/>
  <c r="E7506" i="1"/>
  <c r="E7507" i="1"/>
  <c r="E7508" i="1"/>
  <c r="E7509" i="1"/>
  <c r="E7510" i="1"/>
  <c r="E7511" i="1"/>
  <c r="E7512" i="1"/>
  <c r="E7513" i="1"/>
  <c r="E7514" i="1"/>
  <c r="E7515" i="1"/>
  <c r="E7516" i="1"/>
  <c r="E7517" i="1"/>
  <c r="E7518" i="1"/>
  <c r="E7519" i="1"/>
  <c r="E7520" i="1"/>
  <c r="E7521" i="1"/>
  <c r="E7522" i="1"/>
  <c r="E7523" i="1"/>
  <c r="E7524" i="1"/>
  <c r="E7525" i="1"/>
  <c r="E7526" i="1"/>
  <c r="E7527" i="1"/>
  <c r="E7528" i="1"/>
  <c r="E7529" i="1"/>
  <c r="E7530" i="1"/>
  <c r="E7531" i="1"/>
  <c r="E7532" i="1"/>
  <c r="E7533" i="1"/>
  <c r="E7534" i="1"/>
  <c r="E7535" i="1"/>
  <c r="E7536" i="1"/>
  <c r="E7537" i="1"/>
  <c r="E7538" i="1"/>
  <c r="E7539" i="1"/>
  <c r="E7540" i="1"/>
  <c r="E7541" i="1"/>
  <c r="E7542" i="1"/>
  <c r="E7543" i="1"/>
  <c r="E7544" i="1"/>
  <c r="E7545" i="1"/>
  <c r="E7546" i="1"/>
  <c r="E7547" i="1"/>
  <c r="E7548" i="1"/>
  <c r="E7549" i="1"/>
  <c r="E7550" i="1"/>
  <c r="E7551" i="1"/>
  <c r="E7552" i="1"/>
  <c r="E7553" i="1"/>
  <c r="E7554" i="1"/>
  <c r="E7555" i="1"/>
  <c r="E7556" i="1"/>
  <c r="E7557" i="1"/>
  <c r="E7558" i="1"/>
  <c r="E7559" i="1"/>
  <c r="E7560" i="1"/>
  <c r="E7561" i="1"/>
  <c r="E7562" i="1"/>
  <c r="E7563" i="1"/>
  <c r="E7564" i="1"/>
  <c r="E7565" i="1"/>
  <c r="E7566" i="1"/>
  <c r="E7567" i="1"/>
  <c r="E7568" i="1"/>
  <c r="E7569" i="1"/>
  <c r="E7570" i="1"/>
  <c r="E7571" i="1"/>
  <c r="E7572" i="1"/>
  <c r="E7573" i="1"/>
  <c r="E7574" i="1"/>
  <c r="E7575" i="1"/>
  <c r="E7576" i="1"/>
  <c r="E7577" i="1"/>
  <c r="E7578" i="1"/>
  <c r="E7579" i="1"/>
  <c r="E7580" i="1"/>
  <c r="E7581" i="1"/>
  <c r="E7582" i="1"/>
  <c r="E7583" i="1"/>
  <c r="E7584" i="1"/>
  <c r="E7585" i="1"/>
  <c r="E7586" i="1"/>
  <c r="E7587" i="1"/>
  <c r="E7588" i="1"/>
  <c r="E7589" i="1"/>
  <c r="E7590" i="1"/>
  <c r="E7591" i="1"/>
  <c r="E7592" i="1"/>
  <c r="E7593" i="1"/>
  <c r="E7594" i="1"/>
  <c r="E7595" i="1"/>
  <c r="E7596" i="1"/>
  <c r="E7597" i="1"/>
  <c r="E7598" i="1"/>
  <c r="E7599" i="1"/>
  <c r="E7600" i="1"/>
  <c r="E7601" i="1"/>
  <c r="E7602" i="1"/>
  <c r="E7603" i="1"/>
  <c r="E7604" i="1"/>
  <c r="E7605" i="1"/>
  <c r="E7606" i="1"/>
  <c r="E7607" i="1"/>
  <c r="E7608" i="1"/>
  <c r="E7609" i="1"/>
  <c r="E7610" i="1"/>
  <c r="E7611" i="1"/>
  <c r="E7612" i="1"/>
  <c r="E7613" i="1"/>
  <c r="E7614" i="1"/>
  <c r="E7615" i="1"/>
  <c r="E7616" i="1"/>
  <c r="E7617" i="1"/>
  <c r="E7618" i="1"/>
  <c r="E7619" i="1"/>
  <c r="E7620" i="1"/>
  <c r="E7621" i="1"/>
  <c r="E7622" i="1"/>
  <c r="E7623" i="1"/>
  <c r="E7624" i="1"/>
  <c r="E7625" i="1"/>
  <c r="E7626" i="1"/>
  <c r="E7627" i="1"/>
  <c r="E7628" i="1"/>
  <c r="E7629" i="1"/>
  <c r="E7630" i="1"/>
  <c r="E7631" i="1"/>
  <c r="E7632" i="1"/>
  <c r="E7633" i="1"/>
  <c r="E7634" i="1"/>
  <c r="E7635" i="1"/>
  <c r="E7636" i="1"/>
  <c r="E7637" i="1"/>
  <c r="E7638" i="1"/>
  <c r="E7639" i="1"/>
  <c r="E7640" i="1"/>
  <c r="E7641" i="1"/>
  <c r="E7642" i="1"/>
  <c r="E7643" i="1"/>
  <c r="E7644" i="1"/>
  <c r="E7645" i="1"/>
  <c r="E7646" i="1"/>
  <c r="E7647" i="1"/>
  <c r="E7648" i="1"/>
  <c r="E7649" i="1"/>
  <c r="E7650" i="1"/>
  <c r="E7651" i="1"/>
  <c r="E7652" i="1"/>
  <c r="E7653" i="1"/>
  <c r="E7654" i="1"/>
  <c r="E7655" i="1"/>
  <c r="E7656" i="1"/>
  <c r="E7657" i="1"/>
  <c r="E7658" i="1"/>
  <c r="E7659" i="1"/>
  <c r="E7660" i="1"/>
  <c r="E7661" i="1"/>
  <c r="E7662" i="1"/>
  <c r="E7663" i="1"/>
  <c r="E7664" i="1"/>
  <c r="E7665" i="1"/>
  <c r="E7666" i="1"/>
  <c r="E7667" i="1"/>
  <c r="E7668" i="1"/>
  <c r="E7669" i="1"/>
  <c r="E7670" i="1"/>
  <c r="E7671" i="1"/>
  <c r="E7672" i="1"/>
  <c r="E7673" i="1"/>
  <c r="E7674" i="1"/>
  <c r="E7675" i="1"/>
  <c r="E7676" i="1"/>
  <c r="E7677" i="1"/>
  <c r="E7678" i="1"/>
  <c r="E7679" i="1"/>
  <c r="E7680" i="1"/>
  <c r="E7681" i="1"/>
  <c r="E7682" i="1"/>
  <c r="E7683" i="1"/>
  <c r="E7684" i="1"/>
  <c r="E7685" i="1"/>
  <c r="E7686" i="1"/>
  <c r="E7687" i="1"/>
  <c r="E7688" i="1"/>
  <c r="E7689" i="1"/>
  <c r="E7690" i="1"/>
  <c r="E7691" i="1"/>
  <c r="E7692" i="1"/>
  <c r="E7693" i="1"/>
  <c r="E7694" i="1"/>
  <c r="E7695" i="1"/>
  <c r="E7696" i="1"/>
  <c r="E7697" i="1"/>
  <c r="E7698" i="1"/>
  <c r="E7699" i="1"/>
  <c r="E7700" i="1"/>
  <c r="E7701" i="1"/>
  <c r="E7702" i="1"/>
  <c r="E7703" i="1"/>
  <c r="E7704" i="1"/>
  <c r="E7705" i="1"/>
  <c r="E7706" i="1"/>
  <c r="E7707" i="1"/>
  <c r="E7708" i="1"/>
  <c r="E7709" i="1"/>
  <c r="E7710" i="1"/>
  <c r="E7711" i="1"/>
  <c r="E7712" i="1"/>
  <c r="E7713" i="1"/>
  <c r="E7714" i="1"/>
  <c r="E7715" i="1"/>
  <c r="E7716" i="1"/>
  <c r="E7717" i="1"/>
  <c r="E7718" i="1"/>
  <c r="E7719" i="1"/>
  <c r="E7720" i="1"/>
  <c r="E7721" i="1"/>
  <c r="E7722" i="1"/>
  <c r="E7723" i="1"/>
  <c r="E7724" i="1"/>
  <c r="E7725" i="1"/>
  <c r="E7726" i="1"/>
  <c r="E7727" i="1"/>
  <c r="E7728" i="1"/>
  <c r="E7729" i="1"/>
  <c r="E7730" i="1"/>
  <c r="E7731" i="1"/>
  <c r="E7732" i="1"/>
  <c r="E7733" i="1"/>
  <c r="E7734" i="1"/>
  <c r="E7735" i="1"/>
  <c r="E7736" i="1"/>
  <c r="E7737" i="1"/>
  <c r="E7738" i="1"/>
  <c r="E7739" i="1"/>
  <c r="E7740" i="1"/>
  <c r="E7741" i="1"/>
  <c r="E7742" i="1"/>
  <c r="E7743" i="1"/>
  <c r="E7744" i="1"/>
  <c r="E7745" i="1"/>
  <c r="E7746" i="1"/>
  <c r="E7747" i="1"/>
  <c r="E7748" i="1"/>
  <c r="E7749" i="1"/>
  <c r="E7750" i="1"/>
  <c r="E7751" i="1"/>
  <c r="E7752" i="1"/>
  <c r="E7753" i="1"/>
  <c r="E7754" i="1"/>
  <c r="E7755" i="1"/>
  <c r="E7756" i="1"/>
  <c r="E7757" i="1"/>
  <c r="E7758" i="1"/>
  <c r="E7759" i="1"/>
  <c r="E7760" i="1"/>
  <c r="E7761" i="1"/>
  <c r="E7762" i="1"/>
  <c r="E7763" i="1"/>
  <c r="E7764" i="1"/>
  <c r="E7765" i="1"/>
  <c r="E7766" i="1"/>
  <c r="E7767" i="1"/>
  <c r="E7768" i="1"/>
  <c r="E7769" i="1"/>
  <c r="E7770" i="1"/>
  <c r="E7771" i="1"/>
  <c r="E7772" i="1"/>
  <c r="E7773" i="1"/>
  <c r="E7774" i="1"/>
  <c r="E7775" i="1"/>
  <c r="E7776" i="1"/>
  <c r="E7777" i="1"/>
  <c r="E7778" i="1"/>
  <c r="E7779" i="1"/>
  <c r="E7780" i="1"/>
  <c r="E7781" i="1"/>
  <c r="E7782" i="1"/>
  <c r="E7783" i="1"/>
  <c r="E7784" i="1"/>
  <c r="E7785" i="1"/>
  <c r="E7786" i="1"/>
  <c r="E7787" i="1"/>
  <c r="E7788" i="1"/>
  <c r="E7789" i="1"/>
  <c r="E7790" i="1"/>
  <c r="E7791" i="1"/>
  <c r="E7792" i="1"/>
  <c r="E7793" i="1"/>
  <c r="E7794" i="1"/>
  <c r="E7795" i="1"/>
  <c r="E7796" i="1"/>
  <c r="E7797" i="1"/>
  <c r="E7798" i="1"/>
  <c r="E7799" i="1"/>
  <c r="E7800" i="1"/>
  <c r="E7801" i="1"/>
  <c r="E7802" i="1"/>
  <c r="E7803" i="1"/>
  <c r="E7804" i="1"/>
  <c r="E7805" i="1"/>
  <c r="E7806" i="1"/>
  <c r="E7807" i="1"/>
  <c r="E7808" i="1"/>
  <c r="E7809" i="1"/>
  <c r="E7810" i="1"/>
  <c r="E7811" i="1"/>
  <c r="E7812" i="1"/>
  <c r="E7813" i="1"/>
  <c r="E7814" i="1"/>
  <c r="E7815" i="1"/>
  <c r="E7816" i="1"/>
  <c r="E7817" i="1"/>
  <c r="E7818" i="1"/>
  <c r="E7819" i="1"/>
  <c r="E7820" i="1"/>
  <c r="E7821" i="1"/>
  <c r="E7822" i="1"/>
  <c r="E7823" i="1"/>
  <c r="E7824" i="1"/>
  <c r="E7825" i="1"/>
  <c r="E7826" i="1"/>
  <c r="E7827" i="1"/>
  <c r="E7828" i="1"/>
  <c r="E7829" i="1"/>
  <c r="E7830" i="1"/>
  <c r="E7831" i="1"/>
  <c r="E7832" i="1"/>
  <c r="E7833" i="1"/>
  <c r="E7834" i="1"/>
  <c r="E7835" i="1"/>
  <c r="E7836" i="1"/>
  <c r="E7837" i="1"/>
  <c r="E7838" i="1"/>
  <c r="E7839" i="1"/>
  <c r="E7840" i="1"/>
  <c r="E7841" i="1"/>
  <c r="E7842" i="1"/>
  <c r="E7843" i="1"/>
  <c r="E7844" i="1"/>
  <c r="E7845" i="1"/>
  <c r="E7846" i="1"/>
  <c r="E7847" i="1"/>
  <c r="E7848" i="1"/>
  <c r="E7849" i="1"/>
  <c r="E7850" i="1"/>
  <c r="E7851" i="1"/>
  <c r="E7852" i="1"/>
  <c r="E7853" i="1"/>
  <c r="E7854" i="1"/>
  <c r="E7855" i="1"/>
  <c r="E7856" i="1"/>
  <c r="E7857" i="1"/>
  <c r="E7858" i="1"/>
  <c r="E7859" i="1"/>
  <c r="E7860" i="1"/>
  <c r="E7861" i="1"/>
  <c r="E7862" i="1"/>
  <c r="E7863" i="1"/>
  <c r="E7864" i="1"/>
  <c r="E7865" i="1"/>
  <c r="E7866" i="1"/>
  <c r="E7867" i="1"/>
  <c r="E7868" i="1"/>
  <c r="E7869" i="1"/>
  <c r="E7870" i="1"/>
  <c r="E7871" i="1"/>
  <c r="E7872" i="1"/>
  <c r="E7873" i="1"/>
  <c r="E7874" i="1"/>
  <c r="E7875" i="1"/>
  <c r="E7876" i="1"/>
  <c r="E7877" i="1"/>
  <c r="E7878" i="1"/>
  <c r="E7879" i="1"/>
  <c r="E7880" i="1"/>
  <c r="E7881" i="1"/>
  <c r="E7882" i="1"/>
  <c r="E7883" i="1"/>
  <c r="E7884" i="1"/>
  <c r="E7885" i="1"/>
  <c r="E7886" i="1"/>
  <c r="E7887" i="1"/>
  <c r="E7888" i="1"/>
  <c r="E7889" i="1"/>
  <c r="E7890" i="1"/>
  <c r="E7891" i="1"/>
  <c r="E7892" i="1"/>
  <c r="E7893" i="1"/>
  <c r="E7894" i="1"/>
  <c r="E7895" i="1"/>
  <c r="E7896" i="1"/>
  <c r="E7897" i="1"/>
  <c r="E7898" i="1"/>
  <c r="E7899" i="1"/>
  <c r="E7900" i="1"/>
  <c r="E7901" i="1"/>
  <c r="E7902" i="1"/>
  <c r="E7903" i="1"/>
  <c r="E7904" i="1"/>
  <c r="E7905" i="1"/>
  <c r="E7906" i="1"/>
  <c r="E7907" i="1"/>
  <c r="E7908" i="1"/>
  <c r="E7909" i="1"/>
  <c r="E7910" i="1"/>
  <c r="E7911" i="1"/>
  <c r="E7912" i="1"/>
  <c r="E7913" i="1"/>
  <c r="E7914" i="1"/>
  <c r="E7915" i="1"/>
  <c r="E7916" i="1"/>
  <c r="E7917" i="1"/>
  <c r="E7918" i="1"/>
  <c r="E7919" i="1"/>
  <c r="E7920" i="1"/>
  <c r="E7921" i="1"/>
  <c r="E7922" i="1"/>
  <c r="E7923" i="1"/>
  <c r="E7924" i="1"/>
  <c r="E7925" i="1"/>
  <c r="E7926" i="1"/>
  <c r="E7927" i="1"/>
  <c r="E7928" i="1"/>
  <c r="E7929" i="1"/>
  <c r="E7930" i="1"/>
  <c r="E7931" i="1"/>
  <c r="E7932" i="1"/>
  <c r="E7933" i="1"/>
  <c r="E7934" i="1"/>
  <c r="E7935" i="1"/>
  <c r="E7936" i="1"/>
  <c r="E7937" i="1"/>
  <c r="E7938" i="1"/>
  <c r="E7939" i="1"/>
  <c r="E7940" i="1"/>
  <c r="E7941" i="1"/>
  <c r="E7942" i="1"/>
  <c r="E7943" i="1"/>
  <c r="E7944" i="1"/>
  <c r="E7945" i="1"/>
  <c r="E7946" i="1"/>
  <c r="E7947" i="1"/>
  <c r="E7948" i="1"/>
  <c r="E7949" i="1"/>
  <c r="E7950" i="1"/>
  <c r="E7951" i="1"/>
  <c r="E7952" i="1"/>
  <c r="E7953" i="1"/>
  <c r="E7954" i="1"/>
  <c r="E7955" i="1"/>
  <c r="E7956" i="1"/>
  <c r="E7957" i="1"/>
  <c r="E7958" i="1"/>
  <c r="E7959" i="1"/>
  <c r="E7960" i="1"/>
  <c r="E7961" i="1"/>
  <c r="E7962" i="1"/>
  <c r="E7963" i="1"/>
  <c r="E7964" i="1"/>
  <c r="E7965" i="1"/>
  <c r="E7966" i="1"/>
  <c r="E7967" i="1"/>
  <c r="E7968" i="1"/>
  <c r="E7969" i="1"/>
  <c r="E7970" i="1"/>
  <c r="E7971" i="1"/>
  <c r="E7972" i="1"/>
  <c r="E7973" i="1"/>
  <c r="E7974" i="1"/>
  <c r="E7975" i="1"/>
  <c r="E7976" i="1"/>
  <c r="E7977" i="1"/>
  <c r="E7978" i="1"/>
  <c r="E7979" i="1"/>
  <c r="E7980" i="1"/>
  <c r="E7981" i="1"/>
  <c r="E7982" i="1"/>
  <c r="E7983" i="1"/>
  <c r="E7984" i="1"/>
  <c r="E7985" i="1"/>
  <c r="E7986" i="1"/>
  <c r="E7987" i="1"/>
  <c r="E7988" i="1"/>
  <c r="E7989" i="1"/>
  <c r="E7990" i="1"/>
  <c r="E7991" i="1"/>
  <c r="E7992" i="1"/>
  <c r="E7993" i="1"/>
  <c r="E7994" i="1"/>
  <c r="E7995" i="1"/>
  <c r="E7996" i="1"/>
  <c r="E7997" i="1"/>
  <c r="E7998" i="1"/>
  <c r="E7999" i="1"/>
  <c r="E8000" i="1"/>
  <c r="E8001" i="1"/>
  <c r="E8002" i="1"/>
  <c r="E8003" i="1"/>
  <c r="E8004" i="1"/>
  <c r="E8005" i="1"/>
  <c r="E8006" i="1"/>
  <c r="E8007" i="1"/>
  <c r="E8008" i="1"/>
  <c r="E8009" i="1"/>
  <c r="E8010" i="1"/>
  <c r="E8011" i="1"/>
  <c r="E8012" i="1"/>
  <c r="E8013" i="1"/>
  <c r="E8014" i="1"/>
  <c r="E8015" i="1"/>
  <c r="E8016" i="1"/>
  <c r="E8017" i="1"/>
  <c r="E8018" i="1"/>
  <c r="E8019" i="1"/>
  <c r="E8020" i="1"/>
  <c r="E8021" i="1"/>
  <c r="E8022" i="1"/>
  <c r="E8023" i="1"/>
  <c r="E8024" i="1"/>
  <c r="E8025" i="1"/>
  <c r="E8026" i="1"/>
  <c r="E8027" i="1"/>
  <c r="E8028" i="1"/>
  <c r="E8029" i="1"/>
  <c r="E8030" i="1"/>
  <c r="E8031" i="1"/>
  <c r="E8032" i="1"/>
  <c r="E8033" i="1"/>
  <c r="E8034" i="1"/>
  <c r="E8035" i="1"/>
  <c r="E8036" i="1"/>
  <c r="E8037" i="1"/>
  <c r="E8038" i="1"/>
  <c r="E8039" i="1"/>
  <c r="E8040" i="1"/>
  <c r="E8041" i="1"/>
  <c r="E8042" i="1"/>
  <c r="E8043" i="1"/>
  <c r="E8044" i="1"/>
  <c r="E8045" i="1"/>
  <c r="E8046" i="1"/>
  <c r="E8047" i="1"/>
  <c r="E8048" i="1"/>
  <c r="E8049" i="1"/>
  <c r="E8050" i="1"/>
  <c r="E8051" i="1"/>
  <c r="E8052" i="1"/>
  <c r="E8053" i="1"/>
  <c r="E8054" i="1"/>
  <c r="E8055" i="1"/>
  <c r="E8056" i="1"/>
  <c r="E8057" i="1"/>
  <c r="E8058" i="1"/>
  <c r="E8059" i="1"/>
  <c r="E8060" i="1"/>
  <c r="E8061" i="1"/>
  <c r="E8062" i="1"/>
  <c r="E8063" i="1"/>
  <c r="E8064" i="1"/>
  <c r="E8065" i="1"/>
  <c r="E8066" i="1"/>
  <c r="E8067" i="1"/>
  <c r="E8068" i="1"/>
  <c r="E8069" i="1"/>
  <c r="E8070" i="1"/>
  <c r="E8071" i="1"/>
  <c r="E8072" i="1"/>
  <c r="E8073" i="1"/>
  <c r="E8074" i="1"/>
  <c r="E8075" i="1"/>
  <c r="E8076" i="1"/>
  <c r="E8077" i="1"/>
  <c r="E8078" i="1"/>
  <c r="E8079" i="1"/>
  <c r="E8080" i="1"/>
  <c r="E8081" i="1"/>
  <c r="E8082" i="1"/>
  <c r="E8083" i="1"/>
  <c r="E8084" i="1"/>
  <c r="E8085" i="1"/>
  <c r="E8086" i="1"/>
  <c r="E8087" i="1"/>
  <c r="E8088" i="1"/>
  <c r="E8089" i="1"/>
  <c r="E8090" i="1"/>
  <c r="E8091" i="1"/>
  <c r="E8092" i="1"/>
  <c r="E8093" i="1"/>
  <c r="E8094" i="1"/>
  <c r="E8095" i="1"/>
  <c r="E8096" i="1"/>
  <c r="E8097" i="1"/>
  <c r="E8098" i="1"/>
  <c r="E8099" i="1"/>
  <c r="E8100" i="1"/>
  <c r="E8101" i="1"/>
  <c r="E8102" i="1"/>
  <c r="E8103" i="1"/>
  <c r="E8104" i="1"/>
  <c r="E8105" i="1"/>
  <c r="E8106" i="1"/>
  <c r="E8107" i="1"/>
  <c r="E8108" i="1"/>
  <c r="E8109" i="1"/>
  <c r="E8110" i="1"/>
  <c r="E8111" i="1"/>
  <c r="E8112" i="1"/>
  <c r="E8113" i="1"/>
  <c r="E8114" i="1"/>
  <c r="E8115" i="1"/>
  <c r="E8116" i="1"/>
  <c r="E8117" i="1"/>
  <c r="E8118" i="1"/>
  <c r="E8119" i="1"/>
  <c r="E8120" i="1"/>
  <c r="E8121" i="1"/>
  <c r="E8122" i="1"/>
  <c r="E8123" i="1"/>
  <c r="E8124" i="1"/>
  <c r="E8125" i="1"/>
  <c r="E8126" i="1"/>
  <c r="E8127" i="1"/>
  <c r="E8128" i="1"/>
  <c r="E8129" i="1"/>
  <c r="E8130" i="1"/>
  <c r="E8131" i="1"/>
  <c r="E8132" i="1"/>
  <c r="E8133" i="1"/>
  <c r="E8134" i="1"/>
  <c r="E8135" i="1"/>
  <c r="E8136" i="1"/>
  <c r="E8137" i="1"/>
  <c r="E8138" i="1"/>
  <c r="E8139" i="1"/>
  <c r="E8140" i="1"/>
  <c r="E8141" i="1"/>
  <c r="E8142" i="1"/>
  <c r="E8143" i="1"/>
  <c r="E8144" i="1"/>
  <c r="E8145" i="1"/>
  <c r="E8146" i="1"/>
  <c r="E8147" i="1"/>
  <c r="E8148" i="1"/>
  <c r="E8149" i="1"/>
  <c r="E8150" i="1"/>
  <c r="E8151" i="1"/>
  <c r="E8152" i="1"/>
  <c r="E8153" i="1"/>
  <c r="E8154" i="1"/>
  <c r="E8155" i="1"/>
  <c r="E8156" i="1"/>
  <c r="E8157" i="1"/>
  <c r="E8158" i="1"/>
  <c r="E8159" i="1"/>
  <c r="E8160" i="1"/>
  <c r="E8161" i="1"/>
  <c r="E8162" i="1"/>
  <c r="E8163" i="1"/>
  <c r="E8164" i="1"/>
  <c r="E8165" i="1"/>
  <c r="E8166" i="1"/>
  <c r="E8167" i="1"/>
  <c r="E8168" i="1"/>
  <c r="E8169" i="1"/>
  <c r="E8170" i="1"/>
  <c r="E8171" i="1"/>
  <c r="E8172" i="1"/>
  <c r="E8173" i="1"/>
  <c r="E8174" i="1"/>
  <c r="E8175" i="1"/>
  <c r="E8176" i="1"/>
  <c r="E8177" i="1"/>
  <c r="E8178" i="1"/>
  <c r="E8179" i="1"/>
  <c r="E8180" i="1"/>
  <c r="E8181" i="1"/>
  <c r="E8182" i="1"/>
  <c r="E8183" i="1"/>
  <c r="E8184" i="1"/>
  <c r="E8185" i="1"/>
  <c r="E8186" i="1"/>
  <c r="E8187" i="1"/>
  <c r="E8188" i="1"/>
  <c r="E8189" i="1"/>
  <c r="E8190" i="1"/>
  <c r="E8191" i="1"/>
  <c r="E8192" i="1"/>
  <c r="E8193" i="1"/>
  <c r="E8194" i="1"/>
  <c r="E8195" i="1"/>
  <c r="E8196" i="1"/>
  <c r="E8197" i="1"/>
  <c r="E8198" i="1"/>
  <c r="E8199" i="1"/>
  <c r="E8200" i="1"/>
  <c r="E8201" i="1"/>
  <c r="E8202" i="1"/>
  <c r="E8203" i="1"/>
  <c r="E8204" i="1"/>
  <c r="E8205" i="1"/>
  <c r="E8206" i="1"/>
  <c r="E8207" i="1"/>
  <c r="E8208" i="1"/>
  <c r="E8209" i="1"/>
  <c r="E8210" i="1"/>
  <c r="E8211" i="1"/>
  <c r="E8212" i="1"/>
  <c r="E8213" i="1"/>
  <c r="E8214" i="1"/>
  <c r="E8215" i="1"/>
  <c r="E8216" i="1"/>
  <c r="E8217" i="1"/>
  <c r="E8218" i="1"/>
  <c r="E8219" i="1"/>
  <c r="E8220" i="1"/>
  <c r="E8221" i="1"/>
  <c r="E8222" i="1"/>
  <c r="E8223" i="1"/>
  <c r="E8224" i="1"/>
  <c r="E8225" i="1"/>
  <c r="E8226" i="1"/>
  <c r="E8227" i="1"/>
  <c r="E8228" i="1"/>
  <c r="E8229" i="1"/>
  <c r="E8230" i="1"/>
  <c r="E8231" i="1"/>
  <c r="E8232" i="1"/>
  <c r="E8233" i="1"/>
  <c r="E8234" i="1"/>
  <c r="E8235" i="1"/>
  <c r="E8236" i="1"/>
  <c r="E8237" i="1"/>
  <c r="E8238" i="1"/>
  <c r="E8239" i="1"/>
  <c r="E8240" i="1"/>
  <c r="E8241" i="1"/>
  <c r="E8242" i="1"/>
  <c r="E8243" i="1"/>
  <c r="E8244" i="1"/>
  <c r="E8245" i="1"/>
  <c r="E8246" i="1"/>
  <c r="E8247" i="1"/>
  <c r="E8248" i="1"/>
  <c r="E8249" i="1"/>
  <c r="E8250" i="1"/>
  <c r="E8251" i="1"/>
  <c r="E8252" i="1"/>
  <c r="E8253" i="1"/>
  <c r="E8254" i="1"/>
  <c r="E8255" i="1"/>
  <c r="E8256" i="1"/>
  <c r="E8257" i="1"/>
  <c r="E8258" i="1"/>
  <c r="E8259" i="1"/>
  <c r="E8260" i="1"/>
  <c r="E8261" i="1"/>
  <c r="E8262" i="1"/>
  <c r="E8263" i="1"/>
  <c r="E8264" i="1"/>
  <c r="E8265" i="1"/>
  <c r="E8266" i="1"/>
  <c r="E8267" i="1"/>
  <c r="E8268" i="1"/>
  <c r="E8269" i="1"/>
  <c r="E8270" i="1"/>
  <c r="E8271" i="1"/>
  <c r="E8272" i="1"/>
  <c r="E8273" i="1"/>
  <c r="E8274" i="1"/>
  <c r="E8275" i="1"/>
  <c r="E8276" i="1"/>
  <c r="E8277" i="1"/>
  <c r="E8278" i="1"/>
  <c r="E8279" i="1"/>
  <c r="E8280" i="1"/>
  <c r="E8281" i="1"/>
  <c r="E8282" i="1"/>
  <c r="E8283" i="1"/>
  <c r="E8284" i="1"/>
  <c r="E8285" i="1"/>
  <c r="E8286" i="1"/>
  <c r="E8287" i="1"/>
  <c r="E8288" i="1"/>
  <c r="E8289" i="1"/>
  <c r="E8290" i="1"/>
  <c r="E8291" i="1"/>
  <c r="E8292" i="1"/>
  <c r="E8293" i="1"/>
  <c r="E8294" i="1"/>
  <c r="E8295" i="1"/>
  <c r="E8296" i="1"/>
  <c r="E8297" i="1"/>
  <c r="E8298" i="1"/>
  <c r="E8299" i="1"/>
  <c r="E8300" i="1"/>
  <c r="E8301" i="1"/>
  <c r="E8302" i="1"/>
  <c r="E8303" i="1"/>
  <c r="E8304" i="1"/>
  <c r="E8305" i="1"/>
  <c r="E8306" i="1"/>
  <c r="E8307" i="1"/>
  <c r="E8308" i="1"/>
  <c r="E8309" i="1"/>
  <c r="E8310" i="1"/>
  <c r="E8311" i="1"/>
  <c r="E8312" i="1"/>
  <c r="E8313" i="1"/>
  <c r="E8314" i="1"/>
  <c r="E8315" i="1"/>
  <c r="E8316" i="1"/>
  <c r="E8317" i="1"/>
  <c r="E8318" i="1"/>
  <c r="E8319" i="1"/>
  <c r="E8320" i="1"/>
  <c r="E8321" i="1"/>
  <c r="E8322" i="1"/>
  <c r="E8323" i="1"/>
  <c r="E8324" i="1"/>
  <c r="E8325" i="1"/>
  <c r="E8326" i="1"/>
  <c r="E8327" i="1"/>
  <c r="E8328" i="1"/>
  <c r="E8329" i="1"/>
  <c r="E8330" i="1"/>
  <c r="E8331" i="1"/>
  <c r="E8332" i="1"/>
  <c r="E8333" i="1"/>
  <c r="E8334" i="1"/>
  <c r="E8335" i="1"/>
  <c r="E8336" i="1"/>
  <c r="E8337" i="1"/>
  <c r="E8338" i="1"/>
  <c r="E8339" i="1"/>
  <c r="E8340" i="1"/>
  <c r="E8341" i="1"/>
  <c r="E8342" i="1"/>
  <c r="E8343" i="1"/>
  <c r="E8344" i="1"/>
  <c r="E8345" i="1"/>
  <c r="E8346" i="1"/>
  <c r="E8347" i="1"/>
  <c r="E8348" i="1"/>
  <c r="E8349" i="1"/>
  <c r="E8350" i="1"/>
  <c r="E8351" i="1"/>
  <c r="E8352" i="1"/>
  <c r="E8353" i="1"/>
  <c r="E8354" i="1"/>
  <c r="E8355" i="1"/>
  <c r="E8356" i="1"/>
  <c r="E8357" i="1"/>
  <c r="E8358" i="1"/>
  <c r="E8359" i="1"/>
  <c r="E8360" i="1"/>
  <c r="E8361" i="1"/>
  <c r="E8362" i="1"/>
  <c r="E8363" i="1"/>
  <c r="E8364" i="1"/>
  <c r="E8365" i="1"/>
  <c r="E8366" i="1"/>
  <c r="E8367" i="1"/>
  <c r="E8368" i="1"/>
  <c r="E8369" i="1"/>
  <c r="E8370" i="1"/>
  <c r="E8371" i="1"/>
  <c r="E8372" i="1"/>
  <c r="E8373" i="1"/>
  <c r="E8374" i="1"/>
  <c r="E8375" i="1"/>
  <c r="E8376" i="1"/>
  <c r="E8377" i="1"/>
  <c r="E8378" i="1"/>
  <c r="E8379" i="1"/>
  <c r="E8380" i="1"/>
  <c r="E8381" i="1"/>
  <c r="E8382" i="1"/>
  <c r="E8383" i="1"/>
  <c r="E8384" i="1"/>
  <c r="E8385" i="1"/>
  <c r="E8386" i="1"/>
  <c r="E8387" i="1"/>
  <c r="E8388" i="1"/>
  <c r="E8389" i="1"/>
  <c r="E8390" i="1"/>
  <c r="E8391" i="1"/>
  <c r="E8392" i="1"/>
  <c r="E8393" i="1"/>
  <c r="E8394" i="1"/>
  <c r="E8395" i="1"/>
  <c r="E8396" i="1"/>
  <c r="E8397" i="1"/>
  <c r="E8398" i="1"/>
  <c r="E8399" i="1"/>
  <c r="E8400" i="1"/>
  <c r="E8401" i="1"/>
  <c r="E8402" i="1"/>
  <c r="E8403" i="1"/>
  <c r="E8404" i="1"/>
  <c r="E8405" i="1"/>
  <c r="E8406" i="1"/>
  <c r="E8407" i="1"/>
  <c r="E8408" i="1"/>
  <c r="E8409" i="1"/>
  <c r="E8410" i="1"/>
  <c r="E8411" i="1"/>
  <c r="E8412" i="1"/>
  <c r="E8413" i="1"/>
  <c r="E8414" i="1"/>
  <c r="E8415" i="1"/>
  <c r="E8416" i="1"/>
  <c r="E8417" i="1"/>
  <c r="E8418" i="1"/>
  <c r="E8419" i="1"/>
  <c r="E8420" i="1"/>
  <c r="E8421" i="1"/>
  <c r="E8422" i="1"/>
  <c r="E8423" i="1"/>
  <c r="E8424" i="1"/>
  <c r="E8425" i="1"/>
  <c r="E8426" i="1"/>
  <c r="E8427" i="1"/>
  <c r="E8428" i="1"/>
  <c r="E8429" i="1"/>
  <c r="E8430" i="1"/>
  <c r="E8431" i="1"/>
  <c r="E8432" i="1"/>
  <c r="E8433" i="1"/>
  <c r="E8434" i="1"/>
  <c r="E8435" i="1"/>
  <c r="E8436" i="1"/>
  <c r="E8437" i="1"/>
  <c r="E8438" i="1"/>
  <c r="E8439" i="1"/>
  <c r="E8440" i="1"/>
  <c r="E8441" i="1"/>
  <c r="E8442" i="1"/>
  <c r="E8443" i="1"/>
  <c r="E8444" i="1"/>
  <c r="E8445" i="1"/>
  <c r="E8446" i="1"/>
  <c r="E8447" i="1"/>
  <c r="E8448" i="1"/>
  <c r="E8449" i="1"/>
  <c r="E8450" i="1"/>
  <c r="E8451" i="1"/>
  <c r="E8452" i="1"/>
  <c r="E8453" i="1"/>
  <c r="E8454" i="1"/>
  <c r="E8455" i="1"/>
  <c r="E8456" i="1"/>
  <c r="E8457" i="1"/>
  <c r="E8458" i="1"/>
  <c r="E8459" i="1"/>
  <c r="E8460" i="1"/>
  <c r="E8461" i="1"/>
  <c r="E8462" i="1"/>
  <c r="E8463" i="1"/>
  <c r="E8464" i="1"/>
  <c r="E8465" i="1"/>
  <c r="E8466" i="1"/>
  <c r="E8467" i="1"/>
  <c r="E8468" i="1"/>
  <c r="E8469" i="1"/>
  <c r="E8470" i="1"/>
  <c r="E8471" i="1"/>
  <c r="E8472" i="1"/>
  <c r="E8473" i="1"/>
  <c r="E8474" i="1"/>
  <c r="E8475" i="1"/>
  <c r="E8476" i="1"/>
  <c r="E8477" i="1"/>
  <c r="E8478" i="1"/>
  <c r="E8479" i="1"/>
  <c r="E8480" i="1"/>
  <c r="E8481" i="1"/>
  <c r="E8482" i="1"/>
  <c r="E8483" i="1"/>
  <c r="E8484" i="1"/>
  <c r="E8485" i="1"/>
  <c r="E8486" i="1"/>
  <c r="E8487" i="1"/>
  <c r="E8488" i="1"/>
  <c r="E8489" i="1"/>
  <c r="E8490" i="1"/>
  <c r="E8491" i="1"/>
  <c r="E8492" i="1"/>
  <c r="E8493" i="1"/>
  <c r="E8494" i="1"/>
  <c r="E8495" i="1"/>
  <c r="E8496" i="1"/>
  <c r="E8497" i="1"/>
  <c r="E8498" i="1"/>
  <c r="E8499" i="1"/>
  <c r="E8500" i="1"/>
  <c r="E8501" i="1"/>
  <c r="E8502" i="1"/>
  <c r="E8503" i="1"/>
  <c r="E8504" i="1"/>
  <c r="E8505" i="1"/>
  <c r="E8506" i="1"/>
  <c r="E8507" i="1"/>
  <c r="E8508" i="1"/>
  <c r="E8509" i="1"/>
  <c r="E8510" i="1"/>
  <c r="E8511" i="1"/>
  <c r="E8512" i="1"/>
  <c r="E8513" i="1"/>
  <c r="E8514" i="1"/>
  <c r="E8515" i="1"/>
  <c r="E8516" i="1"/>
  <c r="E8517" i="1"/>
  <c r="E8518" i="1"/>
  <c r="E8519" i="1"/>
  <c r="E8520" i="1"/>
  <c r="E8521" i="1"/>
  <c r="E8522" i="1"/>
  <c r="E8523" i="1"/>
  <c r="E8524" i="1"/>
  <c r="E8525" i="1"/>
  <c r="E8526" i="1"/>
  <c r="E8527" i="1"/>
  <c r="E8528" i="1"/>
  <c r="E8529" i="1"/>
  <c r="E8530" i="1"/>
  <c r="E8531" i="1"/>
  <c r="E8532" i="1"/>
  <c r="E8533" i="1"/>
  <c r="E8534" i="1"/>
  <c r="E8535" i="1"/>
  <c r="E8536" i="1"/>
  <c r="E8537" i="1"/>
  <c r="E8538" i="1"/>
  <c r="E8539" i="1"/>
  <c r="E8540" i="1"/>
  <c r="E8541" i="1"/>
  <c r="E8542" i="1"/>
  <c r="E8543" i="1"/>
  <c r="E8544" i="1"/>
  <c r="E8545" i="1"/>
  <c r="E8546" i="1"/>
  <c r="E8547" i="1"/>
  <c r="E8548" i="1"/>
  <c r="E8549" i="1"/>
  <c r="E8550" i="1"/>
  <c r="E8551" i="1"/>
  <c r="E8552" i="1"/>
  <c r="E8553" i="1"/>
  <c r="E8554" i="1"/>
  <c r="E8555" i="1"/>
  <c r="E8556" i="1"/>
  <c r="E8557" i="1"/>
  <c r="E8558" i="1"/>
  <c r="E8559" i="1"/>
  <c r="E8560" i="1"/>
  <c r="E8561" i="1"/>
  <c r="E8562" i="1"/>
  <c r="E8563" i="1"/>
  <c r="E8564" i="1"/>
  <c r="E8565" i="1"/>
  <c r="E8566" i="1"/>
  <c r="E8567" i="1"/>
  <c r="E8568" i="1"/>
  <c r="E8569" i="1"/>
  <c r="E8570" i="1"/>
  <c r="E8571" i="1"/>
  <c r="E8572" i="1"/>
  <c r="E8573" i="1"/>
  <c r="E8574" i="1"/>
  <c r="E8575" i="1"/>
  <c r="E8576" i="1"/>
  <c r="E8577" i="1"/>
  <c r="E8578" i="1"/>
  <c r="E8579" i="1"/>
  <c r="E8580" i="1"/>
  <c r="E8581" i="1"/>
  <c r="E8582" i="1"/>
  <c r="E8583" i="1"/>
  <c r="E8584" i="1"/>
  <c r="E8585" i="1"/>
  <c r="E8586" i="1"/>
  <c r="E8587" i="1"/>
  <c r="E8588" i="1"/>
  <c r="E8589" i="1"/>
  <c r="E8590" i="1"/>
  <c r="E8591" i="1"/>
  <c r="E8592" i="1"/>
  <c r="E8593" i="1"/>
  <c r="E8594" i="1"/>
  <c r="E8595" i="1"/>
  <c r="E8596" i="1"/>
  <c r="E8597" i="1"/>
  <c r="E8598" i="1"/>
  <c r="E8599" i="1"/>
  <c r="E8600" i="1"/>
  <c r="E8601" i="1"/>
  <c r="E8602" i="1"/>
  <c r="E8603" i="1"/>
  <c r="E8604" i="1"/>
  <c r="E8605" i="1"/>
  <c r="E8606" i="1"/>
  <c r="E8607" i="1"/>
  <c r="E8608" i="1"/>
  <c r="E8609" i="1"/>
  <c r="E8610" i="1"/>
  <c r="E8611" i="1"/>
  <c r="E8612" i="1"/>
  <c r="E8613" i="1"/>
  <c r="E8614" i="1"/>
  <c r="E8615" i="1"/>
  <c r="E8616" i="1"/>
  <c r="E8617" i="1"/>
  <c r="E8618" i="1"/>
  <c r="E8619" i="1"/>
  <c r="E8620" i="1"/>
  <c r="E8621" i="1"/>
  <c r="E8622" i="1"/>
  <c r="E8623" i="1"/>
  <c r="E8624" i="1"/>
  <c r="E8625" i="1"/>
  <c r="E8626" i="1"/>
  <c r="E8627" i="1"/>
  <c r="E8628" i="1"/>
  <c r="E8629" i="1"/>
  <c r="E8630" i="1"/>
  <c r="E8631" i="1"/>
  <c r="E8632" i="1"/>
  <c r="E8633" i="1"/>
  <c r="E8634" i="1"/>
  <c r="E8635" i="1"/>
  <c r="E8636" i="1"/>
  <c r="E8637" i="1"/>
  <c r="E8638" i="1"/>
  <c r="E8639" i="1"/>
  <c r="E8640" i="1"/>
  <c r="E8641" i="1"/>
  <c r="E8642" i="1"/>
  <c r="E8643" i="1"/>
  <c r="E8644" i="1"/>
  <c r="E8645" i="1"/>
  <c r="E8646" i="1"/>
  <c r="E8647" i="1"/>
  <c r="E8648" i="1"/>
  <c r="E8649" i="1"/>
  <c r="E8650" i="1"/>
  <c r="E8651" i="1"/>
  <c r="E8652" i="1"/>
  <c r="E8653" i="1"/>
  <c r="E8654" i="1"/>
  <c r="E8655" i="1"/>
  <c r="E8656" i="1"/>
  <c r="E8657" i="1"/>
  <c r="E8658" i="1"/>
  <c r="E8659" i="1"/>
  <c r="E8660" i="1"/>
  <c r="E8661" i="1"/>
  <c r="E8662" i="1"/>
  <c r="E8663" i="1"/>
  <c r="E8664" i="1"/>
  <c r="E8665" i="1"/>
  <c r="E8666" i="1"/>
  <c r="E8667" i="1"/>
  <c r="E8668" i="1"/>
  <c r="E8669" i="1"/>
  <c r="E8670" i="1"/>
  <c r="E8671" i="1"/>
  <c r="E8672" i="1"/>
  <c r="E8673" i="1"/>
  <c r="E8674" i="1"/>
  <c r="E8675" i="1"/>
  <c r="E8676" i="1"/>
  <c r="E8677" i="1"/>
  <c r="E8678" i="1"/>
  <c r="E8679" i="1"/>
  <c r="E8680" i="1"/>
  <c r="E8681" i="1"/>
  <c r="E8682" i="1"/>
  <c r="E8683" i="1"/>
  <c r="E8684" i="1"/>
  <c r="E8685" i="1"/>
  <c r="E8686" i="1"/>
  <c r="E8687" i="1"/>
  <c r="E8688" i="1"/>
  <c r="E8689" i="1"/>
  <c r="E8690" i="1"/>
  <c r="E8691" i="1"/>
  <c r="E8692" i="1"/>
  <c r="E8693" i="1"/>
  <c r="E8694" i="1"/>
  <c r="E8695" i="1"/>
  <c r="E8696" i="1"/>
  <c r="E8697" i="1"/>
  <c r="E8698" i="1"/>
  <c r="E8699" i="1"/>
  <c r="E8700" i="1"/>
  <c r="E8701" i="1"/>
  <c r="E8702" i="1"/>
  <c r="E8703" i="1"/>
  <c r="E8704" i="1"/>
  <c r="E8705" i="1"/>
  <c r="E8706" i="1"/>
  <c r="E8707" i="1"/>
  <c r="E8708" i="1"/>
  <c r="E8709" i="1"/>
  <c r="E8710" i="1"/>
  <c r="E8711" i="1"/>
  <c r="E8712" i="1"/>
  <c r="E8713" i="1"/>
  <c r="E8714" i="1"/>
  <c r="E8715" i="1"/>
  <c r="E8716" i="1"/>
  <c r="E8717" i="1"/>
  <c r="E8718" i="1"/>
  <c r="E8719" i="1"/>
  <c r="E8720" i="1"/>
  <c r="E8721" i="1"/>
  <c r="E8722" i="1"/>
  <c r="E8723" i="1"/>
  <c r="E8724" i="1"/>
  <c r="E8725" i="1"/>
  <c r="E8726" i="1"/>
  <c r="E8727" i="1"/>
  <c r="E8728" i="1"/>
  <c r="E8729" i="1"/>
  <c r="E8730" i="1"/>
  <c r="E8731" i="1"/>
  <c r="E8732" i="1"/>
  <c r="E8733" i="1"/>
  <c r="E8734" i="1"/>
  <c r="E8735" i="1"/>
  <c r="E8736" i="1"/>
  <c r="E8737" i="1"/>
  <c r="E8738" i="1"/>
  <c r="E8739" i="1"/>
  <c r="E8740" i="1"/>
  <c r="E8741" i="1"/>
  <c r="E8742" i="1"/>
  <c r="E8743" i="1"/>
  <c r="E8744" i="1"/>
  <c r="E8745" i="1"/>
  <c r="E8746" i="1"/>
  <c r="E8747" i="1"/>
  <c r="E8748" i="1"/>
  <c r="E8749" i="1"/>
  <c r="E8750" i="1"/>
  <c r="E8751" i="1"/>
  <c r="E8752" i="1"/>
  <c r="E8753" i="1"/>
  <c r="E8754" i="1"/>
  <c r="E8755" i="1"/>
  <c r="E8756" i="1"/>
  <c r="E8757" i="1"/>
  <c r="E8758" i="1"/>
  <c r="E8759" i="1"/>
  <c r="E8760" i="1"/>
  <c r="E8761" i="1"/>
  <c r="E8762" i="1"/>
  <c r="E8763" i="1"/>
  <c r="E8764" i="1"/>
  <c r="E8765" i="1"/>
  <c r="E8766" i="1"/>
  <c r="E8767" i="1"/>
  <c r="E8768" i="1"/>
  <c r="E8769" i="1"/>
  <c r="E8770" i="1"/>
  <c r="E8771" i="1"/>
  <c r="E8772" i="1"/>
  <c r="E8773" i="1"/>
  <c r="E8774" i="1"/>
  <c r="E8775" i="1"/>
  <c r="E8776" i="1"/>
  <c r="E8777" i="1"/>
  <c r="E8778" i="1"/>
  <c r="E8779" i="1"/>
  <c r="E8780" i="1"/>
  <c r="E8781" i="1"/>
  <c r="E8782" i="1"/>
  <c r="E8783" i="1"/>
  <c r="E8784" i="1"/>
  <c r="E8785" i="1"/>
  <c r="E8786" i="1"/>
  <c r="E8787" i="1"/>
  <c r="E8788" i="1"/>
  <c r="E5" i="1"/>
  <c r="D6" i="1"/>
  <c r="D7" i="1"/>
  <c r="D8" i="1"/>
  <c r="D9" i="1"/>
  <c r="D10" i="1"/>
  <c r="D11" i="1"/>
  <c r="D12" i="1"/>
  <c r="D13" i="1"/>
  <c r="D14" i="1"/>
  <c r="D15" i="1"/>
  <c r="D16" i="1"/>
  <c r="D17" i="1"/>
  <c r="D18" i="1"/>
  <c r="D19" i="1"/>
  <c r="D20" i="1"/>
  <c r="D21" i="1"/>
  <c r="D22" i="1"/>
  <c r="D23" i="1"/>
  <c r="D24" i="1"/>
  <c r="D25" i="1"/>
  <c r="D26" i="1"/>
  <c r="D27" i="1"/>
  <c r="D28" i="1"/>
  <c r="D29" i="1"/>
  <c r="D30" i="1"/>
  <c r="D31" i="1"/>
  <c r="D32" i="1"/>
  <c r="D33" i="1"/>
  <c r="D34" i="1"/>
  <c r="D35" i="1"/>
  <c r="D36" i="1"/>
  <c r="D37" i="1"/>
  <c r="D38" i="1"/>
  <c r="D39" i="1"/>
  <c r="D40" i="1"/>
  <c r="D41" i="1"/>
  <c r="D42" i="1"/>
  <c r="D43" i="1"/>
  <c r="D44" i="1"/>
  <c r="D45" i="1"/>
  <c r="D46" i="1"/>
  <c r="D47" i="1"/>
  <c r="D48" i="1"/>
  <c r="D49" i="1"/>
  <c r="D50" i="1"/>
  <c r="D51" i="1"/>
  <c r="D52" i="1"/>
  <c r="D53" i="1"/>
  <c r="D54" i="1"/>
  <c r="D55" i="1"/>
  <c r="D56" i="1"/>
  <c r="D57" i="1"/>
  <c r="D58" i="1"/>
  <c r="D59" i="1"/>
  <c r="D60" i="1"/>
  <c r="D61" i="1"/>
  <c r="D62" i="1"/>
  <c r="D63" i="1"/>
  <c r="D64" i="1"/>
  <c r="D65" i="1"/>
  <c r="D66" i="1"/>
  <c r="D67" i="1"/>
  <c r="D68" i="1"/>
  <c r="D69" i="1"/>
  <c r="D70" i="1"/>
  <c r="D71" i="1"/>
  <c r="D72" i="1"/>
  <c r="D73" i="1"/>
  <c r="D74" i="1"/>
  <c r="D75" i="1"/>
  <c r="D76" i="1"/>
  <c r="D77" i="1"/>
  <c r="D78" i="1"/>
  <c r="D79" i="1"/>
  <c r="D80" i="1"/>
  <c r="D81" i="1"/>
  <c r="D82" i="1"/>
  <c r="D83" i="1"/>
  <c r="D84" i="1"/>
  <c r="D85" i="1"/>
  <c r="D86" i="1"/>
  <c r="D87" i="1"/>
  <c r="D88" i="1"/>
  <c r="D89" i="1"/>
  <c r="D90" i="1"/>
  <c r="D91" i="1"/>
  <c r="D92" i="1"/>
  <c r="D93" i="1"/>
  <c r="D94" i="1"/>
  <c r="D95" i="1"/>
  <c r="D96" i="1"/>
  <c r="D97" i="1"/>
  <c r="D98" i="1"/>
  <c r="D99" i="1"/>
  <c r="D100" i="1"/>
  <c r="D101" i="1"/>
  <c r="D102" i="1"/>
  <c r="D103" i="1"/>
  <c r="D104" i="1"/>
  <c r="D105" i="1"/>
  <c r="D106" i="1"/>
  <c r="D107" i="1"/>
  <c r="D108" i="1"/>
  <c r="D109" i="1"/>
  <c r="D110" i="1"/>
  <c r="D111" i="1"/>
  <c r="D112" i="1"/>
  <c r="D113" i="1"/>
  <c r="D114" i="1"/>
  <c r="D115" i="1"/>
  <c r="D116" i="1"/>
  <c r="D117" i="1"/>
  <c r="D118" i="1"/>
  <c r="D119" i="1"/>
  <c r="D120" i="1"/>
  <c r="D121" i="1"/>
  <c r="D122" i="1"/>
  <c r="D123" i="1"/>
  <c r="D124" i="1"/>
  <c r="D125" i="1"/>
  <c r="D126" i="1"/>
  <c r="D127" i="1"/>
  <c r="D128" i="1"/>
  <c r="D129" i="1"/>
  <c r="D130" i="1"/>
  <c r="D131" i="1"/>
  <c r="D132" i="1"/>
  <c r="D133" i="1"/>
  <c r="D134" i="1"/>
  <c r="D135" i="1"/>
  <c r="D136" i="1"/>
  <c r="D137" i="1"/>
  <c r="D138" i="1"/>
  <c r="D139" i="1"/>
  <c r="D140" i="1"/>
  <c r="D141" i="1"/>
  <c r="D142" i="1"/>
  <c r="D143" i="1"/>
  <c r="D144" i="1"/>
  <c r="D145" i="1"/>
  <c r="D146" i="1"/>
  <c r="D147" i="1"/>
  <c r="D148" i="1"/>
  <c r="D149" i="1"/>
  <c r="D150" i="1"/>
  <c r="D151" i="1"/>
  <c r="D152" i="1"/>
  <c r="D153" i="1"/>
  <c r="D154" i="1"/>
  <c r="D155" i="1"/>
  <c r="D156" i="1"/>
  <c r="D157" i="1"/>
  <c r="D158" i="1"/>
  <c r="D159" i="1"/>
  <c r="D160" i="1"/>
  <c r="D161" i="1"/>
  <c r="D162" i="1"/>
  <c r="D163" i="1"/>
  <c r="D164" i="1"/>
  <c r="D165" i="1"/>
  <c r="D166" i="1"/>
  <c r="D167" i="1"/>
  <c r="D168" i="1"/>
  <c r="D169" i="1"/>
  <c r="D170" i="1"/>
  <c r="D171" i="1"/>
  <c r="D172" i="1"/>
  <c r="D173" i="1"/>
  <c r="D174" i="1"/>
  <c r="D175" i="1"/>
  <c r="D176" i="1"/>
  <c r="D177" i="1"/>
  <c r="D178" i="1"/>
  <c r="D179" i="1"/>
  <c r="D180" i="1"/>
  <c r="D181" i="1"/>
  <c r="D182" i="1"/>
  <c r="D183" i="1"/>
  <c r="D184" i="1"/>
  <c r="D185" i="1"/>
  <c r="D186" i="1"/>
  <c r="D187" i="1"/>
  <c r="D188" i="1"/>
  <c r="D189" i="1"/>
  <c r="D190" i="1"/>
  <c r="D191" i="1"/>
  <c r="D192" i="1"/>
  <c r="D193" i="1"/>
  <c r="D194" i="1"/>
  <c r="D195" i="1"/>
  <c r="D196" i="1"/>
  <c r="D197" i="1"/>
  <c r="D198" i="1"/>
  <c r="D199" i="1"/>
  <c r="D200" i="1"/>
  <c r="D201" i="1"/>
  <c r="D202" i="1"/>
  <c r="D203" i="1"/>
  <c r="D204" i="1"/>
  <c r="D205" i="1"/>
  <c r="D206" i="1"/>
  <c r="D207" i="1"/>
  <c r="D208" i="1"/>
  <c r="D209" i="1"/>
  <c r="D210" i="1"/>
  <c r="D211" i="1"/>
  <c r="D212" i="1"/>
  <c r="D213" i="1"/>
  <c r="D214" i="1"/>
  <c r="D215" i="1"/>
  <c r="D216" i="1"/>
  <c r="D217" i="1"/>
  <c r="D218" i="1"/>
  <c r="D219" i="1"/>
  <c r="D220" i="1"/>
  <c r="D221" i="1"/>
  <c r="D222" i="1"/>
  <c r="D223" i="1"/>
  <c r="D224" i="1"/>
  <c r="D225" i="1"/>
  <c r="D226" i="1"/>
  <c r="D227" i="1"/>
  <c r="D228" i="1"/>
  <c r="D229" i="1"/>
  <c r="D230" i="1"/>
  <c r="D231" i="1"/>
  <c r="D232" i="1"/>
  <c r="D233" i="1"/>
  <c r="D234" i="1"/>
  <c r="D235" i="1"/>
  <c r="D236" i="1"/>
  <c r="D237" i="1"/>
  <c r="D238" i="1"/>
  <c r="D239" i="1"/>
  <c r="D240" i="1"/>
  <c r="D241" i="1"/>
  <c r="D242" i="1"/>
  <c r="D243" i="1"/>
  <c r="D244" i="1"/>
  <c r="D245" i="1"/>
  <c r="D246" i="1"/>
  <c r="D247" i="1"/>
  <c r="D248" i="1"/>
  <c r="D249" i="1"/>
  <c r="D250" i="1"/>
  <c r="D251" i="1"/>
  <c r="D252" i="1"/>
  <c r="D253" i="1"/>
  <c r="D254" i="1"/>
  <c r="D255" i="1"/>
  <c r="D256" i="1"/>
  <c r="D257" i="1"/>
  <c r="D258" i="1"/>
  <c r="D259" i="1"/>
  <c r="D260" i="1"/>
  <c r="D261" i="1"/>
  <c r="D262" i="1"/>
  <c r="D263" i="1"/>
  <c r="D264" i="1"/>
  <c r="D265" i="1"/>
  <c r="D266" i="1"/>
  <c r="D267" i="1"/>
  <c r="D268" i="1"/>
  <c r="D269" i="1"/>
  <c r="D270" i="1"/>
  <c r="D271" i="1"/>
  <c r="D272" i="1"/>
  <c r="D273" i="1"/>
  <c r="D274" i="1"/>
  <c r="D275" i="1"/>
  <c r="D276" i="1"/>
  <c r="D277" i="1"/>
  <c r="D278" i="1"/>
  <c r="D279" i="1"/>
  <c r="D280" i="1"/>
  <c r="D281" i="1"/>
  <c r="D282" i="1"/>
  <c r="D283" i="1"/>
  <c r="D284" i="1"/>
  <c r="D285" i="1"/>
  <c r="D286" i="1"/>
  <c r="D287" i="1"/>
  <c r="D288" i="1"/>
  <c r="D289" i="1"/>
  <c r="D290" i="1"/>
  <c r="D291" i="1"/>
  <c r="D292" i="1"/>
  <c r="D293" i="1"/>
  <c r="D294" i="1"/>
  <c r="D295" i="1"/>
  <c r="D296" i="1"/>
  <c r="D297" i="1"/>
  <c r="D298" i="1"/>
  <c r="D299" i="1"/>
  <c r="D300" i="1"/>
  <c r="D301" i="1"/>
  <c r="D302" i="1"/>
  <c r="D303" i="1"/>
  <c r="D304" i="1"/>
  <c r="D305" i="1"/>
  <c r="D306" i="1"/>
  <c r="D307" i="1"/>
  <c r="D308" i="1"/>
  <c r="D309" i="1"/>
  <c r="D310" i="1"/>
  <c r="D311" i="1"/>
  <c r="D312" i="1"/>
  <c r="D313" i="1"/>
  <c r="D314" i="1"/>
  <c r="D315" i="1"/>
  <c r="D316" i="1"/>
  <c r="D317" i="1"/>
  <c r="D318" i="1"/>
  <c r="D319" i="1"/>
  <c r="D320" i="1"/>
  <c r="D321" i="1"/>
  <c r="D322" i="1"/>
  <c r="D323" i="1"/>
  <c r="D324" i="1"/>
  <c r="D325" i="1"/>
  <c r="D326" i="1"/>
  <c r="D327" i="1"/>
  <c r="D328" i="1"/>
  <c r="D329" i="1"/>
  <c r="D330" i="1"/>
  <c r="D331" i="1"/>
  <c r="D332" i="1"/>
  <c r="D333" i="1"/>
  <c r="D334" i="1"/>
  <c r="D335" i="1"/>
  <c r="D336" i="1"/>
  <c r="D337" i="1"/>
  <c r="D338" i="1"/>
  <c r="D339" i="1"/>
  <c r="D340" i="1"/>
  <c r="D341" i="1"/>
  <c r="D342" i="1"/>
  <c r="D343" i="1"/>
  <c r="D344" i="1"/>
  <c r="D345" i="1"/>
  <c r="D346" i="1"/>
  <c r="D347" i="1"/>
  <c r="D348" i="1"/>
  <c r="D349" i="1"/>
  <c r="D350" i="1"/>
  <c r="D351" i="1"/>
  <c r="D352" i="1"/>
  <c r="D353" i="1"/>
  <c r="D354" i="1"/>
  <c r="D355" i="1"/>
  <c r="D356" i="1"/>
  <c r="D357" i="1"/>
  <c r="D358" i="1"/>
  <c r="D359" i="1"/>
  <c r="D360" i="1"/>
  <c r="D361" i="1"/>
  <c r="D362" i="1"/>
  <c r="D363" i="1"/>
  <c r="D364" i="1"/>
  <c r="D365" i="1"/>
  <c r="D366" i="1"/>
  <c r="D367" i="1"/>
  <c r="D368" i="1"/>
  <c r="D369" i="1"/>
  <c r="D370" i="1"/>
  <c r="D371" i="1"/>
  <c r="D372" i="1"/>
  <c r="D373" i="1"/>
  <c r="D374" i="1"/>
  <c r="D375" i="1"/>
  <c r="D376" i="1"/>
  <c r="D377" i="1"/>
  <c r="D378" i="1"/>
  <c r="D379" i="1"/>
  <c r="D380" i="1"/>
  <c r="D381" i="1"/>
  <c r="D382" i="1"/>
  <c r="D383" i="1"/>
  <c r="D384" i="1"/>
  <c r="D385" i="1"/>
  <c r="D386" i="1"/>
  <c r="D387" i="1"/>
  <c r="D388" i="1"/>
  <c r="D389" i="1"/>
  <c r="D390" i="1"/>
  <c r="D391" i="1"/>
  <c r="D392" i="1"/>
  <c r="D393" i="1"/>
  <c r="D394" i="1"/>
  <c r="D395" i="1"/>
  <c r="D396" i="1"/>
  <c r="D397" i="1"/>
  <c r="D398" i="1"/>
  <c r="D399" i="1"/>
  <c r="D400" i="1"/>
  <c r="D401" i="1"/>
  <c r="D402" i="1"/>
  <c r="D403" i="1"/>
  <c r="D404" i="1"/>
  <c r="D405" i="1"/>
  <c r="D406" i="1"/>
  <c r="D407" i="1"/>
  <c r="D408" i="1"/>
  <c r="D409" i="1"/>
  <c r="D410" i="1"/>
  <c r="D411" i="1"/>
  <c r="D412" i="1"/>
  <c r="D413" i="1"/>
  <c r="D414" i="1"/>
  <c r="D415" i="1"/>
  <c r="D416" i="1"/>
  <c r="D417" i="1"/>
  <c r="D418" i="1"/>
  <c r="D419" i="1"/>
  <c r="D420" i="1"/>
  <c r="D421" i="1"/>
  <c r="D422" i="1"/>
  <c r="D423" i="1"/>
  <c r="D424" i="1"/>
  <c r="D425" i="1"/>
  <c r="D426" i="1"/>
  <c r="D427" i="1"/>
  <c r="D428" i="1"/>
  <c r="D429" i="1"/>
  <c r="D430" i="1"/>
  <c r="D431" i="1"/>
  <c r="D432" i="1"/>
  <c r="D433" i="1"/>
  <c r="D434" i="1"/>
  <c r="D435" i="1"/>
  <c r="D436" i="1"/>
  <c r="D437" i="1"/>
  <c r="D438" i="1"/>
  <c r="D439" i="1"/>
  <c r="D440" i="1"/>
  <c r="D441" i="1"/>
  <c r="D442" i="1"/>
  <c r="D443" i="1"/>
  <c r="D444" i="1"/>
  <c r="D445" i="1"/>
  <c r="D446" i="1"/>
  <c r="D447" i="1"/>
  <c r="D448" i="1"/>
  <c r="D449" i="1"/>
  <c r="D450" i="1"/>
  <c r="D451" i="1"/>
  <c r="D452" i="1"/>
  <c r="D453" i="1"/>
  <c r="D454" i="1"/>
  <c r="D455" i="1"/>
  <c r="D456" i="1"/>
  <c r="D457" i="1"/>
  <c r="D458" i="1"/>
  <c r="D459" i="1"/>
  <c r="D460" i="1"/>
  <c r="D461" i="1"/>
  <c r="D462" i="1"/>
  <c r="D463" i="1"/>
  <c r="D464" i="1"/>
  <c r="D465" i="1"/>
  <c r="D466" i="1"/>
  <c r="D467" i="1"/>
  <c r="D468" i="1"/>
  <c r="D469" i="1"/>
  <c r="D470" i="1"/>
  <c r="D471" i="1"/>
  <c r="D472" i="1"/>
  <c r="D473" i="1"/>
  <c r="D474" i="1"/>
  <c r="D475" i="1"/>
  <c r="D476" i="1"/>
  <c r="D477" i="1"/>
  <c r="D478" i="1"/>
  <c r="D479" i="1"/>
  <c r="D480" i="1"/>
  <c r="D481" i="1"/>
  <c r="D482" i="1"/>
  <c r="D483" i="1"/>
  <c r="D484" i="1"/>
  <c r="D485" i="1"/>
  <c r="D486" i="1"/>
  <c r="D487" i="1"/>
  <c r="D488" i="1"/>
  <c r="D489" i="1"/>
  <c r="D490" i="1"/>
  <c r="D491" i="1"/>
  <c r="D492" i="1"/>
  <c r="D493" i="1"/>
  <c r="D494" i="1"/>
  <c r="D495" i="1"/>
  <c r="D496" i="1"/>
  <c r="D497" i="1"/>
  <c r="D498" i="1"/>
  <c r="D499" i="1"/>
  <c r="D500" i="1"/>
  <c r="D501" i="1"/>
  <c r="D502" i="1"/>
  <c r="D503" i="1"/>
  <c r="D504" i="1"/>
  <c r="D505" i="1"/>
  <c r="D506" i="1"/>
  <c r="D507" i="1"/>
  <c r="D508" i="1"/>
  <c r="D509" i="1"/>
  <c r="D510" i="1"/>
  <c r="D511" i="1"/>
  <c r="D512" i="1"/>
  <c r="D513" i="1"/>
  <c r="D514" i="1"/>
  <c r="D515" i="1"/>
  <c r="D516" i="1"/>
  <c r="D517" i="1"/>
  <c r="D518" i="1"/>
  <c r="D519" i="1"/>
  <c r="D520" i="1"/>
  <c r="D521" i="1"/>
  <c r="D522" i="1"/>
  <c r="D523" i="1"/>
  <c r="D524" i="1"/>
  <c r="D525" i="1"/>
  <c r="D526" i="1"/>
  <c r="D527" i="1"/>
  <c r="D528" i="1"/>
  <c r="D529" i="1"/>
  <c r="D530" i="1"/>
  <c r="D531" i="1"/>
  <c r="D532" i="1"/>
  <c r="D533" i="1"/>
  <c r="D534" i="1"/>
  <c r="D535" i="1"/>
  <c r="D536" i="1"/>
  <c r="D537" i="1"/>
  <c r="D538" i="1"/>
  <c r="D539" i="1"/>
  <c r="D540" i="1"/>
  <c r="D541" i="1"/>
  <c r="D542" i="1"/>
  <c r="D543" i="1"/>
  <c r="D544" i="1"/>
  <c r="D545" i="1"/>
  <c r="D546" i="1"/>
  <c r="D547" i="1"/>
  <c r="D548" i="1"/>
  <c r="D549" i="1"/>
  <c r="D550" i="1"/>
  <c r="D551" i="1"/>
  <c r="D552" i="1"/>
  <c r="D553" i="1"/>
  <c r="D554" i="1"/>
  <c r="D555" i="1"/>
  <c r="D556" i="1"/>
  <c r="D557" i="1"/>
  <c r="D558" i="1"/>
  <c r="D559" i="1"/>
  <c r="D560" i="1"/>
  <c r="D561" i="1"/>
  <c r="D562" i="1"/>
  <c r="D563" i="1"/>
  <c r="D564" i="1"/>
  <c r="D565" i="1"/>
  <c r="D566" i="1"/>
  <c r="D567" i="1"/>
  <c r="D568" i="1"/>
  <c r="D569" i="1"/>
  <c r="D570" i="1"/>
  <c r="D571" i="1"/>
  <c r="D572" i="1"/>
  <c r="D573" i="1"/>
  <c r="D574" i="1"/>
  <c r="D575" i="1"/>
  <c r="D576" i="1"/>
  <c r="D577" i="1"/>
  <c r="D578" i="1"/>
  <c r="D579" i="1"/>
  <c r="D580" i="1"/>
  <c r="D581" i="1"/>
  <c r="D582" i="1"/>
  <c r="D583" i="1"/>
  <c r="D584" i="1"/>
  <c r="D585" i="1"/>
  <c r="D586" i="1"/>
  <c r="D587" i="1"/>
  <c r="D588" i="1"/>
  <c r="D589" i="1"/>
  <c r="D590" i="1"/>
  <c r="D591" i="1"/>
  <c r="D592" i="1"/>
  <c r="D593" i="1"/>
  <c r="D594" i="1"/>
  <c r="D595" i="1"/>
  <c r="D596" i="1"/>
  <c r="D597" i="1"/>
  <c r="D598" i="1"/>
  <c r="D599" i="1"/>
  <c r="D600" i="1"/>
  <c r="D601" i="1"/>
  <c r="D602" i="1"/>
  <c r="D603" i="1"/>
  <c r="D604" i="1"/>
  <c r="D605" i="1"/>
  <c r="D606" i="1"/>
  <c r="D607" i="1"/>
  <c r="D608" i="1"/>
  <c r="D609" i="1"/>
  <c r="D610" i="1"/>
  <c r="D611" i="1"/>
  <c r="D612" i="1"/>
  <c r="D613" i="1"/>
  <c r="D614" i="1"/>
  <c r="D615" i="1"/>
  <c r="D616" i="1"/>
  <c r="D617" i="1"/>
  <c r="D618" i="1"/>
  <c r="D619" i="1"/>
  <c r="D620" i="1"/>
  <c r="D621" i="1"/>
  <c r="D622" i="1"/>
  <c r="D623" i="1"/>
  <c r="D624" i="1"/>
  <c r="D625" i="1"/>
  <c r="D626" i="1"/>
  <c r="D627" i="1"/>
  <c r="D628" i="1"/>
  <c r="D629" i="1"/>
  <c r="D630" i="1"/>
  <c r="D631" i="1"/>
  <c r="D632" i="1"/>
  <c r="D633" i="1"/>
  <c r="D634" i="1"/>
  <c r="D635" i="1"/>
  <c r="D636" i="1"/>
  <c r="D637" i="1"/>
  <c r="D638" i="1"/>
  <c r="D639" i="1"/>
  <c r="D640" i="1"/>
  <c r="D641" i="1"/>
  <c r="D642" i="1"/>
  <c r="D643" i="1"/>
  <c r="D644" i="1"/>
  <c r="D645" i="1"/>
  <c r="D646" i="1"/>
  <c r="D647" i="1"/>
  <c r="D648" i="1"/>
  <c r="D649" i="1"/>
  <c r="D650" i="1"/>
  <c r="D651" i="1"/>
  <c r="D652" i="1"/>
  <c r="D653" i="1"/>
  <c r="D654" i="1"/>
  <c r="D655" i="1"/>
  <c r="D656" i="1"/>
  <c r="D657" i="1"/>
  <c r="D658" i="1"/>
  <c r="D659" i="1"/>
  <c r="D660" i="1"/>
  <c r="D661" i="1"/>
  <c r="D662" i="1"/>
  <c r="D663" i="1"/>
  <c r="D664" i="1"/>
  <c r="D665" i="1"/>
  <c r="D666" i="1"/>
  <c r="D667" i="1"/>
  <c r="D668" i="1"/>
  <c r="D669" i="1"/>
  <c r="D670" i="1"/>
  <c r="D671" i="1"/>
  <c r="D672" i="1"/>
  <c r="D673" i="1"/>
  <c r="D674" i="1"/>
  <c r="D675" i="1"/>
  <c r="D676" i="1"/>
  <c r="D677" i="1"/>
  <c r="D678" i="1"/>
  <c r="D679" i="1"/>
  <c r="D680" i="1"/>
  <c r="D681" i="1"/>
  <c r="D682" i="1"/>
  <c r="D683" i="1"/>
  <c r="D684" i="1"/>
  <c r="D685" i="1"/>
  <c r="D686" i="1"/>
  <c r="D687" i="1"/>
  <c r="D688" i="1"/>
  <c r="D689" i="1"/>
  <c r="D690" i="1"/>
  <c r="D691" i="1"/>
  <c r="D692" i="1"/>
  <c r="D693" i="1"/>
  <c r="D694" i="1"/>
  <c r="D695" i="1"/>
  <c r="D696" i="1"/>
  <c r="D697" i="1"/>
  <c r="D698" i="1"/>
  <c r="D699" i="1"/>
  <c r="D700" i="1"/>
  <c r="D701" i="1"/>
  <c r="D702" i="1"/>
  <c r="D703" i="1"/>
  <c r="D704" i="1"/>
  <c r="D705" i="1"/>
  <c r="D706" i="1"/>
  <c r="D707" i="1"/>
  <c r="D708" i="1"/>
  <c r="D709" i="1"/>
  <c r="D710" i="1"/>
  <c r="D711" i="1"/>
  <c r="D712" i="1"/>
  <c r="D713" i="1"/>
  <c r="D714" i="1"/>
  <c r="D715" i="1"/>
  <c r="D716" i="1"/>
  <c r="D717" i="1"/>
  <c r="D718" i="1"/>
  <c r="D719" i="1"/>
  <c r="D720" i="1"/>
  <c r="D721" i="1"/>
  <c r="D722" i="1"/>
  <c r="D723" i="1"/>
  <c r="D724" i="1"/>
  <c r="D725" i="1"/>
  <c r="D726" i="1"/>
  <c r="D727" i="1"/>
  <c r="D728" i="1"/>
  <c r="D729" i="1"/>
  <c r="D730" i="1"/>
  <c r="D731" i="1"/>
  <c r="D732" i="1"/>
  <c r="D733" i="1"/>
  <c r="D734" i="1"/>
  <c r="D735" i="1"/>
  <c r="D736" i="1"/>
  <c r="D737" i="1"/>
  <c r="D738" i="1"/>
  <c r="D739" i="1"/>
  <c r="D740" i="1"/>
  <c r="D741" i="1"/>
  <c r="D742" i="1"/>
  <c r="D743" i="1"/>
  <c r="D744" i="1"/>
  <c r="D745" i="1"/>
  <c r="D746" i="1"/>
  <c r="D747" i="1"/>
  <c r="D748" i="1"/>
  <c r="D749" i="1"/>
  <c r="D750" i="1"/>
  <c r="D751" i="1"/>
  <c r="D752" i="1"/>
  <c r="D753" i="1"/>
  <c r="D754" i="1"/>
  <c r="D755" i="1"/>
  <c r="D756" i="1"/>
  <c r="D757" i="1"/>
  <c r="D758" i="1"/>
  <c r="D759" i="1"/>
  <c r="D760" i="1"/>
  <c r="D761" i="1"/>
  <c r="D762" i="1"/>
  <c r="D763" i="1"/>
  <c r="D764" i="1"/>
  <c r="D765" i="1"/>
  <c r="D766" i="1"/>
  <c r="D767" i="1"/>
  <c r="D768" i="1"/>
  <c r="D769" i="1"/>
  <c r="D770" i="1"/>
  <c r="D771" i="1"/>
  <c r="D772" i="1"/>
  <c r="D773" i="1"/>
  <c r="D774" i="1"/>
  <c r="D775" i="1"/>
  <c r="D776" i="1"/>
  <c r="D777" i="1"/>
  <c r="D778" i="1"/>
  <c r="D779" i="1"/>
  <c r="D780" i="1"/>
  <c r="D781" i="1"/>
  <c r="D782" i="1"/>
  <c r="D783" i="1"/>
  <c r="D784" i="1"/>
  <c r="D785" i="1"/>
  <c r="D786" i="1"/>
  <c r="D787" i="1"/>
  <c r="D788" i="1"/>
  <c r="D789" i="1"/>
  <c r="D790" i="1"/>
  <c r="D791" i="1"/>
  <c r="D792" i="1"/>
  <c r="D793" i="1"/>
  <c r="D794" i="1"/>
  <c r="D795" i="1"/>
  <c r="D796" i="1"/>
  <c r="D797" i="1"/>
  <c r="D798" i="1"/>
  <c r="D799" i="1"/>
  <c r="D800" i="1"/>
  <c r="D801" i="1"/>
  <c r="D802" i="1"/>
  <c r="D803" i="1"/>
  <c r="D804" i="1"/>
  <c r="D805" i="1"/>
  <c r="D806" i="1"/>
  <c r="D807" i="1"/>
  <c r="D808" i="1"/>
  <c r="D809" i="1"/>
  <c r="D810" i="1"/>
  <c r="D811" i="1"/>
  <c r="D812" i="1"/>
  <c r="D813" i="1"/>
  <c r="D814" i="1"/>
  <c r="D815" i="1"/>
  <c r="D816" i="1"/>
  <c r="D817" i="1"/>
  <c r="D818" i="1"/>
  <c r="D819" i="1"/>
  <c r="D820" i="1"/>
  <c r="D821" i="1"/>
  <c r="D822" i="1"/>
  <c r="D823" i="1"/>
  <c r="D824" i="1"/>
  <c r="D825" i="1"/>
  <c r="D826" i="1"/>
  <c r="D827" i="1"/>
  <c r="D828" i="1"/>
  <c r="D829" i="1"/>
  <c r="D830" i="1"/>
  <c r="D831" i="1"/>
  <c r="D832" i="1"/>
  <c r="D833" i="1"/>
  <c r="D834" i="1"/>
  <c r="D835" i="1"/>
  <c r="D836" i="1"/>
  <c r="D837" i="1"/>
  <c r="D838" i="1"/>
  <c r="D839" i="1"/>
  <c r="D840" i="1"/>
  <c r="D841" i="1"/>
  <c r="D842" i="1"/>
  <c r="D843" i="1"/>
  <c r="D844" i="1"/>
  <c r="D845" i="1"/>
  <c r="D846" i="1"/>
  <c r="D847" i="1"/>
  <c r="D848" i="1"/>
  <c r="D849" i="1"/>
  <c r="D850" i="1"/>
  <c r="D851" i="1"/>
  <c r="D852" i="1"/>
  <c r="D853" i="1"/>
  <c r="D854" i="1"/>
  <c r="D855" i="1"/>
  <c r="D856" i="1"/>
  <c r="D857" i="1"/>
  <c r="D858" i="1"/>
  <c r="D859" i="1"/>
  <c r="D860" i="1"/>
  <c r="D861" i="1"/>
  <c r="D862" i="1"/>
  <c r="D863" i="1"/>
  <c r="D864" i="1"/>
  <c r="D865" i="1"/>
  <c r="D866" i="1"/>
  <c r="D867" i="1"/>
  <c r="D868" i="1"/>
  <c r="D869" i="1"/>
  <c r="D870" i="1"/>
  <c r="D871" i="1"/>
  <c r="D872" i="1"/>
  <c r="D873" i="1"/>
  <c r="D874" i="1"/>
  <c r="D875" i="1"/>
  <c r="D876" i="1"/>
  <c r="D877" i="1"/>
  <c r="D878" i="1"/>
  <c r="D879" i="1"/>
  <c r="D880" i="1"/>
  <c r="D881" i="1"/>
  <c r="D882" i="1"/>
  <c r="D883" i="1"/>
  <c r="D884" i="1"/>
  <c r="D885" i="1"/>
  <c r="D886" i="1"/>
  <c r="D887" i="1"/>
  <c r="D888" i="1"/>
  <c r="D889" i="1"/>
  <c r="D890" i="1"/>
  <c r="D891" i="1"/>
  <c r="D892" i="1"/>
  <c r="D893" i="1"/>
  <c r="D894" i="1"/>
  <c r="D895" i="1"/>
  <c r="D896" i="1"/>
  <c r="D897" i="1"/>
  <c r="D898" i="1"/>
  <c r="D899" i="1"/>
  <c r="D900" i="1"/>
  <c r="D901" i="1"/>
  <c r="D902" i="1"/>
  <c r="D903" i="1"/>
  <c r="D904" i="1"/>
  <c r="D905" i="1"/>
  <c r="D906" i="1"/>
  <c r="D907" i="1"/>
  <c r="D908" i="1"/>
  <c r="D909" i="1"/>
  <c r="D910" i="1"/>
  <c r="D911" i="1"/>
  <c r="D912" i="1"/>
  <c r="D913" i="1"/>
  <c r="D914" i="1"/>
  <c r="D915" i="1"/>
  <c r="D916" i="1"/>
  <c r="D917" i="1"/>
  <c r="D918" i="1"/>
  <c r="D919" i="1"/>
  <c r="D920" i="1"/>
  <c r="D921" i="1"/>
  <c r="D922" i="1"/>
  <c r="D923" i="1"/>
  <c r="D924" i="1"/>
  <c r="D925" i="1"/>
  <c r="D926" i="1"/>
  <c r="D927" i="1"/>
  <c r="D928" i="1"/>
  <c r="D929" i="1"/>
  <c r="D930" i="1"/>
  <c r="D931" i="1"/>
  <c r="D932" i="1"/>
  <c r="D933" i="1"/>
  <c r="D934" i="1"/>
  <c r="D935" i="1"/>
  <c r="D936" i="1"/>
  <c r="D937" i="1"/>
  <c r="D938" i="1"/>
  <c r="D939" i="1"/>
  <c r="D940" i="1"/>
  <c r="D941" i="1"/>
  <c r="D942" i="1"/>
  <c r="D943" i="1"/>
  <c r="D944" i="1"/>
  <c r="D945" i="1"/>
  <c r="D946" i="1"/>
  <c r="D947" i="1"/>
  <c r="D948" i="1"/>
  <c r="D949" i="1"/>
  <c r="D950" i="1"/>
  <c r="D951" i="1"/>
  <c r="D952" i="1"/>
  <c r="D953" i="1"/>
  <c r="D954" i="1"/>
  <c r="D955" i="1"/>
  <c r="D956" i="1"/>
  <c r="D957" i="1"/>
  <c r="D958" i="1"/>
  <c r="D959" i="1"/>
  <c r="D960" i="1"/>
  <c r="D961" i="1"/>
  <c r="D962" i="1"/>
  <c r="D963" i="1"/>
  <c r="D964" i="1"/>
  <c r="D965" i="1"/>
  <c r="D966" i="1"/>
  <c r="D967" i="1"/>
  <c r="D968" i="1"/>
  <c r="D969" i="1"/>
  <c r="D970" i="1"/>
  <c r="D971" i="1"/>
  <c r="D972" i="1"/>
  <c r="D973" i="1"/>
  <c r="D974" i="1"/>
  <c r="D975" i="1"/>
  <c r="D976" i="1"/>
  <c r="D977" i="1"/>
  <c r="D978" i="1"/>
  <c r="D979" i="1"/>
  <c r="D980" i="1"/>
  <c r="D981" i="1"/>
  <c r="D982" i="1"/>
  <c r="D983" i="1"/>
  <c r="D984" i="1"/>
  <c r="D985" i="1"/>
  <c r="D986" i="1"/>
  <c r="D987" i="1"/>
  <c r="D988" i="1"/>
  <c r="D989" i="1"/>
  <c r="D990" i="1"/>
  <c r="D991" i="1"/>
  <c r="D992" i="1"/>
  <c r="D993" i="1"/>
  <c r="D994" i="1"/>
  <c r="D995" i="1"/>
  <c r="D996" i="1"/>
  <c r="D997" i="1"/>
  <c r="D998" i="1"/>
  <c r="D999" i="1"/>
  <c r="D1000" i="1"/>
  <c r="D1001" i="1"/>
  <c r="D1002" i="1"/>
  <c r="D1003" i="1"/>
  <c r="D1004" i="1"/>
  <c r="D1005" i="1"/>
  <c r="D1006" i="1"/>
  <c r="D1007" i="1"/>
  <c r="D1008" i="1"/>
  <c r="D1009" i="1"/>
  <c r="D1010" i="1"/>
  <c r="D1011" i="1"/>
  <c r="D1012" i="1"/>
  <c r="D1013" i="1"/>
  <c r="D1014" i="1"/>
  <c r="D1015" i="1"/>
  <c r="D1016" i="1"/>
  <c r="D1017" i="1"/>
  <c r="D1018" i="1"/>
  <c r="D1019" i="1"/>
  <c r="D1020" i="1"/>
  <c r="D1021" i="1"/>
  <c r="D1022" i="1"/>
  <c r="D1023" i="1"/>
  <c r="D1024" i="1"/>
  <c r="D1025" i="1"/>
  <c r="D1026" i="1"/>
  <c r="D1027" i="1"/>
  <c r="D1028" i="1"/>
  <c r="D1029" i="1"/>
  <c r="D1030" i="1"/>
  <c r="D1031" i="1"/>
  <c r="D1032" i="1"/>
  <c r="D1033" i="1"/>
  <c r="D1034" i="1"/>
  <c r="D1035" i="1"/>
  <c r="D1036" i="1"/>
  <c r="D1037" i="1"/>
  <c r="D1038" i="1"/>
  <c r="D1039" i="1"/>
  <c r="D1040" i="1"/>
  <c r="D1041" i="1"/>
  <c r="D1042" i="1"/>
  <c r="D1043" i="1"/>
  <c r="D1044" i="1"/>
  <c r="D1045" i="1"/>
  <c r="D1046" i="1"/>
  <c r="D1047" i="1"/>
  <c r="D1048" i="1"/>
  <c r="D1049" i="1"/>
  <c r="D1050" i="1"/>
  <c r="D1051" i="1"/>
  <c r="D1052" i="1"/>
  <c r="D1053" i="1"/>
  <c r="D1054" i="1"/>
  <c r="D1055" i="1"/>
  <c r="D1056" i="1"/>
  <c r="D1057" i="1"/>
  <c r="D1058" i="1"/>
  <c r="D1059" i="1"/>
  <c r="D1060" i="1"/>
  <c r="D1061" i="1"/>
  <c r="D1062" i="1"/>
  <c r="D1063" i="1"/>
  <c r="D1064" i="1"/>
  <c r="D1065" i="1"/>
  <c r="D1066" i="1"/>
  <c r="D1067" i="1"/>
  <c r="D1068" i="1"/>
  <c r="D1069" i="1"/>
  <c r="D1070" i="1"/>
  <c r="D1071" i="1"/>
  <c r="D1072" i="1"/>
  <c r="D1073" i="1"/>
  <c r="D1074" i="1"/>
  <c r="D1075" i="1"/>
  <c r="D1076" i="1"/>
  <c r="D1077" i="1"/>
  <c r="D1078" i="1"/>
  <c r="D1079" i="1"/>
  <c r="D1080" i="1"/>
  <c r="D1081" i="1"/>
  <c r="D1082" i="1"/>
  <c r="D1083" i="1"/>
  <c r="D1084" i="1"/>
  <c r="D1085" i="1"/>
  <c r="D1086" i="1"/>
  <c r="D1087" i="1"/>
  <c r="D1088" i="1"/>
  <c r="D1089" i="1"/>
  <c r="D1090" i="1"/>
  <c r="D1091" i="1"/>
  <c r="D1092" i="1"/>
  <c r="D1093" i="1"/>
  <c r="D1094" i="1"/>
  <c r="D1095" i="1"/>
  <c r="D1096" i="1"/>
  <c r="D1097" i="1"/>
  <c r="D1098" i="1"/>
  <c r="D1099" i="1"/>
  <c r="D1100" i="1"/>
  <c r="D1101" i="1"/>
  <c r="D1102" i="1"/>
  <c r="D1103" i="1"/>
  <c r="D1104" i="1"/>
  <c r="D1105" i="1"/>
  <c r="D1106" i="1"/>
  <c r="D1107" i="1"/>
  <c r="D1108" i="1"/>
  <c r="D1109" i="1"/>
  <c r="D1110" i="1"/>
  <c r="D1111" i="1"/>
  <c r="D1112" i="1"/>
  <c r="D1113" i="1"/>
  <c r="D1114" i="1"/>
  <c r="D1115" i="1"/>
  <c r="D1116" i="1"/>
  <c r="D1117" i="1"/>
  <c r="D1118" i="1"/>
  <c r="D1119" i="1"/>
  <c r="D1120" i="1"/>
  <c r="D1121" i="1"/>
  <c r="D1122" i="1"/>
  <c r="D1123" i="1"/>
  <c r="D1124" i="1"/>
  <c r="D1125" i="1"/>
  <c r="D1126" i="1"/>
  <c r="D1127" i="1"/>
  <c r="D1128" i="1"/>
  <c r="D1129" i="1"/>
  <c r="D1130" i="1"/>
  <c r="D1131" i="1"/>
  <c r="D1132" i="1"/>
  <c r="D1133" i="1"/>
  <c r="D1134" i="1"/>
  <c r="D1135" i="1"/>
  <c r="D1136" i="1"/>
  <c r="D1137" i="1"/>
  <c r="D1138" i="1"/>
  <c r="D1139" i="1"/>
  <c r="D1140" i="1"/>
  <c r="D1141" i="1"/>
  <c r="D1142" i="1"/>
  <c r="D1143" i="1"/>
  <c r="D1144" i="1"/>
  <c r="D1145" i="1"/>
  <c r="D1146" i="1"/>
  <c r="D1147" i="1"/>
  <c r="D1148" i="1"/>
  <c r="D1149" i="1"/>
  <c r="D1150" i="1"/>
  <c r="D1151" i="1"/>
  <c r="D1152" i="1"/>
  <c r="D1153" i="1"/>
  <c r="D1154" i="1"/>
  <c r="D1155" i="1"/>
  <c r="D1156" i="1"/>
  <c r="D1157" i="1"/>
  <c r="D1158" i="1"/>
  <c r="D1159" i="1"/>
  <c r="D1160" i="1"/>
  <c r="D1161" i="1"/>
  <c r="D1162" i="1"/>
  <c r="D1163" i="1"/>
  <c r="D1164" i="1"/>
  <c r="D1165" i="1"/>
  <c r="D1166" i="1"/>
  <c r="D1167" i="1"/>
  <c r="D1168" i="1"/>
  <c r="D1169" i="1"/>
  <c r="D1170" i="1"/>
  <c r="D1171" i="1"/>
  <c r="D1172" i="1"/>
  <c r="D1173" i="1"/>
  <c r="D1174" i="1"/>
  <c r="D1175" i="1"/>
  <c r="D1176" i="1"/>
  <c r="D1177" i="1"/>
  <c r="D1178" i="1"/>
  <c r="D1179" i="1"/>
  <c r="D1180" i="1"/>
  <c r="D1181" i="1"/>
  <c r="D1182" i="1"/>
  <c r="D1183" i="1"/>
  <c r="D1184" i="1"/>
  <c r="D1185" i="1"/>
  <c r="D1186" i="1"/>
  <c r="D1187" i="1"/>
  <c r="D1188" i="1"/>
  <c r="D1189" i="1"/>
  <c r="D1190" i="1"/>
  <c r="D1191" i="1"/>
  <c r="D1192" i="1"/>
  <c r="D1193" i="1"/>
  <c r="D1194" i="1"/>
  <c r="D1195" i="1"/>
  <c r="D1196" i="1"/>
  <c r="D1197" i="1"/>
  <c r="D1198" i="1"/>
  <c r="D1199" i="1"/>
  <c r="D1200" i="1"/>
  <c r="D1201" i="1"/>
  <c r="D1202" i="1"/>
  <c r="D1203" i="1"/>
  <c r="D1204" i="1"/>
  <c r="D1205" i="1"/>
  <c r="D1206" i="1"/>
  <c r="D1207" i="1"/>
  <c r="D1208" i="1"/>
  <c r="D1209" i="1"/>
  <c r="D1210" i="1"/>
  <c r="D1211" i="1"/>
  <c r="D1212" i="1"/>
  <c r="D1213" i="1"/>
  <c r="D1214" i="1"/>
  <c r="D1215" i="1"/>
  <c r="D1216" i="1"/>
  <c r="D1217" i="1"/>
  <c r="D1218" i="1"/>
  <c r="D1219" i="1"/>
  <c r="D1220" i="1"/>
  <c r="D1221" i="1"/>
  <c r="D1222" i="1"/>
  <c r="D1223" i="1"/>
  <c r="D1224" i="1"/>
  <c r="D1225" i="1"/>
  <c r="D1226" i="1"/>
  <c r="D1227" i="1"/>
  <c r="D1228" i="1"/>
  <c r="D1229" i="1"/>
  <c r="D1230" i="1"/>
  <c r="D1231" i="1"/>
  <c r="D1232" i="1"/>
  <c r="D1233" i="1"/>
  <c r="D1234" i="1"/>
  <c r="D1235" i="1"/>
  <c r="D1236" i="1"/>
  <c r="D1237" i="1"/>
  <c r="D1238" i="1"/>
  <c r="D1239" i="1"/>
  <c r="D1240" i="1"/>
  <c r="D1241" i="1"/>
  <c r="D1242" i="1"/>
  <c r="D1243" i="1"/>
  <c r="D1244" i="1"/>
  <c r="D1245" i="1"/>
  <c r="D1246" i="1"/>
  <c r="D1247" i="1"/>
  <c r="D1248" i="1"/>
  <c r="D1249" i="1"/>
  <c r="D1250" i="1"/>
  <c r="D1251" i="1"/>
  <c r="D1252" i="1"/>
  <c r="D1253" i="1"/>
  <c r="D1254" i="1"/>
  <c r="D1255" i="1"/>
  <c r="D1256" i="1"/>
  <c r="D1257" i="1"/>
  <c r="D1258" i="1"/>
  <c r="D1259" i="1"/>
  <c r="D1260" i="1"/>
  <c r="D1261" i="1"/>
  <c r="D1262" i="1"/>
  <c r="D1263" i="1"/>
  <c r="D1264" i="1"/>
  <c r="D1265" i="1"/>
  <c r="D1266" i="1"/>
  <c r="D1267" i="1"/>
  <c r="D1268" i="1"/>
  <c r="D1269" i="1"/>
  <c r="D1270" i="1"/>
  <c r="D1271" i="1"/>
  <c r="D1272" i="1"/>
  <c r="D1273" i="1"/>
  <c r="D1274" i="1"/>
  <c r="D1275" i="1"/>
  <c r="D1276" i="1"/>
  <c r="D1277" i="1"/>
  <c r="D1278" i="1"/>
  <c r="D1279" i="1"/>
  <c r="D1280" i="1"/>
  <c r="D1281" i="1"/>
  <c r="D1282" i="1"/>
  <c r="D1283" i="1"/>
  <c r="D1284" i="1"/>
  <c r="D1285" i="1"/>
  <c r="D1286" i="1"/>
  <c r="D1287" i="1"/>
  <c r="D1288" i="1"/>
  <c r="D1289" i="1"/>
  <c r="D1290" i="1"/>
  <c r="D1291" i="1"/>
  <c r="D1292" i="1"/>
  <c r="D1293" i="1"/>
  <c r="D1294" i="1"/>
  <c r="D1295" i="1"/>
  <c r="D1296" i="1"/>
  <c r="D1297" i="1"/>
  <c r="D1298" i="1"/>
  <c r="D1299" i="1"/>
  <c r="D1300" i="1"/>
  <c r="D1301" i="1"/>
  <c r="D1302" i="1"/>
  <c r="D1303" i="1"/>
  <c r="D1304" i="1"/>
  <c r="D1305" i="1"/>
  <c r="D1306" i="1"/>
  <c r="D1307" i="1"/>
  <c r="D1308" i="1"/>
  <c r="D1309" i="1"/>
  <c r="D1310" i="1"/>
  <c r="D1311" i="1"/>
  <c r="D1312" i="1"/>
  <c r="D1313" i="1"/>
  <c r="D1314" i="1"/>
  <c r="D1315" i="1"/>
  <c r="D1316" i="1"/>
  <c r="D1317" i="1"/>
  <c r="D1318" i="1"/>
  <c r="D1319" i="1"/>
  <c r="D1320" i="1"/>
  <c r="D1321" i="1"/>
  <c r="D1322" i="1"/>
  <c r="D1323" i="1"/>
  <c r="D1324" i="1"/>
  <c r="D1325" i="1"/>
  <c r="D1326" i="1"/>
  <c r="D1327" i="1"/>
  <c r="D1328" i="1"/>
  <c r="D1329" i="1"/>
  <c r="D1330" i="1"/>
  <c r="D1331" i="1"/>
  <c r="D1332" i="1"/>
  <c r="D1333" i="1"/>
  <c r="D1334" i="1"/>
  <c r="D1335" i="1"/>
  <c r="D1336" i="1"/>
  <c r="D1337" i="1"/>
  <c r="D1338" i="1"/>
  <c r="D1339" i="1"/>
  <c r="D1340" i="1"/>
  <c r="D1341" i="1"/>
  <c r="D1342" i="1"/>
  <c r="D1343" i="1"/>
  <c r="D1344" i="1"/>
  <c r="D1345" i="1"/>
  <c r="D1346" i="1"/>
  <c r="D1347" i="1"/>
  <c r="D1348" i="1"/>
  <c r="D1349" i="1"/>
  <c r="D1350" i="1"/>
  <c r="D1351" i="1"/>
  <c r="D1352" i="1"/>
  <c r="D1353" i="1"/>
  <c r="D1354" i="1"/>
  <c r="D1355" i="1"/>
  <c r="D1356" i="1"/>
  <c r="D1357" i="1"/>
  <c r="D1358" i="1"/>
  <c r="D1359" i="1"/>
  <c r="D1360" i="1"/>
  <c r="D1361" i="1"/>
  <c r="D1362" i="1"/>
  <c r="D1363" i="1"/>
  <c r="D1364" i="1"/>
  <c r="D1365" i="1"/>
  <c r="D1366" i="1"/>
  <c r="D1367" i="1"/>
  <c r="D1368" i="1"/>
  <c r="D1369" i="1"/>
  <c r="D1370" i="1"/>
  <c r="D1371" i="1"/>
  <c r="D1372" i="1"/>
  <c r="D1373" i="1"/>
  <c r="D1374" i="1"/>
  <c r="D1375" i="1"/>
  <c r="D1376" i="1"/>
  <c r="D1377" i="1"/>
  <c r="D1378" i="1"/>
  <c r="D1379" i="1"/>
  <c r="D1380" i="1"/>
  <c r="D1381" i="1"/>
  <c r="D1382" i="1"/>
  <c r="D1383" i="1"/>
  <c r="D1384" i="1"/>
  <c r="D1385" i="1"/>
  <c r="D1386" i="1"/>
  <c r="D1387" i="1"/>
  <c r="D1388" i="1"/>
  <c r="D1389" i="1"/>
  <c r="D1390" i="1"/>
  <c r="D1391" i="1"/>
  <c r="D1392" i="1"/>
  <c r="D1393" i="1"/>
  <c r="D1394" i="1"/>
  <c r="D1395" i="1"/>
  <c r="D1396" i="1"/>
  <c r="D1397" i="1"/>
  <c r="D1398" i="1"/>
  <c r="D1399" i="1"/>
  <c r="D1400" i="1"/>
  <c r="D1401" i="1"/>
  <c r="D1402" i="1"/>
  <c r="D1403" i="1"/>
  <c r="D1404" i="1"/>
  <c r="D1405" i="1"/>
  <c r="D1406" i="1"/>
  <c r="D1407" i="1"/>
  <c r="D1408" i="1"/>
  <c r="D1409" i="1"/>
  <c r="D1410" i="1"/>
  <c r="D1411" i="1"/>
  <c r="D1412" i="1"/>
  <c r="D1413" i="1"/>
  <c r="D1414" i="1"/>
  <c r="D1415" i="1"/>
  <c r="D1416" i="1"/>
  <c r="D1417" i="1"/>
  <c r="D1418" i="1"/>
  <c r="D1419" i="1"/>
  <c r="D1420" i="1"/>
  <c r="D1421" i="1"/>
  <c r="D1422" i="1"/>
  <c r="D1423" i="1"/>
  <c r="D1424" i="1"/>
  <c r="D1425" i="1"/>
  <c r="D1426" i="1"/>
  <c r="D1427" i="1"/>
  <c r="D1428" i="1"/>
  <c r="D1429" i="1"/>
  <c r="D1430" i="1"/>
  <c r="D1431" i="1"/>
  <c r="D1432" i="1"/>
  <c r="D1433" i="1"/>
  <c r="D1434" i="1"/>
  <c r="D1435" i="1"/>
  <c r="D1436" i="1"/>
  <c r="D1437" i="1"/>
  <c r="D1438" i="1"/>
  <c r="D1439" i="1"/>
  <c r="D1440" i="1"/>
  <c r="D1441" i="1"/>
  <c r="D1442" i="1"/>
  <c r="D1443" i="1"/>
  <c r="D1444" i="1"/>
  <c r="D1445" i="1"/>
  <c r="D1446" i="1"/>
  <c r="D1447" i="1"/>
  <c r="D1448" i="1"/>
  <c r="D1449" i="1"/>
  <c r="D1450" i="1"/>
  <c r="D1451" i="1"/>
  <c r="D1452" i="1"/>
  <c r="D1453" i="1"/>
  <c r="D1454" i="1"/>
  <c r="D1455" i="1"/>
  <c r="D1456" i="1"/>
  <c r="D1457" i="1"/>
  <c r="D1458" i="1"/>
  <c r="D1459" i="1"/>
  <c r="D1460" i="1"/>
  <c r="D1461" i="1"/>
  <c r="D1462" i="1"/>
  <c r="D1463" i="1"/>
  <c r="D1464" i="1"/>
  <c r="D1465" i="1"/>
  <c r="D1466" i="1"/>
  <c r="D1467" i="1"/>
  <c r="D1468" i="1"/>
  <c r="D1469" i="1"/>
  <c r="D1470" i="1"/>
  <c r="D1471" i="1"/>
  <c r="D1472" i="1"/>
  <c r="D1473" i="1"/>
  <c r="D1474" i="1"/>
  <c r="D1475" i="1"/>
  <c r="D1476" i="1"/>
  <c r="D1477" i="1"/>
  <c r="D1478" i="1"/>
  <c r="D1479" i="1"/>
  <c r="D1480" i="1"/>
  <c r="D1481" i="1"/>
  <c r="D1482" i="1"/>
  <c r="D1483" i="1"/>
  <c r="D1484" i="1"/>
  <c r="D1485" i="1"/>
  <c r="D1486" i="1"/>
  <c r="D1487" i="1"/>
  <c r="D1488" i="1"/>
  <c r="D1489" i="1"/>
  <c r="D1490" i="1"/>
  <c r="D1491" i="1"/>
  <c r="D1492" i="1"/>
  <c r="D1493" i="1"/>
  <c r="D1494" i="1"/>
  <c r="D1495" i="1"/>
  <c r="D1496" i="1"/>
  <c r="D1497" i="1"/>
  <c r="D1498" i="1"/>
  <c r="D1499" i="1"/>
  <c r="D1500" i="1"/>
  <c r="D1501" i="1"/>
  <c r="D1502" i="1"/>
  <c r="D1503" i="1"/>
  <c r="D1504" i="1"/>
  <c r="D1505" i="1"/>
  <c r="D1506" i="1"/>
  <c r="D1507" i="1"/>
  <c r="D1508" i="1"/>
  <c r="D1509" i="1"/>
  <c r="D1510" i="1"/>
  <c r="D1511" i="1"/>
  <c r="D1512" i="1"/>
  <c r="D1513" i="1"/>
  <c r="D1514" i="1"/>
  <c r="D1515" i="1"/>
  <c r="D1516" i="1"/>
  <c r="D1517" i="1"/>
  <c r="D1518" i="1"/>
  <c r="D1519" i="1"/>
  <c r="D1520" i="1"/>
  <c r="D1521" i="1"/>
  <c r="D1522" i="1"/>
  <c r="D1523" i="1"/>
  <c r="D1524" i="1"/>
  <c r="D1525" i="1"/>
  <c r="D1526" i="1"/>
  <c r="D1527" i="1"/>
  <c r="D1528" i="1"/>
  <c r="D1529" i="1"/>
  <c r="D1530" i="1"/>
  <c r="D1531" i="1"/>
  <c r="D1532" i="1"/>
  <c r="D1533" i="1"/>
  <c r="D1534" i="1"/>
  <c r="D1535" i="1"/>
  <c r="D1536" i="1"/>
  <c r="D1537" i="1"/>
  <c r="D1538" i="1"/>
  <c r="D1539" i="1"/>
  <c r="D1540" i="1"/>
  <c r="D1541" i="1"/>
  <c r="D1542" i="1"/>
  <c r="D1543" i="1"/>
  <c r="D1544" i="1"/>
  <c r="D1545" i="1"/>
  <c r="D1546" i="1"/>
  <c r="D1547" i="1"/>
  <c r="D1548" i="1"/>
  <c r="D1549" i="1"/>
  <c r="D1550" i="1"/>
  <c r="D1551" i="1"/>
  <c r="D1552" i="1"/>
  <c r="D1553" i="1"/>
  <c r="D1554" i="1"/>
  <c r="D1555" i="1"/>
  <c r="D1556" i="1"/>
  <c r="D1557" i="1"/>
  <c r="D1558" i="1"/>
  <c r="D1559" i="1"/>
  <c r="D1560" i="1"/>
  <c r="D1561" i="1"/>
  <c r="D1562" i="1"/>
  <c r="D1563" i="1"/>
  <c r="D1564" i="1"/>
  <c r="D1565" i="1"/>
  <c r="D1566" i="1"/>
  <c r="D1567" i="1"/>
  <c r="D1568" i="1"/>
  <c r="D1569" i="1"/>
  <c r="D1570" i="1"/>
  <c r="D1571" i="1"/>
  <c r="D1572" i="1"/>
  <c r="D1573" i="1"/>
  <c r="D1574" i="1"/>
  <c r="D1575" i="1"/>
  <c r="D1576" i="1"/>
  <c r="D1577" i="1"/>
  <c r="D1578" i="1"/>
  <c r="D1579" i="1"/>
  <c r="D1580" i="1"/>
  <c r="D1581" i="1"/>
  <c r="D1582" i="1"/>
  <c r="D1583" i="1"/>
  <c r="D1584" i="1"/>
  <c r="D1585" i="1"/>
  <c r="D1586" i="1"/>
  <c r="D1587" i="1"/>
  <c r="D1588" i="1"/>
  <c r="D1589" i="1"/>
  <c r="D1590" i="1"/>
  <c r="D1591" i="1"/>
  <c r="D1592" i="1"/>
  <c r="D1593" i="1"/>
  <c r="D1594" i="1"/>
  <c r="D1595" i="1"/>
  <c r="D1596" i="1"/>
  <c r="D1597" i="1"/>
  <c r="D1598" i="1"/>
  <c r="D1599" i="1"/>
  <c r="D1600" i="1"/>
  <c r="D1601" i="1"/>
  <c r="D1602" i="1"/>
  <c r="D1603" i="1"/>
  <c r="D1604" i="1"/>
  <c r="D1605" i="1"/>
  <c r="D1606" i="1"/>
  <c r="D1607" i="1"/>
  <c r="D1608" i="1"/>
  <c r="D1609" i="1"/>
  <c r="D1610" i="1"/>
  <c r="D1611" i="1"/>
  <c r="D1612" i="1"/>
  <c r="D1613" i="1"/>
  <c r="D1614" i="1"/>
  <c r="D1615" i="1"/>
  <c r="D1616" i="1"/>
  <c r="D1617" i="1"/>
  <c r="D1618" i="1"/>
  <c r="D1619" i="1"/>
  <c r="D1620" i="1"/>
  <c r="D1621" i="1"/>
  <c r="D1622" i="1"/>
  <c r="D1623" i="1"/>
  <c r="D1624" i="1"/>
  <c r="D1625" i="1"/>
  <c r="D1626" i="1"/>
  <c r="D1627" i="1"/>
  <c r="D1628" i="1"/>
  <c r="D1629" i="1"/>
  <c r="D1630" i="1"/>
  <c r="D1631" i="1"/>
  <c r="D1632" i="1"/>
  <c r="D1633" i="1"/>
  <c r="D1634" i="1"/>
  <c r="D1635" i="1"/>
  <c r="D1636" i="1"/>
  <c r="D1637" i="1"/>
  <c r="D1638" i="1"/>
  <c r="D1639" i="1"/>
  <c r="D1640" i="1"/>
  <c r="D1641" i="1"/>
  <c r="D1642" i="1"/>
  <c r="D1643" i="1"/>
  <c r="D1644" i="1"/>
  <c r="D1645" i="1"/>
  <c r="D1646" i="1"/>
  <c r="D1647" i="1"/>
  <c r="D1648" i="1"/>
  <c r="D1649" i="1"/>
  <c r="D1650" i="1"/>
  <c r="D1651" i="1"/>
  <c r="D1652" i="1"/>
  <c r="D1653" i="1"/>
  <c r="D1654" i="1"/>
  <c r="D1655" i="1"/>
  <c r="D1656" i="1"/>
  <c r="D1657" i="1"/>
  <c r="D1658" i="1"/>
  <c r="D1659" i="1"/>
  <c r="D1660" i="1"/>
  <c r="D1661" i="1"/>
  <c r="D1662" i="1"/>
  <c r="D1663" i="1"/>
  <c r="D1664" i="1"/>
  <c r="D1665" i="1"/>
  <c r="D1666" i="1"/>
  <c r="D1667" i="1"/>
  <c r="D1668" i="1"/>
  <c r="D1669" i="1"/>
  <c r="D1670" i="1"/>
  <c r="D1671" i="1"/>
  <c r="D1672" i="1"/>
  <c r="D1673" i="1"/>
  <c r="D1674" i="1"/>
  <c r="D1675" i="1"/>
  <c r="D1676" i="1"/>
  <c r="D1677" i="1"/>
  <c r="D1678" i="1"/>
  <c r="D1679" i="1"/>
  <c r="D1680" i="1"/>
  <c r="D1681" i="1"/>
  <c r="D1682" i="1"/>
  <c r="D1683" i="1"/>
  <c r="D1684" i="1"/>
  <c r="D1685" i="1"/>
  <c r="D1686" i="1"/>
  <c r="D1687" i="1"/>
  <c r="D1688" i="1"/>
  <c r="D1689" i="1"/>
  <c r="D1690" i="1"/>
  <c r="D1691" i="1"/>
  <c r="D1692" i="1"/>
  <c r="D1693" i="1"/>
  <c r="D1694" i="1"/>
  <c r="D1695" i="1"/>
  <c r="D1696" i="1"/>
  <c r="D1697" i="1"/>
  <c r="D1698" i="1"/>
  <c r="D1699" i="1"/>
  <c r="D1700" i="1"/>
  <c r="D1701" i="1"/>
  <c r="D1702" i="1"/>
  <c r="D1703" i="1"/>
  <c r="D1704" i="1"/>
  <c r="D1705" i="1"/>
  <c r="D1706" i="1"/>
  <c r="D1707" i="1"/>
  <c r="D1708" i="1"/>
  <c r="D1709" i="1"/>
  <c r="D1710" i="1"/>
  <c r="D1711" i="1"/>
  <c r="D1712" i="1"/>
  <c r="D1713" i="1"/>
  <c r="D1714" i="1"/>
  <c r="D1715" i="1"/>
  <c r="D1716" i="1"/>
  <c r="D1717" i="1"/>
  <c r="D1718" i="1"/>
  <c r="D1719" i="1"/>
  <c r="D1720" i="1"/>
  <c r="D1721" i="1"/>
  <c r="D1722" i="1"/>
  <c r="D1723" i="1"/>
  <c r="D1724" i="1"/>
  <c r="D1725" i="1"/>
  <c r="D1726" i="1"/>
  <c r="D1727" i="1"/>
  <c r="D1728" i="1"/>
  <c r="D1729" i="1"/>
  <c r="D1730" i="1"/>
  <c r="D1731" i="1"/>
  <c r="D1732" i="1"/>
  <c r="D1733" i="1"/>
  <c r="D1734" i="1"/>
  <c r="D1735" i="1"/>
  <c r="D1736" i="1"/>
  <c r="D1737" i="1"/>
  <c r="D1738" i="1"/>
  <c r="D1739" i="1"/>
  <c r="D1740" i="1"/>
  <c r="D1741" i="1"/>
  <c r="D1742" i="1"/>
  <c r="D1743" i="1"/>
  <c r="D1744" i="1"/>
  <c r="D1745" i="1"/>
  <c r="D1746" i="1"/>
  <c r="D1747" i="1"/>
  <c r="D1748" i="1"/>
  <c r="D1749" i="1"/>
  <c r="D1750" i="1"/>
  <c r="D1751" i="1"/>
  <c r="D1752" i="1"/>
  <c r="D1753" i="1"/>
  <c r="D1754" i="1"/>
  <c r="D1755" i="1"/>
  <c r="D1756" i="1"/>
  <c r="D1757" i="1"/>
  <c r="D1758" i="1"/>
  <c r="D1759" i="1"/>
  <c r="D1760" i="1"/>
  <c r="D1761" i="1"/>
  <c r="D1762" i="1"/>
  <c r="D1763" i="1"/>
  <c r="D1764" i="1"/>
  <c r="D1765" i="1"/>
  <c r="D1766" i="1"/>
  <c r="D1767" i="1"/>
  <c r="D1768" i="1"/>
  <c r="D1769" i="1"/>
  <c r="D1770" i="1"/>
  <c r="D1771" i="1"/>
  <c r="D1772" i="1"/>
  <c r="D1773" i="1"/>
  <c r="D1774" i="1"/>
  <c r="D1775" i="1"/>
  <c r="D1776" i="1"/>
  <c r="D1777" i="1"/>
  <c r="D1778" i="1"/>
  <c r="D1779" i="1"/>
  <c r="D1780" i="1"/>
  <c r="D1781" i="1"/>
  <c r="D1782" i="1"/>
  <c r="D1783" i="1"/>
  <c r="D1784" i="1"/>
  <c r="D1785" i="1"/>
  <c r="D1786" i="1"/>
  <c r="D1787" i="1"/>
  <c r="D1788" i="1"/>
  <c r="D1789" i="1"/>
  <c r="D1790" i="1"/>
  <c r="D1791" i="1"/>
  <c r="D1792" i="1"/>
  <c r="D1793" i="1"/>
  <c r="D1794" i="1"/>
  <c r="D1795" i="1"/>
  <c r="D1796" i="1"/>
  <c r="D1797" i="1"/>
  <c r="D1798" i="1"/>
  <c r="D1799" i="1"/>
  <c r="D1800" i="1"/>
  <c r="D1801" i="1"/>
  <c r="D1802" i="1"/>
  <c r="D1803" i="1"/>
  <c r="D1804" i="1"/>
  <c r="D1805" i="1"/>
  <c r="D1806" i="1"/>
  <c r="D1807" i="1"/>
  <c r="D1808" i="1"/>
  <c r="D1809" i="1"/>
  <c r="D1810" i="1"/>
  <c r="D1811" i="1"/>
  <c r="D1812" i="1"/>
  <c r="D1813" i="1"/>
  <c r="D1814" i="1"/>
  <c r="D1815" i="1"/>
  <c r="D1816" i="1"/>
  <c r="D1817" i="1"/>
  <c r="D1818" i="1"/>
  <c r="D1819" i="1"/>
  <c r="D1820" i="1"/>
  <c r="D1821" i="1"/>
  <c r="D1822" i="1"/>
  <c r="D1823" i="1"/>
  <c r="D1824" i="1"/>
  <c r="D1825" i="1"/>
  <c r="D1826" i="1"/>
  <c r="D1827" i="1"/>
  <c r="D1828" i="1"/>
  <c r="D1829" i="1"/>
  <c r="D1830" i="1"/>
  <c r="D1831" i="1"/>
  <c r="D1832" i="1"/>
  <c r="D1833" i="1"/>
  <c r="D1834" i="1"/>
  <c r="D1835" i="1"/>
  <c r="D1836" i="1"/>
  <c r="D1837" i="1"/>
  <c r="D1838" i="1"/>
  <c r="D1839" i="1"/>
  <c r="D1840" i="1"/>
  <c r="D1841" i="1"/>
  <c r="D1842" i="1"/>
  <c r="D1843" i="1"/>
  <c r="D1844" i="1"/>
  <c r="D1845" i="1"/>
  <c r="D1846" i="1"/>
  <c r="D1847" i="1"/>
  <c r="D1848" i="1"/>
  <c r="D1849" i="1"/>
  <c r="D1850" i="1"/>
  <c r="D1851" i="1"/>
  <c r="D1852" i="1"/>
  <c r="D1853" i="1"/>
  <c r="D1854" i="1"/>
  <c r="D1855" i="1"/>
  <c r="D1856" i="1"/>
  <c r="D1857" i="1"/>
  <c r="D1858" i="1"/>
  <c r="D1859" i="1"/>
  <c r="D1860" i="1"/>
  <c r="D1861" i="1"/>
  <c r="D1862" i="1"/>
  <c r="D1863" i="1"/>
  <c r="D1864" i="1"/>
  <c r="D1865" i="1"/>
  <c r="D1866" i="1"/>
  <c r="D1867" i="1"/>
  <c r="D1868" i="1"/>
  <c r="D1869" i="1"/>
  <c r="D1870" i="1"/>
  <c r="D1871" i="1"/>
  <c r="D1872" i="1"/>
  <c r="D1873" i="1"/>
  <c r="D1874" i="1"/>
  <c r="D1875" i="1"/>
  <c r="D1876" i="1"/>
  <c r="D1877" i="1"/>
  <c r="D1878" i="1"/>
  <c r="D1879" i="1"/>
  <c r="D1880" i="1"/>
  <c r="D1881" i="1"/>
  <c r="D1882" i="1"/>
  <c r="D1883" i="1"/>
  <c r="D1884" i="1"/>
  <c r="D1885" i="1"/>
  <c r="D1886" i="1"/>
  <c r="D1887" i="1"/>
  <c r="D1888" i="1"/>
  <c r="D1889" i="1"/>
  <c r="D1890" i="1"/>
  <c r="D1891" i="1"/>
  <c r="D1892" i="1"/>
  <c r="D1893" i="1"/>
  <c r="D1894" i="1"/>
  <c r="D1895" i="1"/>
  <c r="D1896" i="1"/>
  <c r="D1897" i="1"/>
  <c r="D1898" i="1"/>
  <c r="D1899" i="1"/>
  <c r="D1900" i="1"/>
  <c r="D1901" i="1"/>
  <c r="D1902" i="1"/>
  <c r="D1903" i="1"/>
  <c r="D1904" i="1"/>
  <c r="D1905" i="1"/>
  <c r="D1906" i="1"/>
  <c r="D1907" i="1"/>
  <c r="D1908" i="1"/>
  <c r="D1909" i="1"/>
  <c r="D1910" i="1"/>
  <c r="D1911" i="1"/>
  <c r="D1912" i="1"/>
  <c r="D1913" i="1"/>
  <c r="D1914" i="1"/>
  <c r="D1915" i="1"/>
  <c r="D1916" i="1"/>
  <c r="D1917" i="1"/>
  <c r="D1918" i="1"/>
  <c r="D1919" i="1"/>
  <c r="D1920" i="1"/>
  <c r="D1921" i="1"/>
  <c r="D1922" i="1"/>
  <c r="D1923" i="1"/>
  <c r="D1924" i="1"/>
  <c r="D1925" i="1"/>
  <c r="D1926" i="1"/>
  <c r="D1927" i="1"/>
  <c r="D1928" i="1"/>
  <c r="D1929" i="1"/>
  <c r="D1930" i="1"/>
  <c r="D1931" i="1"/>
  <c r="D1932" i="1"/>
  <c r="D1933" i="1"/>
  <c r="D1934" i="1"/>
  <c r="D1935" i="1"/>
  <c r="D1936" i="1"/>
  <c r="D1937" i="1"/>
  <c r="D1938" i="1"/>
  <c r="D1939" i="1"/>
  <c r="D1940" i="1"/>
  <c r="D1941" i="1"/>
  <c r="D1942" i="1"/>
  <c r="D1943" i="1"/>
  <c r="D1944" i="1"/>
  <c r="D1945" i="1"/>
  <c r="D1946" i="1"/>
  <c r="D1947" i="1"/>
  <c r="D1948" i="1"/>
  <c r="D1949" i="1"/>
  <c r="D1950" i="1"/>
  <c r="D1951" i="1"/>
  <c r="D1952" i="1"/>
  <c r="D1953" i="1"/>
  <c r="D1954" i="1"/>
  <c r="D1955" i="1"/>
  <c r="D1956" i="1"/>
  <c r="D1957" i="1"/>
  <c r="D1958" i="1"/>
  <c r="D1959" i="1"/>
  <c r="D1960" i="1"/>
  <c r="D1961" i="1"/>
  <c r="D1962" i="1"/>
  <c r="D1963" i="1"/>
  <c r="D1964" i="1"/>
  <c r="D1965" i="1"/>
  <c r="D1966" i="1"/>
  <c r="D1967" i="1"/>
  <c r="D1968" i="1"/>
  <c r="D1969" i="1"/>
  <c r="D1970" i="1"/>
  <c r="D1971" i="1"/>
  <c r="D1972" i="1"/>
  <c r="D1973" i="1"/>
  <c r="D1974" i="1"/>
  <c r="D1975" i="1"/>
  <c r="D1976" i="1"/>
  <c r="D1977" i="1"/>
  <c r="D1978" i="1"/>
  <c r="D1979" i="1"/>
  <c r="D1980" i="1"/>
  <c r="D1981" i="1"/>
  <c r="D1982" i="1"/>
  <c r="D1983" i="1"/>
  <c r="D1984" i="1"/>
  <c r="D1985" i="1"/>
  <c r="D1986" i="1"/>
  <c r="D1987" i="1"/>
  <c r="D1988" i="1"/>
  <c r="D1989" i="1"/>
  <c r="D1990" i="1"/>
  <c r="D1991" i="1"/>
  <c r="D1992" i="1"/>
  <c r="D1993" i="1"/>
  <c r="D1994" i="1"/>
  <c r="D1995" i="1"/>
  <c r="D1996" i="1"/>
  <c r="D1997" i="1"/>
  <c r="D1998" i="1"/>
  <c r="D1999" i="1"/>
  <c r="D2000" i="1"/>
  <c r="D2001" i="1"/>
  <c r="D2002" i="1"/>
  <c r="D2003" i="1"/>
  <c r="D2004" i="1"/>
  <c r="D2005" i="1"/>
  <c r="D2006" i="1"/>
  <c r="D2007" i="1"/>
  <c r="D2008" i="1"/>
  <c r="D2009" i="1"/>
  <c r="D2010" i="1"/>
  <c r="D2011" i="1"/>
  <c r="D2012" i="1"/>
  <c r="D2013" i="1"/>
  <c r="D2014" i="1"/>
  <c r="D2015" i="1"/>
  <c r="D2016" i="1"/>
  <c r="D2017" i="1"/>
  <c r="D2018" i="1"/>
  <c r="D2019" i="1"/>
  <c r="D2020" i="1"/>
  <c r="D2021" i="1"/>
  <c r="D2022" i="1"/>
  <c r="D2023" i="1"/>
  <c r="D2024" i="1"/>
  <c r="D2025" i="1"/>
  <c r="D2026" i="1"/>
  <c r="D2027" i="1"/>
  <c r="D2028" i="1"/>
  <c r="D2029" i="1"/>
  <c r="D2030" i="1"/>
  <c r="D2031" i="1"/>
  <c r="D2032" i="1"/>
  <c r="D2033" i="1"/>
  <c r="D2034" i="1"/>
  <c r="D2035" i="1"/>
  <c r="D2036" i="1"/>
  <c r="D2037" i="1"/>
  <c r="D2038" i="1"/>
  <c r="D2039" i="1"/>
  <c r="D2040" i="1"/>
  <c r="D2041" i="1"/>
  <c r="D2042" i="1"/>
  <c r="D2043" i="1"/>
  <c r="D2044" i="1"/>
  <c r="D2045" i="1"/>
  <c r="D2046" i="1"/>
  <c r="D2047" i="1"/>
  <c r="D2048" i="1"/>
  <c r="D2049" i="1"/>
  <c r="D2050" i="1"/>
  <c r="D2051" i="1"/>
  <c r="D2052" i="1"/>
  <c r="D2053" i="1"/>
  <c r="D2054" i="1"/>
  <c r="D2055" i="1"/>
  <c r="D2056" i="1"/>
  <c r="D2057" i="1"/>
  <c r="D2058" i="1"/>
  <c r="D2059" i="1"/>
  <c r="D2060" i="1"/>
  <c r="D2061" i="1"/>
  <c r="D2062" i="1"/>
  <c r="D2063" i="1"/>
  <c r="D2064" i="1"/>
  <c r="D2065" i="1"/>
  <c r="D2066" i="1"/>
  <c r="D2067" i="1"/>
  <c r="D2068" i="1"/>
  <c r="D2069" i="1"/>
  <c r="D2070" i="1"/>
  <c r="D2071" i="1"/>
  <c r="D2072" i="1"/>
  <c r="D2073" i="1"/>
  <c r="D2074" i="1"/>
  <c r="D2075" i="1"/>
  <c r="D2076" i="1"/>
  <c r="D2077" i="1"/>
  <c r="D2078" i="1"/>
  <c r="D2079" i="1"/>
  <c r="D2080" i="1"/>
  <c r="D2081" i="1"/>
  <c r="D2082" i="1"/>
  <c r="D2083" i="1"/>
  <c r="D2084" i="1"/>
  <c r="D2085" i="1"/>
  <c r="D2086" i="1"/>
  <c r="D2087" i="1"/>
  <c r="D2088" i="1"/>
  <c r="D2089" i="1"/>
  <c r="D2090" i="1"/>
  <c r="D2091" i="1"/>
  <c r="D2092" i="1"/>
  <c r="D2093" i="1"/>
  <c r="D2094" i="1"/>
  <c r="D2095" i="1"/>
  <c r="D2096" i="1"/>
  <c r="D2097" i="1"/>
  <c r="D2098" i="1"/>
  <c r="D2099" i="1"/>
  <c r="D2100" i="1"/>
  <c r="D2101" i="1"/>
  <c r="D2102" i="1"/>
  <c r="D2103" i="1"/>
  <c r="D2104" i="1"/>
  <c r="D2105" i="1"/>
  <c r="D2106" i="1"/>
  <c r="D2107" i="1"/>
  <c r="D2108" i="1"/>
  <c r="D2109" i="1"/>
  <c r="D2110" i="1"/>
  <c r="D2111" i="1"/>
  <c r="D2112" i="1"/>
  <c r="D2113" i="1"/>
  <c r="D2114" i="1"/>
  <c r="D2115" i="1"/>
  <c r="D2116" i="1"/>
  <c r="D2117" i="1"/>
  <c r="D2118" i="1"/>
  <c r="D2119" i="1"/>
  <c r="D2120" i="1"/>
  <c r="D2121" i="1"/>
  <c r="D2122" i="1"/>
  <c r="D2123" i="1"/>
  <c r="D2124" i="1"/>
  <c r="D2125" i="1"/>
  <c r="D2126" i="1"/>
  <c r="D2127" i="1"/>
  <c r="D2128" i="1"/>
  <c r="D2129" i="1"/>
  <c r="D2130" i="1"/>
  <c r="D2131" i="1"/>
  <c r="D2132" i="1"/>
  <c r="D2133" i="1"/>
  <c r="D2134" i="1"/>
  <c r="D2135" i="1"/>
  <c r="D2136" i="1"/>
  <c r="D2137" i="1"/>
  <c r="D2138" i="1"/>
  <c r="D2139" i="1"/>
  <c r="D2140" i="1"/>
  <c r="D2141" i="1"/>
  <c r="D2142" i="1"/>
  <c r="D2143" i="1"/>
  <c r="D2144" i="1"/>
  <c r="D2145" i="1"/>
  <c r="D2146" i="1"/>
  <c r="D2147" i="1"/>
  <c r="D2148" i="1"/>
  <c r="D2149" i="1"/>
  <c r="D2150" i="1"/>
  <c r="D2151" i="1"/>
  <c r="D2152" i="1"/>
  <c r="D2153" i="1"/>
  <c r="D2154" i="1"/>
  <c r="D2155" i="1"/>
  <c r="D2156" i="1"/>
  <c r="D2157" i="1"/>
  <c r="D2158" i="1"/>
  <c r="D2159" i="1"/>
  <c r="D2160" i="1"/>
  <c r="D2161" i="1"/>
  <c r="D2162" i="1"/>
  <c r="D2163" i="1"/>
  <c r="D2164" i="1"/>
  <c r="D2165" i="1"/>
  <c r="D2166" i="1"/>
  <c r="D2167" i="1"/>
  <c r="D2168" i="1"/>
  <c r="D2169" i="1"/>
  <c r="D2170" i="1"/>
  <c r="D2171" i="1"/>
  <c r="D2172" i="1"/>
  <c r="D2173" i="1"/>
  <c r="D2174" i="1"/>
  <c r="D2175" i="1"/>
  <c r="D2176" i="1"/>
  <c r="D2177" i="1"/>
  <c r="D2178" i="1"/>
  <c r="D2179" i="1"/>
  <c r="D2180" i="1"/>
  <c r="D2181" i="1"/>
  <c r="D2182" i="1"/>
  <c r="D2183" i="1"/>
  <c r="D2184" i="1"/>
  <c r="D2185" i="1"/>
  <c r="D2186" i="1"/>
  <c r="D2187" i="1"/>
  <c r="D2188" i="1"/>
  <c r="D2189" i="1"/>
  <c r="D2190" i="1"/>
  <c r="D2191" i="1"/>
  <c r="D2192" i="1"/>
  <c r="D2193" i="1"/>
  <c r="D2194" i="1"/>
  <c r="D2195" i="1"/>
  <c r="D2196" i="1"/>
  <c r="D2197" i="1"/>
  <c r="D2198" i="1"/>
  <c r="D2199" i="1"/>
  <c r="D2200" i="1"/>
  <c r="D2201" i="1"/>
  <c r="D2202" i="1"/>
  <c r="D2203" i="1"/>
  <c r="D2204" i="1"/>
  <c r="D2205" i="1"/>
  <c r="D2206" i="1"/>
  <c r="D2207" i="1"/>
  <c r="D2208" i="1"/>
  <c r="D2209" i="1"/>
  <c r="D2210" i="1"/>
  <c r="D2211" i="1"/>
  <c r="D2212" i="1"/>
  <c r="D2213" i="1"/>
  <c r="D2214" i="1"/>
  <c r="D2215" i="1"/>
  <c r="D2216" i="1"/>
  <c r="D2217" i="1"/>
  <c r="D2218" i="1"/>
  <c r="D2219" i="1"/>
  <c r="D2220" i="1"/>
  <c r="D2221" i="1"/>
  <c r="D2222" i="1"/>
  <c r="D2223" i="1"/>
  <c r="D2224" i="1"/>
  <c r="D2225" i="1"/>
  <c r="D2226" i="1"/>
  <c r="D2227" i="1"/>
  <c r="D2228" i="1"/>
  <c r="D2229" i="1"/>
  <c r="D2230" i="1"/>
  <c r="D2231" i="1"/>
  <c r="D2232" i="1"/>
  <c r="D2233" i="1"/>
  <c r="D2234" i="1"/>
  <c r="D2235" i="1"/>
  <c r="D2236" i="1"/>
  <c r="D2237" i="1"/>
  <c r="D2238" i="1"/>
  <c r="D2239" i="1"/>
  <c r="D2240" i="1"/>
  <c r="D2241" i="1"/>
  <c r="D2242" i="1"/>
  <c r="D2243" i="1"/>
  <c r="D2244" i="1"/>
  <c r="D2245" i="1"/>
  <c r="D2246" i="1"/>
  <c r="D2247" i="1"/>
  <c r="D2248" i="1"/>
  <c r="D2249" i="1"/>
  <c r="D2250" i="1"/>
  <c r="D2251" i="1"/>
  <c r="D2252" i="1"/>
  <c r="D2253" i="1"/>
  <c r="D2254" i="1"/>
  <c r="D2255" i="1"/>
  <c r="D2256" i="1"/>
  <c r="D2257" i="1"/>
  <c r="D2258" i="1"/>
  <c r="D2259" i="1"/>
  <c r="D2260" i="1"/>
  <c r="D2261" i="1"/>
  <c r="D2262" i="1"/>
  <c r="D2263" i="1"/>
  <c r="D2264" i="1"/>
  <c r="D2265" i="1"/>
  <c r="D2266" i="1"/>
  <c r="D2267" i="1"/>
  <c r="D2268" i="1"/>
  <c r="D2269" i="1"/>
  <c r="D2270" i="1"/>
  <c r="D2271" i="1"/>
  <c r="D2272" i="1"/>
  <c r="D2273" i="1"/>
  <c r="D2274" i="1"/>
  <c r="D2275" i="1"/>
  <c r="D2276" i="1"/>
  <c r="D2277" i="1"/>
  <c r="D2278" i="1"/>
  <c r="D2279" i="1"/>
  <c r="D2280" i="1"/>
  <c r="D2281" i="1"/>
  <c r="D2282" i="1"/>
  <c r="D2283" i="1"/>
  <c r="D2284" i="1"/>
  <c r="D2285" i="1"/>
  <c r="D2286" i="1"/>
  <c r="D2287" i="1"/>
  <c r="D2288" i="1"/>
  <c r="D2289" i="1"/>
  <c r="D2290" i="1"/>
  <c r="D2291" i="1"/>
  <c r="D2292" i="1"/>
  <c r="D2293" i="1"/>
  <c r="D2294" i="1"/>
  <c r="D2295" i="1"/>
  <c r="D2296" i="1"/>
  <c r="D2297" i="1"/>
  <c r="D2298" i="1"/>
  <c r="D2299" i="1"/>
  <c r="D2300" i="1"/>
  <c r="D2301" i="1"/>
  <c r="D2302" i="1"/>
  <c r="D2303" i="1"/>
  <c r="D2304" i="1"/>
  <c r="D2305" i="1"/>
  <c r="D2306" i="1"/>
  <c r="D2307" i="1"/>
  <c r="D2308" i="1"/>
  <c r="D2309" i="1"/>
  <c r="D2310" i="1"/>
  <c r="D2311" i="1"/>
  <c r="D2312" i="1"/>
  <c r="D2313" i="1"/>
  <c r="D2314" i="1"/>
  <c r="D2315" i="1"/>
  <c r="D2316" i="1"/>
  <c r="D2317" i="1"/>
  <c r="D2318" i="1"/>
  <c r="D2319" i="1"/>
  <c r="D2320" i="1"/>
  <c r="D2321" i="1"/>
  <c r="D2322" i="1"/>
  <c r="D2323" i="1"/>
  <c r="D2324" i="1"/>
  <c r="D2325" i="1"/>
  <c r="D2326" i="1"/>
  <c r="D2327" i="1"/>
  <c r="D2328" i="1"/>
  <c r="D2329" i="1"/>
  <c r="D2330" i="1"/>
  <c r="D2331" i="1"/>
  <c r="D2332" i="1"/>
  <c r="D2333" i="1"/>
  <c r="D2334" i="1"/>
  <c r="D2335" i="1"/>
  <c r="D2336" i="1"/>
  <c r="D2337" i="1"/>
  <c r="D2338" i="1"/>
  <c r="D2339" i="1"/>
  <c r="D2340" i="1"/>
  <c r="D2341" i="1"/>
  <c r="D2342" i="1"/>
  <c r="D2343" i="1"/>
  <c r="D2344" i="1"/>
  <c r="D2345" i="1"/>
  <c r="D2346" i="1"/>
  <c r="D2347" i="1"/>
  <c r="D2348" i="1"/>
  <c r="D2349" i="1"/>
  <c r="D2350" i="1"/>
  <c r="D2351" i="1"/>
  <c r="D2352" i="1"/>
  <c r="D2353" i="1"/>
  <c r="D2354" i="1"/>
  <c r="D2355" i="1"/>
  <c r="D2356" i="1"/>
  <c r="D2357" i="1"/>
  <c r="D2358" i="1"/>
  <c r="D2359" i="1"/>
  <c r="D2360" i="1"/>
  <c r="D2361" i="1"/>
  <c r="D2362" i="1"/>
  <c r="D2363" i="1"/>
  <c r="D2364" i="1"/>
  <c r="D2365" i="1"/>
  <c r="D2366" i="1"/>
  <c r="D2367" i="1"/>
  <c r="D2368" i="1"/>
  <c r="D2369" i="1"/>
  <c r="D2370" i="1"/>
  <c r="D2371" i="1"/>
  <c r="D2372" i="1"/>
  <c r="D2373" i="1"/>
  <c r="D2374" i="1"/>
  <c r="D2375" i="1"/>
  <c r="D2376" i="1"/>
  <c r="D2377" i="1"/>
  <c r="D2378" i="1"/>
  <c r="D2379" i="1"/>
  <c r="D2380" i="1"/>
  <c r="D2381" i="1"/>
  <c r="D2382" i="1"/>
  <c r="D2383" i="1"/>
  <c r="D2384" i="1"/>
  <c r="D2385" i="1"/>
  <c r="D2386" i="1"/>
  <c r="D2387" i="1"/>
  <c r="D2388" i="1"/>
  <c r="D2389" i="1"/>
  <c r="D2390" i="1"/>
  <c r="D2391" i="1"/>
  <c r="D2392" i="1"/>
  <c r="D2393" i="1"/>
  <c r="D2394" i="1"/>
  <c r="D2395" i="1"/>
  <c r="D2396" i="1"/>
  <c r="D2397" i="1"/>
  <c r="D2398" i="1"/>
  <c r="D2399" i="1"/>
  <c r="D2400" i="1"/>
  <c r="D2401" i="1"/>
  <c r="D2402" i="1"/>
  <c r="D2403" i="1"/>
  <c r="D2404" i="1"/>
  <c r="D2405" i="1"/>
  <c r="D2406" i="1"/>
  <c r="D2407" i="1"/>
  <c r="D2408" i="1"/>
  <c r="D2409" i="1"/>
  <c r="D2410" i="1"/>
  <c r="D2411" i="1"/>
  <c r="D2412" i="1"/>
  <c r="D2413" i="1"/>
  <c r="D2414" i="1"/>
  <c r="D2415" i="1"/>
  <c r="D2416" i="1"/>
  <c r="D2417" i="1"/>
  <c r="D2418" i="1"/>
  <c r="D2419" i="1"/>
  <c r="D2420" i="1"/>
  <c r="D2421" i="1"/>
  <c r="D2422" i="1"/>
  <c r="D2423" i="1"/>
  <c r="D2424" i="1"/>
  <c r="D2425" i="1"/>
  <c r="D2426" i="1"/>
  <c r="D2427" i="1"/>
  <c r="D2428" i="1"/>
  <c r="D2429" i="1"/>
  <c r="D2430" i="1"/>
  <c r="D2431" i="1"/>
  <c r="D2432" i="1"/>
  <c r="D2433" i="1"/>
  <c r="D2434" i="1"/>
  <c r="D2435" i="1"/>
  <c r="D2436" i="1"/>
  <c r="D2437" i="1"/>
  <c r="D2438" i="1"/>
  <c r="D2439" i="1"/>
  <c r="D2440" i="1"/>
  <c r="D2441" i="1"/>
  <c r="D2442" i="1"/>
  <c r="D2443" i="1"/>
  <c r="D2444" i="1"/>
  <c r="D2445" i="1"/>
  <c r="D2446" i="1"/>
  <c r="D2447" i="1"/>
  <c r="D2448" i="1"/>
  <c r="D2449" i="1"/>
  <c r="D2450" i="1"/>
  <c r="D2451" i="1"/>
  <c r="D2452" i="1"/>
  <c r="D2453" i="1"/>
  <c r="D2454" i="1"/>
  <c r="D2455" i="1"/>
  <c r="D2456" i="1"/>
  <c r="D2457" i="1"/>
  <c r="D2458" i="1"/>
  <c r="D2459" i="1"/>
  <c r="D2460" i="1"/>
  <c r="D2461" i="1"/>
  <c r="D2462" i="1"/>
  <c r="D2463" i="1"/>
  <c r="D2464" i="1"/>
  <c r="D2465" i="1"/>
  <c r="D2466" i="1"/>
  <c r="D2467" i="1"/>
  <c r="D2468" i="1"/>
  <c r="D2469" i="1"/>
  <c r="D2470" i="1"/>
  <c r="D2471" i="1"/>
  <c r="D2472" i="1"/>
  <c r="D2473" i="1"/>
  <c r="D2474" i="1"/>
  <c r="D2475" i="1"/>
  <c r="D2476" i="1"/>
  <c r="D2477" i="1"/>
  <c r="D2478" i="1"/>
  <c r="D2479" i="1"/>
  <c r="D2480" i="1"/>
  <c r="D2481" i="1"/>
  <c r="D2482" i="1"/>
  <c r="D2483" i="1"/>
  <c r="D2484" i="1"/>
  <c r="D2485" i="1"/>
  <c r="D2486" i="1"/>
  <c r="D2487" i="1"/>
  <c r="D2488" i="1"/>
  <c r="D2489" i="1"/>
  <c r="D2490" i="1"/>
  <c r="D2491" i="1"/>
  <c r="D2492" i="1"/>
  <c r="D2493" i="1"/>
  <c r="D2494" i="1"/>
  <c r="D2495" i="1"/>
  <c r="D2496" i="1"/>
  <c r="D2497" i="1"/>
  <c r="D2498" i="1"/>
  <c r="D2499" i="1"/>
  <c r="D2500" i="1"/>
  <c r="D2501" i="1"/>
  <c r="D2502" i="1"/>
  <c r="D2503" i="1"/>
  <c r="D2504" i="1"/>
  <c r="D2505" i="1"/>
  <c r="D2506" i="1"/>
  <c r="D2507" i="1"/>
  <c r="D2508" i="1"/>
  <c r="D2509" i="1"/>
  <c r="D2510" i="1"/>
  <c r="D2511" i="1"/>
  <c r="D2512" i="1"/>
  <c r="D2513" i="1"/>
  <c r="D2514" i="1"/>
  <c r="D2515" i="1"/>
  <c r="D2516" i="1"/>
  <c r="D2517" i="1"/>
  <c r="D2518" i="1"/>
  <c r="D2519" i="1"/>
  <c r="D2520" i="1"/>
  <c r="D2521" i="1"/>
  <c r="D2522" i="1"/>
  <c r="D2523" i="1"/>
  <c r="D2524" i="1"/>
  <c r="D2525" i="1"/>
  <c r="D2526" i="1"/>
  <c r="D2527" i="1"/>
  <c r="D2528" i="1"/>
  <c r="D2529" i="1"/>
  <c r="D2530" i="1"/>
  <c r="D2531" i="1"/>
  <c r="D2532" i="1"/>
  <c r="D2533" i="1"/>
  <c r="D2534" i="1"/>
  <c r="D2535" i="1"/>
  <c r="D2536" i="1"/>
  <c r="D2537" i="1"/>
  <c r="D2538" i="1"/>
  <c r="D2539" i="1"/>
  <c r="D2540" i="1"/>
  <c r="D2541" i="1"/>
  <c r="D2542" i="1"/>
  <c r="D2543" i="1"/>
  <c r="D2544" i="1"/>
  <c r="D2545" i="1"/>
  <c r="D2546" i="1"/>
  <c r="D2547" i="1"/>
  <c r="D2548" i="1"/>
  <c r="D2549" i="1"/>
  <c r="D2550" i="1"/>
  <c r="D2551" i="1"/>
  <c r="D2552" i="1"/>
  <c r="D2553" i="1"/>
  <c r="D2554" i="1"/>
  <c r="D2555" i="1"/>
  <c r="D2556" i="1"/>
  <c r="D2557" i="1"/>
  <c r="D2558" i="1"/>
  <c r="D2559" i="1"/>
  <c r="D2560" i="1"/>
  <c r="D2561" i="1"/>
  <c r="D2562" i="1"/>
  <c r="D2563" i="1"/>
  <c r="D2564" i="1"/>
  <c r="D2565" i="1"/>
  <c r="D2566" i="1"/>
  <c r="D2567" i="1"/>
  <c r="D2568" i="1"/>
  <c r="D2569" i="1"/>
  <c r="D2570" i="1"/>
  <c r="D2571" i="1"/>
  <c r="D2572" i="1"/>
  <c r="D2573" i="1"/>
  <c r="D2574" i="1"/>
  <c r="D2575" i="1"/>
  <c r="D2576" i="1"/>
  <c r="D2577" i="1"/>
  <c r="D2578" i="1"/>
  <c r="D2579" i="1"/>
  <c r="D2580" i="1"/>
  <c r="D2581" i="1"/>
  <c r="D2582" i="1"/>
  <c r="D2583" i="1"/>
  <c r="D2584" i="1"/>
  <c r="D2585" i="1"/>
  <c r="D2586" i="1"/>
  <c r="D2587" i="1"/>
  <c r="D2588" i="1"/>
  <c r="D2589" i="1"/>
  <c r="D2590" i="1"/>
  <c r="D2591" i="1"/>
  <c r="D2592" i="1"/>
  <c r="D2593" i="1"/>
  <c r="D2594" i="1"/>
  <c r="D2595" i="1"/>
  <c r="D2596" i="1"/>
  <c r="D2597" i="1"/>
  <c r="D2598" i="1"/>
  <c r="D2599" i="1"/>
  <c r="D2600" i="1"/>
  <c r="D2601" i="1"/>
  <c r="D2602" i="1"/>
  <c r="D2603" i="1"/>
  <c r="D2604" i="1"/>
  <c r="D2605" i="1"/>
  <c r="D2606" i="1"/>
  <c r="D2607" i="1"/>
  <c r="D2608" i="1"/>
  <c r="D2609" i="1"/>
  <c r="D2610" i="1"/>
  <c r="D2611" i="1"/>
  <c r="D2612" i="1"/>
  <c r="D2613" i="1"/>
  <c r="D2614" i="1"/>
  <c r="D2615" i="1"/>
  <c r="D2616" i="1"/>
  <c r="D2617" i="1"/>
  <c r="D2618" i="1"/>
  <c r="D2619" i="1"/>
  <c r="D2620" i="1"/>
  <c r="D2621" i="1"/>
  <c r="D2622" i="1"/>
  <c r="D2623" i="1"/>
  <c r="D2624" i="1"/>
  <c r="D2625" i="1"/>
  <c r="D2626" i="1"/>
  <c r="D2627" i="1"/>
  <c r="D2628" i="1"/>
  <c r="D2629" i="1"/>
  <c r="D2630" i="1"/>
  <c r="D2631" i="1"/>
  <c r="D2632" i="1"/>
  <c r="D2633" i="1"/>
  <c r="D2634" i="1"/>
  <c r="D2635" i="1"/>
  <c r="D2636" i="1"/>
  <c r="D2637" i="1"/>
  <c r="D2638" i="1"/>
  <c r="D2639" i="1"/>
  <c r="D2640" i="1"/>
  <c r="D2641" i="1"/>
  <c r="D2642" i="1"/>
  <c r="D2643" i="1"/>
  <c r="D2644" i="1"/>
  <c r="D2645" i="1"/>
  <c r="D2646" i="1"/>
  <c r="D2647" i="1"/>
  <c r="D2648" i="1"/>
  <c r="D2649" i="1"/>
  <c r="D2650" i="1"/>
  <c r="D2651" i="1"/>
  <c r="D2652" i="1"/>
  <c r="D2653" i="1"/>
  <c r="D2654" i="1"/>
  <c r="D2655" i="1"/>
  <c r="D2656" i="1"/>
  <c r="D2657" i="1"/>
  <c r="D2658" i="1"/>
  <c r="D2659" i="1"/>
  <c r="D2660" i="1"/>
  <c r="D2661" i="1"/>
  <c r="D2662" i="1"/>
  <c r="D2663" i="1"/>
  <c r="D2664" i="1"/>
  <c r="D2665" i="1"/>
  <c r="D2666" i="1"/>
  <c r="D2667" i="1"/>
  <c r="D2668" i="1"/>
  <c r="D2669" i="1"/>
  <c r="D2670" i="1"/>
  <c r="D2671" i="1"/>
  <c r="D2672" i="1"/>
  <c r="D2673" i="1"/>
  <c r="D2674" i="1"/>
  <c r="D2675" i="1"/>
  <c r="D2676" i="1"/>
  <c r="D2677" i="1"/>
  <c r="D2678" i="1"/>
  <c r="D2679" i="1"/>
  <c r="D2680" i="1"/>
  <c r="D2681" i="1"/>
  <c r="D2682" i="1"/>
  <c r="D2683" i="1"/>
  <c r="D2684" i="1"/>
  <c r="D2685" i="1"/>
  <c r="D2686" i="1"/>
  <c r="D2687" i="1"/>
  <c r="D2688" i="1"/>
  <c r="D2689" i="1"/>
  <c r="D2690" i="1"/>
  <c r="D2691" i="1"/>
  <c r="D2692" i="1"/>
  <c r="D2693" i="1"/>
  <c r="D2694" i="1"/>
  <c r="D2695" i="1"/>
  <c r="D2696" i="1"/>
  <c r="D2697" i="1"/>
  <c r="D2698" i="1"/>
  <c r="D2699" i="1"/>
  <c r="D2700" i="1"/>
  <c r="D2701" i="1"/>
  <c r="D2702" i="1"/>
  <c r="D2703" i="1"/>
  <c r="D2704" i="1"/>
  <c r="D2705" i="1"/>
  <c r="D2706" i="1"/>
  <c r="D2707" i="1"/>
  <c r="D2708" i="1"/>
  <c r="D2709" i="1"/>
  <c r="D2710" i="1"/>
  <c r="D2711" i="1"/>
  <c r="D2712" i="1"/>
  <c r="D2713" i="1"/>
  <c r="D2714" i="1"/>
  <c r="D2715" i="1"/>
  <c r="D2716" i="1"/>
  <c r="D2717" i="1"/>
  <c r="D2718" i="1"/>
  <c r="D2719" i="1"/>
  <c r="D2720" i="1"/>
  <c r="D2721" i="1"/>
  <c r="D2722" i="1"/>
  <c r="D2723" i="1"/>
  <c r="D2724" i="1"/>
  <c r="D2725" i="1"/>
  <c r="D2726" i="1"/>
  <c r="D2727" i="1"/>
  <c r="D2728" i="1"/>
  <c r="D2729" i="1"/>
  <c r="D2730" i="1"/>
  <c r="D2731" i="1"/>
  <c r="D2732" i="1"/>
  <c r="D2733" i="1"/>
  <c r="D2734" i="1"/>
  <c r="D2735" i="1"/>
  <c r="D2736" i="1"/>
  <c r="D2737" i="1"/>
  <c r="D2738" i="1"/>
  <c r="D2739" i="1"/>
  <c r="D2740" i="1"/>
  <c r="D2741" i="1"/>
  <c r="D2742" i="1"/>
  <c r="D2743" i="1"/>
  <c r="D2744" i="1"/>
  <c r="D2745" i="1"/>
  <c r="D2746" i="1"/>
  <c r="D2747" i="1"/>
  <c r="D2748" i="1"/>
  <c r="D2749" i="1"/>
  <c r="D2750" i="1"/>
  <c r="D2751" i="1"/>
  <c r="D2752" i="1"/>
  <c r="D2753" i="1"/>
  <c r="D2754" i="1"/>
  <c r="D2755" i="1"/>
  <c r="D2756" i="1"/>
  <c r="D2757" i="1"/>
  <c r="D2758" i="1"/>
  <c r="D2759" i="1"/>
  <c r="D2760" i="1"/>
  <c r="D2761" i="1"/>
  <c r="D2762" i="1"/>
  <c r="D2763" i="1"/>
  <c r="D2764" i="1"/>
  <c r="D2765" i="1"/>
  <c r="D2766" i="1"/>
  <c r="D2767" i="1"/>
  <c r="D2768" i="1"/>
  <c r="D2769" i="1"/>
  <c r="D2770" i="1"/>
  <c r="D2771" i="1"/>
  <c r="D2772" i="1"/>
  <c r="D2773" i="1"/>
  <c r="D2774" i="1"/>
  <c r="D2775" i="1"/>
  <c r="D2776" i="1"/>
  <c r="D2777" i="1"/>
  <c r="D2778" i="1"/>
  <c r="D2779" i="1"/>
  <c r="D2780" i="1"/>
  <c r="D2781" i="1"/>
  <c r="D2782" i="1"/>
  <c r="D2783" i="1"/>
  <c r="D2784" i="1"/>
  <c r="D2785" i="1"/>
  <c r="D2786" i="1"/>
  <c r="D2787" i="1"/>
  <c r="D2788" i="1"/>
  <c r="D2789" i="1"/>
  <c r="D2790" i="1"/>
  <c r="D2791" i="1"/>
  <c r="D2792" i="1"/>
  <c r="D2793" i="1"/>
  <c r="D2794" i="1"/>
  <c r="D2795" i="1"/>
  <c r="D2796" i="1"/>
  <c r="D2797" i="1"/>
  <c r="D2798" i="1"/>
  <c r="D2799" i="1"/>
  <c r="D2800" i="1"/>
  <c r="D2801" i="1"/>
  <c r="D2802" i="1"/>
  <c r="D2803" i="1"/>
  <c r="D2804" i="1"/>
  <c r="D2805" i="1"/>
  <c r="D2806" i="1"/>
  <c r="D2807" i="1"/>
  <c r="D2808" i="1"/>
  <c r="D2809" i="1"/>
  <c r="D2810" i="1"/>
  <c r="D2811" i="1"/>
  <c r="D2812" i="1"/>
  <c r="D2813" i="1"/>
  <c r="D2814" i="1"/>
  <c r="D2815" i="1"/>
  <c r="D2816" i="1"/>
  <c r="D2817" i="1"/>
  <c r="D2818" i="1"/>
  <c r="D2819" i="1"/>
  <c r="D2820" i="1"/>
  <c r="D2821" i="1"/>
  <c r="D2822" i="1"/>
  <c r="D2823" i="1"/>
  <c r="D2824" i="1"/>
  <c r="D2825" i="1"/>
  <c r="D2826" i="1"/>
  <c r="D2827" i="1"/>
  <c r="D2828" i="1"/>
  <c r="D2829" i="1"/>
  <c r="D2830" i="1"/>
  <c r="D2831" i="1"/>
  <c r="D2832" i="1"/>
  <c r="D2833" i="1"/>
  <c r="D2834" i="1"/>
  <c r="D2835" i="1"/>
  <c r="D2836" i="1"/>
  <c r="D2837" i="1"/>
  <c r="D2838" i="1"/>
  <c r="D2839" i="1"/>
  <c r="D2840" i="1"/>
  <c r="D2841" i="1"/>
  <c r="D2842" i="1"/>
  <c r="D2843" i="1"/>
  <c r="D2844" i="1"/>
  <c r="D2845" i="1"/>
  <c r="D2846" i="1"/>
  <c r="D2847" i="1"/>
  <c r="D2848" i="1"/>
  <c r="D2849" i="1"/>
  <c r="D2850" i="1"/>
  <c r="D2851" i="1"/>
  <c r="D2852" i="1"/>
  <c r="D2853" i="1"/>
  <c r="D2854" i="1"/>
  <c r="D2855" i="1"/>
  <c r="D2856" i="1"/>
  <c r="D2857" i="1"/>
  <c r="D2858" i="1"/>
  <c r="D2859" i="1"/>
  <c r="D2860" i="1"/>
  <c r="D2861" i="1"/>
  <c r="D2862" i="1"/>
  <c r="D2863" i="1"/>
  <c r="D2864" i="1"/>
  <c r="D2865" i="1"/>
  <c r="D2866" i="1"/>
  <c r="D2867" i="1"/>
  <c r="D2868" i="1"/>
  <c r="D2869" i="1"/>
  <c r="D2870" i="1"/>
  <c r="D2871" i="1"/>
  <c r="D2872" i="1"/>
  <c r="D2873" i="1"/>
  <c r="D2874" i="1"/>
  <c r="D2875" i="1"/>
  <c r="D2876" i="1"/>
  <c r="D2877" i="1"/>
  <c r="D2878" i="1"/>
  <c r="D2879" i="1"/>
  <c r="D2880" i="1"/>
  <c r="D2881" i="1"/>
  <c r="D2882" i="1"/>
  <c r="D2883" i="1"/>
  <c r="D2884" i="1"/>
  <c r="D2885" i="1"/>
  <c r="D2886" i="1"/>
  <c r="D2887" i="1"/>
  <c r="D2888" i="1"/>
  <c r="D2889" i="1"/>
  <c r="D2890" i="1"/>
  <c r="D2891" i="1"/>
  <c r="D2892" i="1"/>
  <c r="D2893" i="1"/>
  <c r="D2894" i="1"/>
  <c r="D2895" i="1"/>
  <c r="D2896" i="1"/>
  <c r="D2897" i="1"/>
  <c r="D2898" i="1"/>
  <c r="D2899" i="1"/>
  <c r="D2900" i="1"/>
  <c r="D2901" i="1"/>
  <c r="D2902" i="1"/>
  <c r="D2903" i="1"/>
  <c r="D2904" i="1"/>
  <c r="D2905" i="1"/>
  <c r="D2906" i="1"/>
  <c r="D2907" i="1"/>
  <c r="D2908" i="1"/>
  <c r="D2909" i="1"/>
  <c r="D2910" i="1"/>
  <c r="D2911" i="1"/>
  <c r="D2912" i="1"/>
  <c r="D2913" i="1"/>
  <c r="D2914" i="1"/>
  <c r="D2915" i="1"/>
  <c r="D2916" i="1"/>
  <c r="D2917" i="1"/>
  <c r="D2918" i="1"/>
  <c r="D2919" i="1"/>
  <c r="D2920" i="1"/>
  <c r="D2921" i="1"/>
  <c r="D2922" i="1"/>
  <c r="D2923" i="1"/>
  <c r="D2924" i="1"/>
  <c r="D2925" i="1"/>
  <c r="D2926" i="1"/>
  <c r="D2927" i="1"/>
  <c r="D2928" i="1"/>
  <c r="D2929" i="1"/>
  <c r="D2930" i="1"/>
  <c r="D2931" i="1"/>
  <c r="D2932" i="1"/>
  <c r="D2933" i="1"/>
  <c r="D2934" i="1"/>
  <c r="D2935" i="1"/>
  <c r="D2936" i="1"/>
  <c r="D2937" i="1"/>
  <c r="D2938" i="1"/>
  <c r="D2939" i="1"/>
  <c r="D2940" i="1"/>
  <c r="D2941" i="1"/>
  <c r="D2942" i="1"/>
  <c r="D2943" i="1"/>
  <c r="D2944" i="1"/>
  <c r="D2945" i="1"/>
  <c r="D2946" i="1"/>
  <c r="D2947" i="1"/>
  <c r="D2948" i="1"/>
  <c r="D2949" i="1"/>
  <c r="D2950" i="1"/>
  <c r="D2951" i="1"/>
  <c r="D2952" i="1"/>
  <c r="D2953" i="1"/>
  <c r="D2954" i="1"/>
  <c r="D2955" i="1"/>
  <c r="D2956" i="1"/>
  <c r="D2957" i="1"/>
  <c r="D2958" i="1"/>
  <c r="D2959" i="1"/>
  <c r="D2960" i="1"/>
  <c r="D2961" i="1"/>
  <c r="D2962" i="1"/>
  <c r="D2963" i="1"/>
  <c r="D2964" i="1"/>
  <c r="D2965" i="1"/>
  <c r="D2966" i="1"/>
  <c r="D2967" i="1"/>
  <c r="D2968" i="1"/>
  <c r="D2969" i="1"/>
  <c r="D2970" i="1"/>
  <c r="D2971" i="1"/>
  <c r="D2972" i="1"/>
  <c r="D2973" i="1"/>
  <c r="D2974" i="1"/>
  <c r="D2975" i="1"/>
  <c r="D2976" i="1"/>
  <c r="D2977" i="1"/>
  <c r="D2978" i="1"/>
  <c r="D2979" i="1"/>
  <c r="D2980" i="1"/>
  <c r="D2981" i="1"/>
  <c r="D2982" i="1"/>
  <c r="D2983" i="1"/>
  <c r="D2984" i="1"/>
  <c r="D2985" i="1"/>
  <c r="D2986" i="1"/>
  <c r="D2987" i="1"/>
  <c r="D2988" i="1"/>
  <c r="D2989" i="1"/>
  <c r="D2990" i="1"/>
  <c r="D2991" i="1"/>
  <c r="D2992" i="1"/>
  <c r="D2993" i="1"/>
  <c r="D2994" i="1"/>
  <c r="D2995" i="1"/>
  <c r="D2996" i="1"/>
  <c r="D2997" i="1"/>
  <c r="D2998" i="1"/>
  <c r="D2999" i="1"/>
  <c r="D3000" i="1"/>
  <c r="D3001" i="1"/>
  <c r="D3002" i="1"/>
  <c r="D3003" i="1"/>
  <c r="D3004" i="1"/>
  <c r="D3005" i="1"/>
  <c r="D3006" i="1"/>
  <c r="D3007" i="1"/>
  <c r="D3008" i="1"/>
  <c r="D3009" i="1"/>
  <c r="D3010" i="1"/>
  <c r="D3011" i="1"/>
  <c r="D3012" i="1"/>
  <c r="D3013" i="1"/>
  <c r="D3014" i="1"/>
  <c r="D3015" i="1"/>
  <c r="D3016" i="1"/>
  <c r="D3017" i="1"/>
  <c r="D3018" i="1"/>
  <c r="D3019" i="1"/>
  <c r="D3020" i="1"/>
  <c r="D3021" i="1"/>
  <c r="D3022" i="1"/>
  <c r="D3023" i="1"/>
  <c r="D3024" i="1"/>
  <c r="D3025" i="1"/>
  <c r="D3026" i="1"/>
  <c r="D3027" i="1"/>
  <c r="D3028" i="1"/>
  <c r="D3029" i="1"/>
  <c r="D3030" i="1"/>
  <c r="D3031" i="1"/>
  <c r="D3032" i="1"/>
  <c r="D3033" i="1"/>
  <c r="D3034" i="1"/>
  <c r="D3035" i="1"/>
  <c r="D3036" i="1"/>
  <c r="D3037" i="1"/>
  <c r="D3038" i="1"/>
  <c r="D3039" i="1"/>
  <c r="D3040" i="1"/>
  <c r="D3041" i="1"/>
  <c r="D3042" i="1"/>
  <c r="D3043" i="1"/>
  <c r="D3044" i="1"/>
  <c r="D3045" i="1"/>
  <c r="D3046" i="1"/>
  <c r="D3047" i="1"/>
  <c r="D3048" i="1"/>
  <c r="D3049" i="1"/>
  <c r="D3050" i="1"/>
  <c r="D3051" i="1"/>
  <c r="D3052" i="1"/>
  <c r="D3053" i="1"/>
  <c r="D3054" i="1"/>
  <c r="D3055" i="1"/>
  <c r="D3056" i="1"/>
  <c r="D3057" i="1"/>
  <c r="D3058" i="1"/>
  <c r="D3059" i="1"/>
  <c r="D3060" i="1"/>
  <c r="D3061" i="1"/>
  <c r="D3062" i="1"/>
  <c r="D3063" i="1"/>
  <c r="D3064" i="1"/>
  <c r="D3065" i="1"/>
  <c r="D3066" i="1"/>
  <c r="D3067" i="1"/>
  <c r="D3068" i="1"/>
  <c r="D3069" i="1"/>
  <c r="D3070" i="1"/>
  <c r="D3071" i="1"/>
  <c r="D3072" i="1"/>
  <c r="D3073" i="1"/>
  <c r="D3074" i="1"/>
  <c r="D3075" i="1"/>
  <c r="D3076" i="1"/>
  <c r="D3077" i="1"/>
  <c r="D3078" i="1"/>
  <c r="D3079" i="1"/>
  <c r="D3080" i="1"/>
  <c r="D3081" i="1"/>
  <c r="D3082" i="1"/>
  <c r="D3083" i="1"/>
  <c r="D3084" i="1"/>
  <c r="D3085" i="1"/>
  <c r="D3086" i="1"/>
  <c r="D3087" i="1"/>
  <c r="D3088" i="1"/>
  <c r="D3089" i="1"/>
  <c r="D3090" i="1"/>
  <c r="D3091" i="1"/>
  <c r="D3092" i="1"/>
  <c r="D3093" i="1"/>
  <c r="D3094" i="1"/>
  <c r="D3095" i="1"/>
  <c r="D3096" i="1"/>
  <c r="D3097" i="1"/>
  <c r="D3098" i="1"/>
  <c r="D3099" i="1"/>
  <c r="D3100" i="1"/>
  <c r="D3101" i="1"/>
  <c r="D3102" i="1"/>
  <c r="D3103" i="1"/>
  <c r="D3104" i="1"/>
  <c r="D3105" i="1"/>
  <c r="D3106" i="1"/>
  <c r="D3107" i="1"/>
  <c r="D3108" i="1"/>
  <c r="D3109" i="1"/>
  <c r="D3110" i="1"/>
  <c r="D3111" i="1"/>
  <c r="D3112" i="1"/>
  <c r="D3113" i="1"/>
  <c r="D3114" i="1"/>
  <c r="D3115" i="1"/>
  <c r="D3116" i="1"/>
  <c r="D3117" i="1"/>
  <c r="D3118" i="1"/>
  <c r="D3119" i="1"/>
  <c r="D3120" i="1"/>
  <c r="D3121" i="1"/>
  <c r="D3122" i="1"/>
  <c r="D3123" i="1"/>
  <c r="D3124" i="1"/>
  <c r="D3125" i="1"/>
  <c r="D3126" i="1"/>
  <c r="D3127" i="1"/>
  <c r="D3128" i="1"/>
  <c r="D3129" i="1"/>
  <c r="D3130" i="1"/>
  <c r="D3131" i="1"/>
  <c r="D3132" i="1"/>
  <c r="D3133" i="1"/>
  <c r="D3134" i="1"/>
  <c r="D3135" i="1"/>
  <c r="D3136" i="1"/>
  <c r="D3137" i="1"/>
  <c r="D3138" i="1"/>
  <c r="D3139" i="1"/>
  <c r="D3140" i="1"/>
  <c r="D3141" i="1"/>
  <c r="D3142" i="1"/>
  <c r="D3143" i="1"/>
  <c r="D3144" i="1"/>
  <c r="D3145" i="1"/>
  <c r="D3146" i="1"/>
  <c r="D3147" i="1"/>
  <c r="D3148" i="1"/>
  <c r="D3149" i="1"/>
  <c r="D3150" i="1"/>
  <c r="D3151" i="1"/>
  <c r="D3152" i="1"/>
  <c r="D3153" i="1"/>
  <c r="D3154" i="1"/>
  <c r="D3155" i="1"/>
  <c r="D3156" i="1"/>
  <c r="D3157" i="1"/>
  <c r="D3158" i="1"/>
  <c r="D3159" i="1"/>
  <c r="D3160" i="1"/>
  <c r="D3161" i="1"/>
  <c r="D3162" i="1"/>
  <c r="D3163" i="1"/>
  <c r="D3164" i="1"/>
  <c r="D3165" i="1"/>
  <c r="D3166" i="1"/>
  <c r="D3167" i="1"/>
  <c r="D3168" i="1"/>
  <c r="D3169" i="1"/>
  <c r="D3170" i="1"/>
  <c r="D3171" i="1"/>
  <c r="D3172" i="1"/>
  <c r="D3173" i="1"/>
  <c r="D3174" i="1"/>
  <c r="D3175" i="1"/>
  <c r="D3176" i="1"/>
  <c r="D3177" i="1"/>
  <c r="D3178" i="1"/>
  <c r="D3179" i="1"/>
  <c r="D3180" i="1"/>
  <c r="D3181" i="1"/>
  <c r="D3182" i="1"/>
  <c r="D3183" i="1"/>
  <c r="D3184" i="1"/>
  <c r="D3185" i="1"/>
  <c r="D3186" i="1"/>
  <c r="D3187" i="1"/>
  <c r="D3188" i="1"/>
  <c r="D3189" i="1"/>
  <c r="D3190" i="1"/>
  <c r="D3191" i="1"/>
  <c r="D3192" i="1"/>
  <c r="D3193" i="1"/>
  <c r="D3194" i="1"/>
  <c r="D3195" i="1"/>
  <c r="D3196" i="1"/>
  <c r="D3197" i="1"/>
  <c r="D3198" i="1"/>
  <c r="D3199" i="1"/>
  <c r="D3200" i="1"/>
  <c r="D3201" i="1"/>
  <c r="D3202" i="1"/>
  <c r="D3203" i="1"/>
  <c r="D3204" i="1"/>
  <c r="D3205" i="1"/>
  <c r="D3206" i="1"/>
  <c r="D3207" i="1"/>
  <c r="D3208" i="1"/>
  <c r="D3209" i="1"/>
  <c r="D3210" i="1"/>
  <c r="D3211" i="1"/>
  <c r="D3212" i="1"/>
  <c r="D3213" i="1"/>
  <c r="D3214" i="1"/>
  <c r="D3215" i="1"/>
  <c r="D3216" i="1"/>
  <c r="D3217" i="1"/>
  <c r="D3218" i="1"/>
  <c r="D3219" i="1"/>
  <c r="D3220" i="1"/>
  <c r="D3221" i="1"/>
  <c r="D3222" i="1"/>
  <c r="D3223" i="1"/>
  <c r="D3224" i="1"/>
  <c r="D3225" i="1"/>
  <c r="D3226" i="1"/>
  <c r="D3227" i="1"/>
  <c r="D3228" i="1"/>
  <c r="D3229" i="1"/>
  <c r="D3230" i="1"/>
  <c r="D3231" i="1"/>
  <c r="D3232" i="1"/>
  <c r="D3233" i="1"/>
  <c r="D3234" i="1"/>
  <c r="D3235" i="1"/>
  <c r="D3236" i="1"/>
  <c r="D3237" i="1"/>
  <c r="D3238" i="1"/>
  <c r="D3239" i="1"/>
  <c r="D3240" i="1"/>
  <c r="D3241" i="1"/>
  <c r="D3242" i="1"/>
  <c r="D3243" i="1"/>
  <c r="D3244" i="1"/>
  <c r="D3245" i="1"/>
  <c r="D3246" i="1"/>
  <c r="D3247" i="1"/>
  <c r="D3248" i="1"/>
  <c r="D3249" i="1"/>
  <c r="D3250" i="1"/>
  <c r="D3251" i="1"/>
  <c r="D3252" i="1"/>
  <c r="D3253" i="1"/>
  <c r="D3254" i="1"/>
  <c r="D3255" i="1"/>
  <c r="D3256" i="1"/>
  <c r="D3257" i="1"/>
  <c r="D3258" i="1"/>
  <c r="D3259" i="1"/>
  <c r="D3260" i="1"/>
  <c r="D3261" i="1"/>
  <c r="D3262" i="1"/>
  <c r="D3263" i="1"/>
  <c r="D3264" i="1"/>
  <c r="D3265" i="1"/>
  <c r="D3266" i="1"/>
  <c r="D3267" i="1"/>
  <c r="D3268" i="1"/>
  <c r="D3269" i="1"/>
  <c r="D3270" i="1"/>
  <c r="D3271" i="1"/>
  <c r="D3272" i="1"/>
  <c r="D3273" i="1"/>
  <c r="D3274" i="1"/>
  <c r="D3275" i="1"/>
  <c r="D3276" i="1"/>
  <c r="D3277" i="1"/>
  <c r="D3278" i="1"/>
  <c r="D3279" i="1"/>
  <c r="D3280" i="1"/>
  <c r="D3281" i="1"/>
  <c r="D3282" i="1"/>
  <c r="D3283" i="1"/>
  <c r="D3284" i="1"/>
  <c r="D3285" i="1"/>
  <c r="D3286" i="1"/>
  <c r="D3287" i="1"/>
  <c r="D3288" i="1"/>
  <c r="D3289" i="1"/>
  <c r="D3290" i="1"/>
  <c r="D3291" i="1"/>
  <c r="D3292" i="1"/>
  <c r="D3293" i="1"/>
  <c r="D3294" i="1"/>
  <c r="D3295" i="1"/>
  <c r="D3296" i="1"/>
  <c r="D3297" i="1"/>
  <c r="D3298" i="1"/>
  <c r="D3299" i="1"/>
  <c r="D3300" i="1"/>
  <c r="D3301" i="1"/>
  <c r="D3302" i="1"/>
  <c r="D3303" i="1"/>
  <c r="D3304" i="1"/>
  <c r="D3305" i="1"/>
  <c r="D3306" i="1"/>
  <c r="D3307" i="1"/>
  <c r="D3308" i="1"/>
  <c r="D3309" i="1"/>
  <c r="D3310" i="1"/>
  <c r="D3311" i="1"/>
  <c r="D3312" i="1"/>
  <c r="D3313" i="1"/>
  <c r="D3314" i="1"/>
  <c r="D3315" i="1"/>
  <c r="D3316" i="1"/>
  <c r="D3317" i="1"/>
  <c r="D3318" i="1"/>
  <c r="D3319" i="1"/>
  <c r="D3320" i="1"/>
  <c r="D3321" i="1"/>
  <c r="D3322" i="1"/>
  <c r="D3323" i="1"/>
  <c r="D3324" i="1"/>
  <c r="D3325" i="1"/>
  <c r="D3326" i="1"/>
  <c r="D3327" i="1"/>
  <c r="D3328" i="1"/>
  <c r="D3329" i="1"/>
  <c r="D3330" i="1"/>
  <c r="D3331" i="1"/>
  <c r="D3332" i="1"/>
  <c r="D3333" i="1"/>
  <c r="D3334" i="1"/>
  <c r="D3335" i="1"/>
  <c r="D3336" i="1"/>
  <c r="D3337" i="1"/>
  <c r="D3338" i="1"/>
  <c r="D3339" i="1"/>
  <c r="D3340" i="1"/>
  <c r="D3341" i="1"/>
  <c r="D3342" i="1"/>
  <c r="D3343" i="1"/>
  <c r="D3344" i="1"/>
  <c r="D3345" i="1"/>
  <c r="D3346" i="1"/>
  <c r="D3347" i="1"/>
  <c r="D3348" i="1"/>
  <c r="D3349" i="1"/>
  <c r="D3350" i="1"/>
  <c r="D3351" i="1"/>
  <c r="D3352" i="1"/>
  <c r="D3353" i="1"/>
  <c r="D3354" i="1"/>
  <c r="D3355" i="1"/>
  <c r="D3356" i="1"/>
  <c r="D3357" i="1"/>
  <c r="D3358" i="1"/>
  <c r="D3359" i="1"/>
  <c r="D3360" i="1"/>
  <c r="D3361" i="1"/>
  <c r="D3362" i="1"/>
  <c r="D3363" i="1"/>
  <c r="D3364" i="1"/>
  <c r="D3365" i="1"/>
  <c r="D3366" i="1"/>
  <c r="D3367" i="1"/>
  <c r="D3368" i="1"/>
  <c r="D3369" i="1"/>
  <c r="D3370" i="1"/>
  <c r="D3371" i="1"/>
  <c r="D3372" i="1"/>
  <c r="D3373" i="1"/>
  <c r="D3374" i="1"/>
  <c r="D3375" i="1"/>
  <c r="D3376" i="1"/>
  <c r="D3377" i="1"/>
  <c r="D3378" i="1"/>
  <c r="D3379" i="1"/>
  <c r="D3380" i="1"/>
  <c r="D3381" i="1"/>
  <c r="D3382" i="1"/>
  <c r="D3383" i="1"/>
  <c r="D3384" i="1"/>
  <c r="D3385" i="1"/>
  <c r="D3386" i="1"/>
  <c r="D3387" i="1"/>
  <c r="D3388" i="1"/>
  <c r="D3389" i="1"/>
  <c r="D3390" i="1"/>
  <c r="D3391" i="1"/>
  <c r="D3392" i="1"/>
  <c r="D3393" i="1"/>
  <c r="D3394" i="1"/>
  <c r="D3395" i="1"/>
  <c r="D3396" i="1"/>
  <c r="D3397" i="1"/>
  <c r="D3398" i="1"/>
  <c r="D3399" i="1"/>
  <c r="D3400" i="1"/>
  <c r="D3401" i="1"/>
  <c r="D3402" i="1"/>
  <c r="D3403" i="1"/>
  <c r="D3404" i="1"/>
  <c r="D3405" i="1"/>
  <c r="D3406" i="1"/>
  <c r="D3407" i="1"/>
  <c r="D3408" i="1"/>
  <c r="D3409" i="1"/>
  <c r="D3410" i="1"/>
  <c r="D3411" i="1"/>
  <c r="D3412" i="1"/>
  <c r="D3413" i="1"/>
  <c r="D3414" i="1"/>
  <c r="D3415" i="1"/>
  <c r="D3416" i="1"/>
  <c r="D3417" i="1"/>
  <c r="D3418" i="1"/>
  <c r="D3419" i="1"/>
  <c r="D3420" i="1"/>
  <c r="D3421" i="1"/>
  <c r="D3422" i="1"/>
  <c r="D3423" i="1"/>
  <c r="D3424" i="1"/>
  <c r="D3425" i="1"/>
  <c r="D3426" i="1"/>
  <c r="D3427" i="1"/>
  <c r="D3428" i="1"/>
  <c r="D3429" i="1"/>
  <c r="D3430" i="1"/>
  <c r="D3431" i="1"/>
  <c r="D3432" i="1"/>
  <c r="D3433" i="1"/>
  <c r="D3434" i="1"/>
  <c r="D3435" i="1"/>
  <c r="D3436" i="1"/>
  <c r="D3437" i="1"/>
  <c r="D3438" i="1"/>
  <c r="D3439" i="1"/>
  <c r="D3440" i="1"/>
  <c r="D3441" i="1"/>
  <c r="D3442" i="1"/>
  <c r="D3443" i="1"/>
  <c r="D3444" i="1"/>
  <c r="D3445" i="1"/>
  <c r="D3446" i="1"/>
  <c r="D3447" i="1"/>
  <c r="D3448" i="1"/>
  <c r="D3449" i="1"/>
  <c r="D3450" i="1"/>
  <c r="D3451" i="1"/>
  <c r="D3452" i="1"/>
  <c r="D3453" i="1"/>
  <c r="D3454" i="1"/>
  <c r="D3455" i="1"/>
  <c r="D3456" i="1"/>
  <c r="D3457" i="1"/>
  <c r="D3458" i="1"/>
  <c r="D3459" i="1"/>
  <c r="D3460" i="1"/>
  <c r="D3461" i="1"/>
  <c r="D3462" i="1"/>
  <c r="D3463" i="1"/>
  <c r="D3464" i="1"/>
  <c r="D3465" i="1"/>
  <c r="D3466" i="1"/>
  <c r="D3467" i="1"/>
  <c r="D3468" i="1"/>
  <c r="D3469" i="1"/>
  <c r="D3470" i="1"/>
  <c r="D3471" i="1"/>
  <c r="D3472" i="1"/>
  <c r="D3473" i="1"/>
  <c r="D3474" i="1"/>
  <c r="D3475" i="1"/>
  <c r="D3476" i="1"/>
  <c r="D3477" i="1"/>
  <c r="D3478" i="1"/>
  <c r="D3479" i="1"/>
  <c r="D3480" i="1"/>
  <c r="D3481" i="1"/>
  <c r="D3482" i="1"/>
  <c r="D3483" i="1"/>
  <c r="D3484" i="1"/>
  <c r="D3485" i="1"/>
  <c r="D3486" i="1"/>
  <c r="D3487" i="1"/>
  <c r="D3488" i="1"/>
  <c r="D3489" i="1"/>
  <c r="D3490" i="1"/>
  <c r="D3491" i="1"/>
  <c r="D3492" i="1"/>
  <c r="D3493" i="1"/>
  <c r="D3494" i="1"/>
  <c r="D3495" i="1"/>
  <c r="D3496" i="1"/>
  <c r="D3497" i="1"/>
  <c r="D3498" i="1"/>
  <c r="D3499" i="1"/>
  <c r="D3500" i="1"/>
  <c r="D3501" i="1"/>
  <c r="D3502" i="1"/>
  <c r="D3503" i="1"/>
  <c r="D3504" i="1"/>
  <c r="D3505" i="1"/>
  <c r="D3506" i="1"/>
  <c r="D3507" i="1"/>
  <c r="D3508" i="1"/>
  <c r="D3509" i="1"/>
  <c r="D3510" i="1"/>
  <c r="D3511" i="1"/>
  <c r="D3512" i="1"/>
  <c r="D3513" i="1"/>
  <c r="D3514" i="1"/>
  <c r="D3515" i="1"/>
  <c r="D3516" i="1"/>
  <c r="D3517" i="1"/>
  <c r="D3518" i="1"/>
  <c r="D3519" i="1"/>
  <c r="D3520" i="1"/>
  <c r="D3521" i="1"/>
  <c r="D3522" i="1"/>
  <c r="D3523" i="1"/>
  <c r="D3524" i="1"/>
  <c r="D3525" i="1"/>
  <c r="D3526" i="1"/>
  <c r="D3527" i="1"/>
  <c r="D3528" i="1"/>
  <c r="D3529" i="1"/>
  <c r="D3530" i="1"/>
  <c r="D3531" i="1"/>
  <c r="D3532" i="1"/>
  <c r="D3533" i="1"/>
  <c r="D3534" i="1"/>
  <c r="D3535" i="1"/>
  <c r="D3536" i="1"/>
  <c r="D3537" i="1"/>
  <c r="D3538" i="1"/>
  <c r="D3539" i="1"/>
  <c r="D3540" i="1"/>
  <c r="D3541" i="1"/>
  <c r="D3542" i="1"/>
  <c r="D3543" i="1"/>
  <c r="D3544" i="1"/>
  <c r="D3545" i="1"/>
  <c r="D3546" i="1"/>
  <c r="D3547" i="1"/>
  <c r="D3548" i="1"/>
  <c r="D3549" i="1"/>
  <c r="D3550" i="1"/>
  <c r="D3551" i="1"/>
  <c r="D3552" i="1"/>
  <c r="D3553" i="1"/>
  <c r="D3554" i="1"/>
  <c r="D3555" i="1"/>
  <c r="D3556" i="1"/>
  <c r="D3557" i="1"/>
  <c r="D3558" i="1"/>
  <c r="D3559" i="1"/>
  <c r="D3560" i="1"/>
  <c r="D3561" i="1"/>
  <c r="D3562" i="1"/>
  <c r="D3563" i="1"/>
  <c r="D3564" i="1"/>
  <c r="D3565" i="1"/>
  <c r="D3566" i="1"/>
  <c r="D3567" i="1"/>
  <c r="D3568" i="1"/>
  <c r="D3569" i="1"/>
  <c r="D3570" i="1"/>
  <c r="D3571" i="1"/>
  <c r="D3572" i="1"/>
  <c r="D3573" i="1"/>
  <c r="D3574" i="1"/>
  <c r="D3575" i="1"/>
  <c r="D3576" i="1"/>
  <c r="D3577" i="1"/>
  <c r="D3578" i="1"/>
  <c r="D3579" i="1"/>
  <c r="D3580" i="1"/>
  <c r="D3581" i="1"/>
  <c r="D3582" i="1"/>
  <c r="D3583" i="1"/>
  <c r="D3584" i="1"/>
  <c r="D3585" i="1"/>
  <c r="D3586" i="1"/>
  <c r="D3587" i="1"/>
  <c r="D3588" i="1"/>
  <c r="D3589" i="1"/>
  <c r="D3590" i="1"/>
  <c r="D3591" i="1"/>
  <c r="D3592" i="1"/>
  <c r="D3593" i="1"/>
  <c r="D3594" i="1"/>
  <c r="D3595" i="1"/>
  <c r="D3596" i="1"/>
  <c r="D3597" i="1"/>
  <c r="D3598" i="1"/>
  <c r="D3599" i="1"/>
  <c r="D3600" i="1"/>
  <c r="D3601" i="1"/>
  <c r="D3602" i="1"/>
  <c r="D3603" i="1"/>
  <c r="D3604" i="1"/>
  <c r="D3605" i="1"/>
  <c r="D3606" i="1"/>
  <c r="D3607" i="1"/>
  <c r="D3608" i="1"/>
  <c r="D3609" i="1"/>
  <c r="D3610" i="1"/>
  <c r="D3611" i="1"/>
  <c r="D3612" i="1"/>
  <c r="D3613" i="1"/>
  <c r="D3614" i="1"/>
  <c r="D3615" i="1"/>
  <c r="D3616" i="1"/>
  <c r="D3617" i="1"/>
  <c r="D3618" i="1"/>
  <c r="D3619" i="1"/>
  <c r="D3620" i="1"/>
  <c r="D3621" i="1"/>
  <c r="D3622" i="1"/>
  <c r="D3623" i="1"/>
  <c r="D3624" i="1"/>
  <c r="D3625" i="1"/>
  <c r="D3626" i="1"/>
  <c r="D3627" i="1"/>
  <c r="D3628" i="1"/>
  <c r="D3629" i="1"/>
  <c r="D3630" i="1"/>
  <c r="D3631" i="1"/>
  <c r="D3632" i="1"/>
  <c r="D3633" i="1"/>
  <c r="D3634" i="1"/>
  <c r="D3635" i="1"/>
  <c r="D3636" i="1"/>
  <c r="D3637" i="1"/>
  <c r="D3638" i="1"/>
  <c r="D3639" i="1"/>
  <c r="D3640" i="1"/>
  <c r="D3641" i="1"/>
  <c r="D3642" i="1"/>
  <c r="D3643" i="1"/>
  <c r="D3644" i="1"/>
  <c r="D3645" i="1"/>
  <c r="D3646" i="1"/>
  <c r="D3647" i="1"/>
  <c r="D3648" i="1"/>
  <c r="D3649" i="1"/>
  <c r="D3650" i="1"/>
  <c r="D3651" i="1"/>
  <c r="D3652" i="1"/>
  <c r="D3653" i="1"/>
  <c r="D3654" i="1"/>
  <c r="D3655" i="1"/>
  <c r="D3656" i="1"/>
  <c r="D3657" i="1"/>
  <c r="D3658" i="1"/>
  <c r="D3659" i="1"/>
  <c r="D3660" i="1"/>
  <c r="D3661" i="1"/>
  <c r="D3662" i="1"/>
  <c r="D3663" i="1"/>
  <c r="D3664" i="1"/>
  <c r="D3665" i="1"/>
  <c r="D3666" i="1"/>
  <c r="D3667" i="1"/>
  <c r="D3668" i="1"/>
  <c r="D3669" i="1"/>
  <c r="D3670" i="1"/>
  <c r="D3671" i="1"/>
  <c r="D3672" i="1"/>
  <c r="D3673" i="1"/>
  <c r="D3674" i="1"/>
  <c r="D3675" i="1"/>
  <c r="D3676" i="1"/>
  <c r="D3677" i="1"/>
  <c r="D3678" i="1"/>
  <c r="D3679" i="1"/>
  <c r="D3680" i="1"/>
  <c r="D3681" i="1"/>
  <c r="D3682" i="1"/>
  <c r="D3683" i="1"/>
  <c r="D3684" i="1"/>
  <c r="D3685" i="1"/>
  <c r="D3686" i="1"/>
  <c r="D3687" i="1"/>
  <c r="D3688" i="1"/>
  <c r="D3689" i="1"/>
  <c r="D3690" i="1"/>
  <c r="D3691" i="1"/>
  <c r="D3692" i="1"/>
  <c r="D3693" i="1"/>
  <c r="D3694" i="1"/>
  <c r="D3695" i="1"/>
  <c r="D3696" i="1"/>
  <c r="D3697" i="1"/>
  <c r="D3698" i="1"/>
  <c r="D3699" i="1"/>
  <c r="D3700" i="1"/>
  <c r="D3701" i="1"/>
  <c r="D3702" i="1"/>
  <c r="D3703" i="1"/>
  <c r="D3704" i="1"/>
  <c r="D3705" i="1"/>
  <c r="D3706" i="1"/>
  <c r="D3707" i="1"/>
  <c r="D3708" i="1"/>
  <c r="D3709" i="1"/>
  <c r="D3710" i="1"/>
  <c r="D3711" i="1"/>
  <c r="D3712" i="1"/>
  <c r="D3713" i="1"/>
  <c r="D3714" i="1"/>
  <c r="D3715" i="1"/>
  <c r="D3716" i="1"/>
  <c r="D3717" i="1"/>
  <c r="D3718" i="1"/>
  <c r="D3719" i="1"/>
  <c r="D3720" i="1"/>
  <c r="D3721" i="1"/>
  <c r="D3722" i="1"/>
  <c r="D3723" i="1"/>
  <c r="D3724" i="1"/>
  <c r="D3725" i="1"/>
  <c r="D3726" i="1"/>
  <c r="D3727" i="1"/>
  <c r="D3728" i="1"/>
  <c r="D3729" i="1"/>
  <c r="D3730" i="1"/>
  <c r="D3731" i="1"/>
  <c r="D3732" i="1"/>
  <c r="D3733" i="1"/>
  <c r="D3734" i="1"/>
  <c r="D3735" i="1"/>
  <c r="D3736" i="1"/>
  <c r="D3737" i="1"/>
  <c r="D3738" i="1"/>
  <c r="D3739" i="1"/>
  <c r="D3740" i="1"/>
  <c r="D3741" i="1"/>
  <c r="D3742" i="1"/>
  <c r="D3743" i="1"/>
  <c r="D3744" i="1"/>
  <c r="D3745" i="1"/>
  <c r="D3746" i="1"/>
  <c r="D3747" i="1"/>
  <c r="D3748" i="1"/>
  <c r="D3749" i="1"/>
  <c r="D3750" i="1"/>
  <c r="D3751" i="1"/>
  <c r="D3752" i="1"/>
  <c r="D3753" i="1"/>
  <c r="D3754" i="1"/>
  <c r="D3755" i="1"/>
  <c r="D3756" i="1"/>
  <c r="D3757" i="1"/>
  <c r="D3758" i="1"/>
  <c r="D3759" i="1"/>
  <c r="D3760" i="1"/>
  <c r="D3761" i="1"/>
  <c r="D3762" i="1"/>
  <c r="D3763" i="1"/>
  <c r="D3764" i="1"/>
  <c r="D3765" i="1"/>
  <c r="D3766" i="1"/>
  <c r="D3767" i="1"/>
  <c r="D3768" i="1"/>
  <c r="D3769" i="1"/>
  <c r="D3770" i="1"/>
  <c r="D3771" i="1"/>
  <c r="D3772" i="1"/>
  <c r="D3773" i="1"/>
  <c r="D3774" i="1"/>
  <c r="D3775" i="1"/>
  <c r="D3776" i="1"/>
  <c r="D3777" i="1"/>
  <c r="D3778" i="1"/>
  <c r="D3779" i="1"/>
  <c r="D3780" i="1"/>
  <c r="D3781" i="1"/>
  <c r="D3782" i="1"/>
  <c r="D3783" i="1"/>
  <c r="D3784" i="1"/>
  <c r="D3785" i="1"/>
  <c r="D3786" i="1"/>
  <c r="D3787" i="1"/>
  <c r="D3788" i="1"/>
  <c r="D3789" i="1"/>
  <c r="D3790" i="1"/>
  <c r="D3791" i="1"/>
  <c r="D3792" i="1"/>
  <c r="D3793" i="1"/>
  <c r="D3794" i="1"/>
  <c r="D3795" i="1"/>
  <c r="D3796" i="1"/>
  <c r="D3797" i="1"/>
  <c r="D3798" i="1"/>
  <c r="D3799" i="1"/>
  <c r="D3800" i="1"/>
  <c r="D3801" i="1"/>
  <c r="D3802" i="1"/>
  <c r="D3803" i="1"/>
  <c r="D3804" i="1"/>
  <c r="D3805" i="1"/>
  <c r="D3806" i="1"/>
  <c r="D3807" i="1"/>
  <c r="D3808" i="1"/>
  <c r="D3809" i="1"/>
  <c r="D3810" i="1"/>
  <c r="D3811" i="1"/>
  <c r="D3812" i="1"/>
  <c r="D3813" i="1"/>
  <c r="D3814" i="1"/>
  <c r="D3815" i="1"/>
  <c r="D3816" i="1"/>
  <c r="D3817" i="1"/>
  <c r="D3818" i="1"/>
  <c r="D3819" i="1"/>
  <c r="D3820" i="1"/>
  <c r="D3821" i="1"/>
  <c r="D3822" i="1"/>
  <c r="D3823" i="1"/>
  <c r="D3824" i="1"/>
  <c r="D3825" i="1"/>
  <c r="D3826" i="1"/>
  <c r="D3827" i="1"/>
  <c r="D3828" i="1"/>
  <c r="D3829" i="1"/>
  <c r="D3830" i="1"/>
  <c r="D3831" i="1"/>
  <c r="D3832" i="1"/>
  <c r="D3833" i="1"/>
  <c r="D3834" i="1"/>
  <c r="D3835" i="1"/>
  <c r="D3836" i="1"/>
  <c r="D3837" i="1"/>
  <c r="D3838" i="1"/>
  <c r="D3839" i="1"/>
  <c r="D3840" i="1"/>
  <c r="D3841" i="1"/>
  <c r="D3842" i="1"/>
  <c r="D3843" i="1"/>
  <c r="D3844" i="1"/>
  <c r="D3845" i="1"/>
  <c r="D3846" i="1"/>
  <c r="D3847" i="1"/>
  <c r="D3848" i="1"/>
  <c r="D3849" i="1"/>
  <c r="D3850" i="1"/>
  <c r="D3851" i="1"/>
  <c r="D3852" i="1"/>
  <c r="D3853" i="1"/>
  <c r="D3854" i="1"/>
  <c r="D3855" i="1"/>
  <c r="D3856" i="1"/>
  <c r="D3857" i="1"/>
  <c r="D3858" i="1"/>
  <c r="D3859" i="1"/>
  <c r="D3860" i="1"/>
  <c r="D3861" i="1"/>
  <c r="D3862" i="1"/>
  <c r="D3863" i="1"/>
  <c r="D3864" i="1"/>
  <c r="D3865" i="1"/>
  <c r="D3866" i="1"/>
  <c r="D3867" i="1"/>
  <c r="D3868" i="1"/>
  <c r="D3869" i="1"/>
  <c r="D3870" i="1"/>
  <c r="D3871" i="1"/>
  <c r="D3872" i="1"/>
  <c r="D3873" i="1"/>
  <c r="D3874" i="1"/>
  <c r="D3875" i="1"/>
  <c r="D3876" i="1"/>
  <c r="D3877" i="1"/>
  <c r="D3878" i="1"/>
  <c r="D3879" i="1"/>
  <c r="D3880" i="1"/>
  <c r="D3881" i="1"/>
  <c r="D3882" i="1"/>
  <c r="D3883" i="1"/>
  <c r="D3884" i="1"/>
  <c r="D3885" i="1"/>
  <c r="D3886" i="1"/>
  <c r="D3887" i="1"/>
  <c r="D3888" i="1"/>
  <c r="D3889" i="1"/>
  <c r="D3890" i="1"/>
  <c r="D3891" i="1"/>
  <c r="D3892" i="1"/>
  <c r="D3893" i="1"/>
  <c r="D3894" i="1"/>
  <c r="D3895" i="1"/>
  <c r="D3896" i="1"/>
  <c r="D3897" i="1"/>
  <c r="D3898" i="1"/>
  <c r="D3899" i="1"/>
  <c r="D3900" i="1"/>
  <c r="D3901" i="1"/>
  <c r="D3902" i="1"/>
  <c r="D3903" i="1"/>
  <c r="D3904" i="1"/>
  <c r="D3905" i="1"/>
  <c r="D3906" i="1"/>
  <c r="D3907" i="1"/>
  <c r="D3908" i="1"/>
  <c r="D3909" i="1"/>
  <c r="D3910" i="1"/>
  <c r="D3911" i="1"/>
  <c r="D3912" i="1"/>
  <c r="D3913" i="1"/>
  <c r="D3914" i="1"/>
  <c r="D3915" i="1"/>
  <c r="D3916" i="1"/>
  <c r="D3917" i="1"/>
  <c r="D3918" i="1"/>
  <c r="D3919" i="1"/>
  <c r="D3920" i="1"/>
  <c r="D3921" i="1"/>
  <c r="D3922" i="1"/>
  <c r="D3923" i="1"/>
  <c r="D3924" i="1"/>
  <c r="D3925" i="1"/>
  <c r="D3926" i="1"/>
  <c r="D3927" i="1"/>
  <c r="D3928" i="1"/>
  <c r="D3929" i="1"/>
  <c r="D3930" i="1"/>
  <c r="D3931" i="1"/>
  <c r="D3932" i="1"/>
  <c r="D3933" i="1"/>
  <c r="D3934" i="1"/>
  <c r="D3935" i="1"/>
  <c r="D3936" i="1"/>
  <c r="D3937" i="1"/>
  <c r="D3938" i="1"/>
  <c r="D3939" i="1"/>
  <c r="D3940" i="1"/>
  <c r="D3941" i="1"/>
  <c r="D3942" i="1"/>
  <c r="D3943" i="1"/>
  <c r="D3944" i="1"/>
  <c r="D3945" i="1"/>
  <c r="D3946" i="1"/>
  <c r="D3947" i="1"/>
  <c r="D3948" i="1"/>
  <c r="D3949" i="1"/>
  <c r="D3950" i="1"/>
  <c r="D3951" i="1"/>
  <c r="D3952" i="1"/>
  <c r="D3953" i="1"/>
  <c r="D3954" i="1"/>
  <c r="D3955" i="1"/>
  <c r="D3956" i="1"/>
  <c r="D3957" i="1"/>
  <c r="D3958" i="1"/>
  <c r="D3959" i="1"/>
  <c r="D3960" i="1"/>
  <c r="D3961" i="1"/>
  <c r="D3962" i="1"/>
  <c r="D3963" i="1"/>
  <c r="D3964" i="1"/>
  <c r="D3965" i="1"/>
  <c r="D3966" i="1"/>
  <c r="D3967" i="1"/>
  <c r="D3968" i="1"/>
  <c r="D3969" i="1"/>
  <c r="D3970" i="1"/>
  <c r="D3971" i="1"/>
  <c r="D3972" i="1"/>
  <c r="D3973" i="1"/>
  <c r="D3974" i="1"/>
  <c r="D3975" i="1"/>
  <c r="D3976" i="1"/>
  <c r="D3977" i="1"/>
  <c r="D3978" i="1"/>
  <c r="D3979" i="1"/>
  <c r="D3980" i="1"/>
  <c r="D3981" i="1"/>
  <c r="D3982" i="1"/>
  <c r="D3983" i="1"/>
  <c r="D3984" i="1"/>
  <c r="D3985" i="1"/>
  <c r="D3986" i="1"/>
  <c r="D3987" i="1"/>
  <c r="D3988" i="1"/>
  <c r="D3989" i="1"/>
  <c r="D3990" i="1"/>
  <c r="D3991" i="1"/>
  <c r="D3992" i="1"/>
  <c r="D3993" i="1"/>
  <c r="D3994" i="1"/>
  <c r="D3995" i="1"/>
  <c r="D3996" i="1"/>
  <c r="D3997" i="1"/>
  <c r="D3998" i="1"/>
  <c r="D3999" i="1"/>
  <c r="D4000" i="1"/>
  <c r="D4001" i="1"/>
  <c r="D4002" i="1"/>
  <c r="D4003" i="1"/>
  <c r="D4004" i="1"/>
  <c r="D4005" i="1"/>
  <c r="D4006" i="1"/>
  <c r="D4007" i="1"/>
  <c r="D4008" i="1"/>
  <c r="D4009" i="1"/>
  <c r="D4010" i="1"/>
  <c r="D4011" i="1"/>
  <c r="D4012" i="1"/>
  <c r="D4013" i="1"/>
  <c r="D4014" i="1"/>
  <c r="D4015" i="1"/>
  <c r="D4016" i="1"/>
  <c r="D4017" i="1"/>
  <c r="D4018" i="1"/>
  <c r="D4019" i="1"/>
  <c r="D4020" i="1"/>
  <c r="D4021" i="1"/>
  <c r="D4022" i="1"/>
  <c r="D4023" i="1"/>
  <c r="D4024" i="1"/>
  <c r="D4025" i="1"/>
  <c r="D4026" i="1"/>
  <c r="D4027" i="1"/>
  <c r="D4028" i="1"/>
  <c r="D4029" i="1"/>
  <c r="D4030" i="1"/>
  <c r="D4031" i="1"/>
  <c r="D4032" i="1"/>
  <c r="D4033" i="1"/>
  <c r="D4034" i="1"/>
  <c r="D4035" i="1"/>
  <c r="D4036" i="1"/>
  <c r="D4037" i="1"/>
  <c r="D4038" i="1"/>
  <c r="D4039" i="1"/>
  <c r="D4040" i="1"/>
  <c r="D4041" i="1"/>
  <c r="D4042" i="1"/>
  <c r="D4043" i="1"/>
  <c r="D4044" i="1"/>
  <c r="D4045" i="1"/>
  <c r="D4046" i="1"/>
  <c r="D4047" i="1"/>
  <c r="D4048" i="1"/>
  <c r="D4049" i="1"/>
  <c r="D4050" i="1"/>
  <c r="D4051" i="1"/>
  <c r="D4052" i="1"/>
  <c r="D4053" i="1"/>
  <c r="D4054" i="1"/>
  <c r="D4055" i="1"/>
  <c r="D4056" i="1"/>
  <c r="D4057" i="1"/>
  <c r="D4058" i="1"/>
  <c r="D4059" i="1"/>
  <c r="D4060" i="1"/>
  <c r="D4061" i="1"/>
  <c r="D4062" i="1"/>
  <c r="D4063" i="1"/>
  <c r="D4064" i="1"/>
  <c r="D4065" i="1"/>
  <c r="D4066" i="1"/>
  <c r="D4067" i="1"/>
  <c r="D4068" i="1"/>
  <c r="D4069" i="1"/>
  <c r="D4070" i="1"/>
  <c r="D4071" i="1"/>
  <c r="D4072" i="1"/>
  <c r="D4073" i="1"/>
  <c r="D4074" i="1"/>
  <c r="D4075" i="1"/>
  <c r="D4076" i="1"/>
  <c r="D4077" i="1"/>
  <c r="D4078" i="1"/>
  <c r="D4079" i="1"/>
  <c r="D4080" i="1"/>
  <c r="D4081" i="1"/>
  <c r="D4082" i="1"/>
  <c r="D4083" i="1"/>
  <c r="D4084" i="1"/>
  <c r="D4085" i="1"/>
  <c r="D4086" i="1"/>
  <c r="D4087" i="1"/>
  <c r="D4088" i="1"/>
  <c r="D4089" i="1"/>
  <c r="D4090" i="1"/>
  <c r="D4091" i="1"/>
  <c r="D4092" i="1"/>
  <c r="D4093" i="1"/>
  <c r="D4094" i="1"/>
  <c r="D4095" i="1"/>
  <c r="D4096" i="1"/>
  <c r="D4097" i="1"/>
  <c r="D4098" i="1"/>
  <c r="D4099" i="1"/>
  <c r="D4100" i="1"/>
  <c r="D4101" i="1"/>
  <c r="D4102" i="1"/>
  <c r="D4103" i="1"/>
  <c r="D4104" i="1"/>
  <c r="D4105" i="1"/>
  <c r="D4106" i="1"/>
  <c r="D4107" i="1"/>
  <c r="D4108" i="1"/>
  <c r="D4109" i="1"/>
  <c r="D4110" i="1"/>
  <c r="D4111" i="1"/>
  <c r="D4112" i="1"/>
  <c r="D4113" i="1"/>
  <c r="D4114" i="1"/>
  <c r="D4115" i="1"/>
  <c r="D4116" i="1"/>
  <c r="D4117" i="1"/>
  <c r="D4118" i="1"/>
  <c r="D4119" i="1"/>
  <c r="D4120" i="1"/>
  <c r="D4121" i="1"/>
  <c r="D4122" i="1"/>
  <c r="D4123" i="1"/>
  <c r="D4124" i="1"/>
  <c r="D4125" i="1"/>
  <c r="D4126" i="1"/>
  <c r="D4127" i="1"/>
  <c r="D4128" i="1"/>
  <c r="D4129" i="1"/>
  <c r="D4130" i="1"/>
  <c r="D4131" i="1"/>
  <c r="D4132" i="1"/>
  <c r="D4133" i="1"/>
  <c r="D4134" i="1"/>
  <c r="D4135" i="1"/>
  <c r="D4136" i="1"/>
  <c r="D4137" i="1"/>
  <c r="D4138" i="1"/>
  <c r="D4139" i="1"/>
  <c r="D4140" i="1"/>
  <c r="D4141" i="1"/>
  <c r="D4142" i="1"/>
  <c r="D4143" i="1"/>
  <c r="D4144" i="1"/>
  <c r="D4145" i="1"/>
  <c r="D4146" i="1"/>
  <c r="D4147" i="1"/>
  <c r="D4148" i="1"/>
  <c r="D4149" i="1"/>
  <c r="D4150" i="1"/>
  <c r="D4151" i="1"/>
  <c r="D4152" i="1"/>
  <c r="D4153" i="1"/>
  <c r="D4154" i="1"/>
  <c r="D4155" i="1"/>
  <c r="D4156" i="1"/>
  <c r="D4157" i="1"/>
  <c r="D4158" i="1"/>
  <c r="D4159" i="1"/>
  <c r="D4160" i="1"/>
  <c r="D4161" i="1"/>
  <c r="D4162" i="1"/>
  <c r="D4163" i="1"/>
  <c r="D4164" i="1"/>
  <c r="D4165" i="1"/>
  <c r="D4166" i="1"/>
  <c r="D4167" i="1"/>
  <c r="D4168" i="1"/>
  <c r="D4169" i="1"/>
  <c r="D4170" i="1"/>
  <c r="D4171" i="1"/>
  <c r="D4172" i="1"/>
  <c r="D4173" i="1"/>
  <c r="D4174" i="1"/>
  <c r="D4175" i="1"/>
  <c r="D4176" i="1"/>
  <c r="D4177" i="1"/>
  <c r="D4178" i="1"/>
  <c r="D4179" i="1"/>
  <c r="D4180" i="1"/>
  <c r="D4181" i="1"/>
  <c r="D4182" i="1"/>
  <c r="D4183" i="1"/>
  <c r="D4184" i="1"/>
  <c r="D4185" i="1"/>
  <c r="D4186" i="1"/>
  <c r="D4187" i="1"/>
  <c r="D4188" i="1"/>
  <c r="D4189" i="1"/>
  <c r="D4190" i="1"/>
  <c r="D4191" i="1"/>
  <c r="D4192" i="1"/>
  <c r="D4193" i="1"/>
  <c r="D4194" i="1"/>
  <c r="D4195" i="1"/>
  <c r="D4196" i="1"/>
  <c r="D4197" i="1"/>
  <c r="D4198" i="1"/>
  <c r="D4199" i="1"/>
  <c r="D4200" i="1"/>
  <c r="D4201" i="1"/>
  <c r="D4202" i="1"/>
  <c r="D4203" i="1"/>
  <c r="D4204" i="1"/>
  <c r="D4205" i="1"/>
  <c r="D4206" i="1"/>
  <c r="D4207" i="1"/>
  <c r="D4208" i="1"/>
  <c r="D4209" i="1"/>
  <c r="D4210" i="1"/>
  <c r="D4211" i="1"/>
  <c r="D4212" i="1"/>
  <c r="D4213" i="1"/>
  <c r="D4214" i="1"/>
  <c r="D4215" i="1"/>
  <c r="D4216" i="1"/>
  <c r="D4217" i="1"/>
  <c r="D4218" i="1"/>
  <c r="D4219" i="1"/>
  <c r="D4220" i="1"/>
  <c r="D4221" i="1"/>
  <c r="D4222" i="1"/>
  <c r="D4223" i="1"/>
  <c r="D4224" i="1"/>
  <c r="D4225" i="1"/>
  <c r="D4226" i="1"/>
  <c r="D4227" i="1"/>
  <c r="D4228" i="1"/>
  <c r="D4229" i="1"/>
  <c r="D4230" i="1"/>
  <c r="D4231" i="1"/>
  <c r="D4232" i="1"/>
  <c r="D4233" i="1"/>
  <c r="D4234" i="1"/>
  <c r="D4235" i="1"/>
  <c r="D4236" i="1"/>
  <c r="D4237" i="1"/>
  <c r="D4238" i="1"/>
  <c r="D4239" i="1"/>
  <c r="D4240" i="1"/>
  <c r="D4241" i="1"/>
  <c r="D4242" i="1"/>
  <c r="D4243" i="1"/>
  <c r="D4244" i="1"/>
  <c r="D4245" i="1"/>
  <c r="D4246" i="1"/>
  <c r="D4247" i="1"/>
  <c r="D4248" i="1"/>
  <c r="D4249" i="1"/>
  <c r="D4250" i="1"/>
  <c r="D4251" i="1"/>
  <c r="D4252" i="1"/>
  <c r="D4253" i="1"/>
  <c r="D4254" i="1"/>
  <c r="D4255" i="1"/>
  <c r="D4256" i="1"/>
  <c r="D4257" i="1"/>
  <c r="D4258" i="1"/>
  <c r="D4259" i="1"/>
  <c r="D4260" i="1"/>
  <c r="D4261" i="1"/>
  <c r="D4262" i="1"/>
  <c r="D4263" i="1"/>
  <c r="D4264" i="1"/>
  <c r="D4265" i="1"/>
  <c r="D4266" i="1"/>
  <c r="D4267" i="1"/>
  <c r="D4268" i="1"/>
  <c r="D4269" i="1"/>
  <c r="D4270" i="1"/>
  <c r="D4271" i="1"/>
  <c r="D4272" i="1"/>
  <c r="D4273" i="1"/>
  <c r="D4274" i="1"/>
  <c r="D4275" i="1"/>
  <c r="D4276" i="1"/>
  <c r="D4277" i="1"/>
  <c r="D4278" i="1"/>
  <c r="D4279" i="1"/>
  <c r="D4280" i="1"/>
  <c r="D4281" i="1"/>
  <c r="D4282" i="1"/>
  <c r="D4283" i="1"/>
  <c r="D4284" i="1"/>
  <c r="D4285" i="1"/>
  <c r="D4286" i="1"/>
  <c r="D4287" i="1"/>
  <c r="D4288" i="1"/>
  <c r="D4289" i="1"/>
  <c r="D4290" i="1"/>
  <c r="D4291" i="1"/>
  <c r="D4292" i="1"/>
  <c r="D4293" i="1"/>
  <c r="D4294" i="1"/>
  <c r="D4295" i="1"/>
  <c r="D4296" i="1"/>
  <c r="D4297" i="1"/>
  <c r="D4298" i="1"/>
  <c r="D4299" i="1"/>
  <c r="D4300" i="1"/>
  <c r="D4301" i="1"/>
  <c r="D4302" i="1"/>
  <c r="D4303" i="1"/>
  <c r="D4304" i="1"/>
  <c r="D4305" i="1"/>
  <c r="D4306" i="1"/>
  <c r="D4307" i="1"/>
  <c r="D4308" i="1"/>
  <c r="D4309" i="1"/>
  <c r="D4310" i="1"/>
  <c r="D4311" i="1"/>
  <c r="D4312" i="1"/>
  <c r="D4313" i="1"/>
  <c r="D4314" i="1"/>
  <c r="D4315" i="1"/>
  <c r="D4316" i="1"/>
  <c r="D4317" i="1"/>
  <c r="D4318" i="1"/>
  <c r="D4319" i="1"/>
  <c r="D4320" i="1"/>
  <c r="D4321" i="1"/>
  <c r="D4322" i="1"/>
  <c r="D4323" i="1"/>
  <c r="D4324" i="1"/>
  <c r="D4325" i="1"/>
  <c r="D4326" i="1"/>
  <c r="D4327" i="1"/>
  <c r="D4328" i="1"/>
  <c r="D4329" i="1"/>
  <c r="D4330" i="1"/>
  <c r="D4331" i="1"/>
  <c r="D4332" i="1"/>
  <c r="D4333" i="1"/>
  <c r="D4334" i="1"/>
  <c r="D4335" i="1"/>
  <c r="D4336" i="1"/>
  <c r="D4337" i="1"/>
  <c r="D4338" i="1"/>
  <c r="D4339" i="1"/>
  <c r="D4340" i="1"/>
  <c r="D4341" i="1"/>
  <c r="D4342" i="1"/>
  <c r="D4343" i="1"/>
  <c r="D4344" i="1"/>
  <c r="D4345" i="1"/>
  <c r="D4346" i="1"/>
  <c r="D4347" i="1"/>
  <c r="D4348" i="1"/>
  <c r="D4349" i="1"/>
  <c r="D4350" i="1"/>
  <c r="D4351" i="1"/>
  <c r="D4352" i="1"/>
  <c r="D4353" i="1"/>
  <c r="D4354" i="1"/>
  <c r="D4355" i="1"/>
  <c r="D4356" i="1"/>
  <c r="D4357" i="1"/>
  <c r="D4358" i="1"/>
  <c r="D4359" i="1"/>
  <c r="D4360" i="1"/>
  <c r="D4361" i="1"/>
  <c r="D4362" i="1"/>
  <c r="D4363" i="1"/>
  <c r="D4364" i="1"/>
  <c r="D4365" i="1"/>
  <c r="D4366" i="1"/>
  <c r="D4367" i="1"/>
  <c r="D4368" i="1"/>
  <c r="D4369" i="1"/>
  <c r="D4370" i="1"/>
  <c r="D4371" i="1"/>
  <c r="D4372" i="1"/>
  <c r="D4373" i="1"/>
  <c r="D4374" i="1"/>
  <c r="D4375" i="1"/>
  <c r="D4376" i="1"/>
  <c r="D4377" i="1"/>
  <c r="D4378" i="1"/>
  <c r="D4379" i="1"/>
  <c r="D4380" i="1"/>
  <c r="D4381" i="1"/>
  <c r="D4382" i="1"/>
  <c r="D4383" i="1"/>
  <c r="D4384" i="1"/>
  <c r="D4385" i="1"/>
  <c r="D4386" i="1"/>
  <c r="D4387" i="1"/>
  <c r="D4388" i="1"/>
  <c r="D4389" i="1"/>
  <c r="D4390" i="1"/>
  <c r="D4391" i="1"/>
  <c r="D4392" i="1"/>
  <c r="D4393" i="1"/>
  <c r="D4394" i="1"/>
  <c r="D4395" i="1"/>
  <c r="D4396" i="1"/>
  <c r="D4397" i="1"/>
  <c r="D4398" i="1"/>
  <c r="D4399" i="1"/>
  <c r="D4400" i="1"/>
  <c r="D4401" i="1"/>
  <c r="D4402" i="1"/>
  <c r="D4403" i="1"/>
  <c r="D4404" i="1"/>
  <c r="D4405" i="1"/>
  <c r="D4406" i="1"/>
  <c r="D4407" i="1"/>
  <c r="D4408" i="1"/>
  <c r="D4409" i="1"/>
  <c r="D4410" i="1"/>
  <c r="D4411" i="1"/>
  <c r="D4412" i="1"/>
  <c r="D4413" i="1"/>
  <c r="D4414" i="1"/>
  <c r="D4415" i="1"/>
  <c r="D4416" i="1"/>
  <c r="D4417" i="1"/>
  <c r="D4418" i="1"/>
  <c r="D4419" i="1"/>
  <c r="D4420" i="1"/>
  <c r="D4421" i="1"/>
  <c r="D4422" i="1"/>
  <c r="D4423" i="1"/>
  <c r="D4424" i="1"/>
  <c r="D4425" i="1"/>
  <c r="D4426" i="1"/>
  <c r="D4427" i="1"/>
  <c r="D4428" i="1"/>
  <c r="D4429" i="1"/>
  <c r="D4430" i="1"/>
  <c r="D4431" i="1"/>
  <c r="D4432" i="1"/>
  <c r="D4433" i="1"/>
  <c r="D4434" i="1"/>
  <c r="D4435" i="1"/>
  <c r="D4436" i="1"/>
  <c r="D4437" i="1"/>
  <c r="D4438" i="1"/>
  <c r="D4439" i="1"/>
  <c r="D4440" i="1"/>
  <c r="D4441" i="1"/>
  <c r="D4442" i="1"/>
  <c r="D4443" i="1"/>
  <c r="D4444" i="1"/>
  <c r="D4445" i="1"/>
  <c r="D4446" i="1"/>
  <c r="D4447" i="1"/>
  <c r="D4448" i="1"/>
  <c r="D4449" i="1"/>
  <c r="D4450" i="1"/>
  <c r="D4451" i="1"/>
  <c r="D4452" i="1"/>
  <c r="D4453" i="1"/>
  <c r="D4454" i="1"/>
  <c r="D4455" i="1"/>
  <c r="D4456" i="1"/>
  <c r="D4457" i="1"/>
  <c r="D4458" i="1"/>
  <c r="D4459" i="1"/>
  <c r="D4460" i="1"/>
  <c r="D4461" i="1"/>
  <c r="D4462" i="1"/>
  <c r="D4463" i="1"/>
  <c r="D4464" i="1"/>
  <c r="D4465" i="1"/>
  <c r="D4466" i="1"/>
  <c r="D4467" i="1"/>
  <c r="D4468" i="1"/>
  <c r="D4469" i="1"/>
  <c r="D4470" i="1"/>
  <c r="D4471" i="1"/>
  <c r="D4472" i="1"/>
  <c r="D4473" i="1"/>
  <c r="D4474" i="1"/>
  <c r="D4475" i="1"/>
  <c r="D4476" i="1"/>
  <c r="D4477" i="1"/>
  <c r="D4478" i="1"/>
  <c r="D4479" i="1"/>
  <c r="D4480" i="1"/>
  <c r="D4481" i="1"/>
  <c r="D4482" i="1"/>
  <c r="D4483" i="1"/>
  <c r="D4484" i="1"/>
  <c r="D4485" i="1"/>
  <c r="D4486" i="1"/>
  <c r="D4487" i="1"/>
  <c r="D4488" i="1"/>
  <c r="D4489" i="1"/>
  <c r="D4490" i="1"/>
  <c r="D4491" i="1"/>
  <c r="D4492" i="1"/>
  <c r="D4493" i="1"/>
  <c r="D4494" i="1"/>
  <c r="D4495" i="1"/>
  <c r="D4496" i="1"/>
  <c r="D4497" i="1"/>
  <c r="D4498" i="1"/>
  <c r="D4499" i="1"/>
  <c r="D4500" i="1"/>
  <c r="D4501" i="1"/>
  <c r="D4502" i="1"/>
  <c r="D4503" i="1"/>
  <c r="D4504" i="1"/>
  <c r="D4505" i="1"/>
  <c r="D4506" i="1"/>
  <c r="D4507" i="1"/>
  <c r="D4508" i="1"/>
  <c r="D4509" i="1"/>
  <c r="D4510" i="1"/>
  <c r="D4511" i="1"/>
  <c r="D4512" i="1"/>
  <c r="D4513" i="1"/>
  <c r="D4514" i="1"/>
  <c r="D4515" i="1"/>
  <c r="D4516" i="1"/>
  <c r="D4517" i="1"/>
  <c r="D4518" i="1"/>
  <c r="D4519" i="1"/>
  <c r="D4520" i="1"/>
  <c r="D4521" i="1"/>
  <c r="D4522" i="1"/>
  <c r="D4523" i="1"/>
  <c r="D4524" i="1"/>
  <c r="D4525" i="1"/>
  <c r="D4526" i="1"/>
  <c r="D4527" i="1"/>
  <c r="D4528" i="1"/>
  <c r="D4529" i="1"/>
  <c r="D4530" i="1"/>
  <c r="D4531" i="1"/>
  <c r="D4532" i="1"/>
  <c r="D4533" i="1"/>
  <c r="D4534" i="1"/>
  <c r="D4535" i="1"/>
  <c r="D4536" i="1"/>
  <c r="D4537" i="1"/>
  <c r="D4538" i="1"/>
  <c r="D4539" i="1"/>
  <c r="D4540" i="1"/>
  <c r="D4541" i="1"/>
  <c r="D4542" i="1"/>
  <c r="D4543" i="1"/>
  <c r="D4544" i="1"/>
  <c r="D4545" i="1"/>
  <c r="D4546" i="1"/>
  <c r="D4547" i="1"/>
  <c r="D4548" i="1"/>
  <c r="D4549" i="1"/>
  <c r="D4550" i="1"/>
  <c r="D4551" i="1"/>
  <c r="D4552" i="1"/>
  <c r="D4553" i="1"/>
  <c r="D4554" i="1"/>
  <c r="D4555" i="1"/>
  <c r="D4556" i="1"/>
  <c r="D4557" i="1"/>
  <c r="D4558" i="1"/>
  <c r="D4559" i="1"/>
  <c r="D4560" i="1"/>
  <c r="D4561" i="1"/>
  <c r="D4562" i="1"/>
  <c r="D4563" i="1"/>
  <c r="D4564" i="1"/>
  <c r="D4565" i="1"/>
  <c r="D4566" i="1"/>
  <c r="D4567" i="1"/>
  <c r="D4568" i="1"/>
  <c r="D4569" i="1"/>
  <c r="D4570" i="1"/>
  <c r="D4571" i="1"/>
  <c r="D4572" i="1"/>
  <c r="D4573" i="1"/>
  <c r="D4574" i="1"/>
  <c r="D4575" i="1"/>
  <c r="D4576" i="1"/>
  <c r="D4577" i="1"/>
  <c r="D4578" i="1"/>
  <c r="D4579" i="1"/>
  <c r="D4580" i="1"/>
  <c r="D4581" i="1"/>
  <c r="D4582" i="1"/>
  <c r="D4583" i="1"/>
  <c r="D4584" i="1"/>
  <c r="D4585" i="1"/>
  <c r="D4586" i="1"/>
  <c r="D4587" i="1"/>
  <c r="D4588" i="1"/>
  <c r="D4589" i="1"/>
  <c r="D4590" i="1"/>
  <c r="D4591" i="1"/>
  <c r="D4592" i="1"/>
  <c r="D4593" i="1"/>
  <c r="D4594" i="1"/>
  <c r="D4595" i="1"/>
  <c r="D4596" i="1"/>
  <c r="D4597" i="1"/>
  <c r="D4598" i="1"/>
  <c r="D4599" i="1"/>
  <c r="D4600" i="1"/>
  <c r="D4601" i="1"/>
  <c r="D4602" i="1"/>
  <c r="D4603" i="1"/>
  <c r="D4604" i="1"/>
  <c r="D4605" i="1"/>
  <c r="D4606" i="1"/>
  <c r="D4607" i="1"/>
  <c r="D4608" i="1"/>
  <c r="D4609" i="1"/>
  <c r="D4610" i="1"/>
  <c r="D4611" i="1"/>
  <c r="D4612" i="1"/>
  <c r="D4613" i="1"/>
  <c r="D4614" i="1"/>
  <c r="D4615" i="1"/>
  <c r="D4616" i="1"/>
  <c r="D4617" i="1"/>
  <c r="D4618" i="1"/>
  <c r="D4619" i="1"/>
  <c r="D4620" i="1"/>
  <c r="D4621" i="1"/>
  <c r="D4622" i="1"/>
  <c r="D4623" i="1"/>
  <c r="D4624" i="1"/>
  <c r="D4625" i="1"/>
  <c r="D4626" i="1"/>
  <c r="D4627" i="1"/>
  <c r="D4628" i="1"/>
  <c r="D4629" i="1"/>
  <c r="D4630" i="1"/>
  <c r="D4631" i="1"/>
  <c r="D4632" i="1"/>
  <c r="D4633" i="1"/>
  <c r="D4634" i="1"/>
  <c r="D4635" i="1"/>
  <c r="D4636" i="1"/>
  <c r="D4637" i="1"/>
  <c r="D4638" i="1"/>
  <c r="D4639" i="1"/>
  <c r="D4640" i="1"/>
  <c r="D4641" i="1"/>
  <c r="D4642" i="1"/>
  <c r="D4643" i="1"/>
  <c r="D4644" i="1"/>
  <c r="D4645" i="1"/>
  <c r="D4646" i="1"/>
  <c r="D4647" i="1"/>
  <c r="D4648" i="1"/>
  <c r="D4649" i="1"/>
  <c r="D4650" i="1"/>
  <c r="D4651" i="1"/>
  <c r="D4652" i="1"/>
  <c r="D4653" i="1"/>
  <c r="D4654" i="1"/>
  <c r="D4655" i="1"/>
  <c r="D4656" i="1"/>
  <c r="D4657" i="1"/>
  <c r="D4658" i="1"/>
  <c r="D4659" i="1"/>
  <c r="D4660" i="1"/>
  <c r="D4661" i="1"/>
  <c r="D4662" i="1"/>
  <c r="D4663" i="1"/>
  <c r="D4664" i="1"/>
  <c r="D4665" i="1"/>
  <c r="D4666" i="1"/>
  <c r="D4667" i="1"/>
  <c r="D4668" i="1"/>
  <c r="D4669" i="1"/>
  <c r="D4670" i="1"/>
  <c r="D4671" i="1"/>
  <c r="D4672" i="1"/>
  <c r="D4673" i="1"/>
  <c r="D4674" i="1"/>
  <c r="D4675" i="1"/>
  <c r="D4676" i="1"/>
  <c r="D4677" i="1"/>
  <c r="D4678" i="1"/>
  <c r="D4679" i="1"/>
  <c r="D4680" i="1"/>
  <c r="D4681" i="1"/>
  <c r="D4682" i="1"/>
  <c r="D4683" i="1"/>
  <c r="D4684" i="1"/>
  <c r="D4685" i="1"/>
  <c r="D4686" i="1"/>
  <c r="D4687" i="1"/>
  <c r="D4688" i="1"/>
  <c r="D4689" i="1"/>
  <c r="D4690" i="1"/>
  <c r="D4691" i="1"/>
  <c r="D4692" i="1"/>
  <c r="D4693" i="1"/>
  <c r="D4694" i="1"/>
  <c r="D4695" i="1"/>
  <c r="D4696" i="1"/>
  <c r="D4697" i="1"/>
  <c r="D4698" i="1"/>
  <c r="D4699" i="1"/>
  <c r="D4700" i="1"/>
  <c r="D4701" i="1"/>
  <c r="D4702" i="1"/>
  <c r="D4703" i="1"/>
  <c r="D4704" i="1"/>
  <c r="D4705" i="1"/>
  <c r="D4706" i="1"/>
  <c r="D4707" i="1"/>
  <c r="D4708" i="1"/>
  <c r="D4709" i="1"/>
  <c r="D4710" i="1"/>
  <c r="D4711" i="1"/>
  <c r="D4712" i="1"/>
  <c r="D4713" i="1"/>
  <c r="D4714" i="1"/>
  <c r="D4715" i="1"/>
  <c r="D4716" i="1"/>
  <c r="D4717" i="1"/>
  <c r="D4718" i="1"/>
  <c r="D4719" i="1"/>
  <c r="D4720" i="1"/>
  <c r="D4721" i="1"/>
  <c r="D4722" i="1"/>
  <c r="D4723" i="1"/>
  <c r="D4724" i="1"/>
  <c r="D4725" i="1"/>
  <c r="D4726" i="1"/>
  <c r="D4727" i="1"/>
  <c r="D4728" i="1"/>
  <c r="D4729" i="1"/>
  <c r="D4730" i="1"/>
  <c r="D4731" i="1"/>
  <c r="D4732" i="1"/>
  <c r="D4733" i="1"/>
  <c r="D4734" i="1"/>
  <c r="D4735" i="1"/>
  <c r="D4736" i="1"/>
  <c r="D4737" i="1"/>
  <c r="D4738" i="1"/>
  <c r="D4739" i="1"/>
  <c r="D4740" i="1"/>
  <c r="D4741" i="1"/>
  <c r="D4742" i="1"/>
  <c r="D4743" i="1"/>
  <c r="D4744" i="1"/>
  <c r="D4745" i="1"/>
  <c r="D4746" i="1"/>
  <c r="D4747" i="1"/>
  <c r="D4748" i="1"/>
  <c r="D4749" i="1"/>
  <c r="D4750" i="1"/>
  <c r="D4751" i="1"/>
  <c r="D4752" i="1"/>
  <c r="D4753" i="1"/>
  <c r="D4754" i="1"/>
  <c r="D4755" i="1"/>
  <c r="D4756" i="1"/>
  <c r="D4757" i="1"/>
  <c r="D4758" i="1"/>
  <c r="D4759" i="1"/>
  <c r="D4760" i="1"/>
  <c r="D4761" i="1"/>
  <c r="D4762" i="1"/>
  <c r="D4763" i="1"/>
  <c r="D4764" i="1"/>
  <c r="D4765" i="1"/>
  <c r="D4766" i="1"/>
  <c r="D4767" i="1"/>
  <c r="D4768" i="1"/>
  <c r="D4769" i="1"/>
  <c r="D4770" i="1"/>
  <c r="D4771" i="1"/>
  <c r="D4772" i="1"/>
  <c r="D4773" i="1"/>
  <c r="D4774" i="1"/>
  <c r="D4775" i="1"/>
  <c r="D4776" i="1"/>
  <c r="D4777" i="1"/>
  <c r="D4778" i="1"/>
  <c r="D4779" i="1"/>
  <c r="D4780" i="1"/>
  <c r="D4781" i="1"/>
  <c r="D4782" i="1"/>
  <c r="D4783" i="1"/>
  <c r="D4784" i="1"/>
  <c r="D4785" i="1"/>
  <c r="D4786" i="1"/>
  <c r="D4787" i="1"/>
  <c r="D4788" i="1"/>
  <c r="D4789" i="1"/>
  <c r="D4790" i="1"/>
  <c r="D4791" i="1"/>
  <c r="D4792" i="1"/>
  <c r="D4793" i="1"/>
  <c r="D4794" i="1"/>
  <c r="D4795" i="1"/>
  <c r="D4796" i="1"/>
  <c r="D4797" i="1"/>
  <c r="D4798" i="1"/>
  <c r="D4799" i="1"/>
  <c r="D4800" i="1"/>
  <c r="D4801" i="1"/>
  <c r="D4802" i="1"/>
  <c r="D4803" i="1"/>
  <c r="D4804" i="1"/>
  <c r="D4805" i="1"/>
  <c r="D4806" i="1"/>
  <c r="D4807" i="1"/>
  <c r="D4808" i="1"/>
  <c r="D4809" i="1"/>
  <c r="D4810" i="1"/>
  <c r="D4811" i="1"/>
  <c r="D4812" i="1"/>
  <c r="D4813" i="1"/>
  <c r="D4814" i="1"/>
  <c r="D4815" i="1"/>
  <c r="D4816" i="1"/>
  <c r="D4817" i="1"/>
  <c r="D4818" i="1"/>
  <c r="D4819" i="1"/>
  <c r="D4820" i="1"/>
  <c r="D4821" i="1"/>
  <c r="D4822" i="1"/>
  <c r="D4823" i="1"/>
  <c r="D4824" i="1"/>
  <c r="D4825" i="1"/>
  <c r="D4826" i="1"/>
  <c r="D4827" i="1"/>
  <c r="D4828" i="1"/>
  <c r="D4829" i="1"/>
  <c r="D4830" i="1"/>
  <c r="D4831" i="1"/>
  <c r="D4832" i="1"/>
  <c r="D4833" i="1"/>
  <c r="D4834" i="1"/>
  <c r="D4835" i="1"/>
  <c r="D4836" i="1"/>
  <c r="D4837" i="1"/>
  <c r="D4838" i="1"/>
  <c r="D4839" i="1"/>
  <c r="D4840" i="1"/>
  <c r="D4841" i="1"/>
  <c r="D4842" i="1"/>
  <c r="D4843" i="1"/>
  <c r="D4844" i="1"/>
  <c r="D4845" i="1"/>
  <c r="D4846" i="1"/>
  <c r="D4847" i="1"/>
  <c r="D4848" i="1"/>
  <c r="D4849" i="1"/>
  <c r="D4850" i="1"/>
  <c r="D4851" i="1"/>
  <c r="D4852" i="1"/>
  <c r="D4853" i="1"/>
  <c r="D4854" i="1"/>
  <c r="D4855" i="1"/>
  <c r="D4856" i="1"/>
  <c r="D4857" i="1"/>
  <c r="D4858" i="1"/>
  <c r="D4859" i="1"/>
  <c r="D4860" i="1"/>
  <c r="D4861" i="1"/>
  <c r="D4862" i="1"/>
  <c r="D4863" i="1"/>
  <c r="D4864" i="1"/>
  <c r="D4865" i="1"/>
  <c r="D4866" i="1"/>
  <c r="D4867" i="1"/>
  <c r="D4868" i="1"/>
  <c r="D4869" i="1"/>
  <c r="D4870" i="1"/>
  <c r="D4871" i="1"/>
  <c r="D4872" i="1"/>
  <c r="D4873" i="1"/>
  <c r="D4874" i="1"/>
  <c r="D4875" i="1"/>
  <c r="D4876" i="1"/>
  <c r="D4877" i="1"/>
  <c r="D4878" i="1"/>
  <c r="D4879" i="1"/>
  <c r="D4880" i="1"/>
  <c r="D4881" i="1"/>
  <c r="D4882" i="1"/>
  <c r="D4883" i="1"/>
  <c r="D4884" i="1"/>
  <c r="D4885" i="1"/>
  <c r="D4886" i="1"/>
  <c r="D4887" i="1"/>
  <c r="D4888" i="1"/>
  <c r="D4889" i="1"/>
  <c r="D4890" i="1"/>
  <c r="D4891" i="1"/>
  <c r="D4892" i="1"/>
  <c r="D4893" i="1"/>
  <c r="D4894" i="1"/>
  <c r="D4895" i="1"/>
  <c r="D4896" i="1"/>
  <c r="D4897" i="1"/>
  <c r="D4898" i="1"/>
  <c r="D4899" i="1"/>
  <c r="D4900" i="1"/>
  <c r="D4901" i="1"/>
  <c r="D4902" i="1"/>
  <c r="D4903" i="1"/>
  <c r="D4904" i="1"/>
  <c r="D4905" i="1"/>
  <c r="D4906" i="1"/>
  <c r="D4907" i="1"/>
  <c r="D4908" i="1"/>
  <c r="D4909" i="1"/>
  <c r="D4910" i="1"/>
  <c r="D4911" i="1"/>
  <c r="D4912" i="1"/>
  <c r="D4913" i="1"/>
  <c r="D4914" i="1"/>
  <c r="D4915" i="1"/>
  <c r="D4916" i="1"/>
  <c r="D4917" i="1"/>
  <c r="D4918" i="1"/>
  <c r="D4919" i="1"/>
  <c r="D4920" i="1"/>
  <c r="D4921" i="1"/>
  <c r="D4922" i="1"/>
  <c r="D4923" i="1"/>
  <c r="D4924" i="1"/>
  <c r="D4925" i="1"/>
  <c r="D4926" i="1"/>
  <c r="D4927" i="1"/>
  <c r="D4928" i="1"/>
  <c r="D4929" i="1"/>
  <c r="D4930" i="1"/>
  <c r="D4931" i="1"/>
  <c r="D4932" i="1"/>
  <c r="D4933" i="1"/>
  <c r="D4934" i="1"/>
  <c r="D4935" i="1"/>
  <c r="D4936" i="1"/>
  <c r="D4937" i="1"/>
  <c r="D4938" i="1"/>
  <c r="D4939" i="1"/>
  <c r="D4940" i="1"/>
  <c r="D4941" i="1"/>
  <c r="D4942" i="1"/>
  <c r="D4943" i="1"/>
  <c r="D4944" i="1"/>
  <c r="D4945" i="1"/>
  <c r="D4946" i="1"/>
  <c r="D4947" i="1"/>
  <c r="D4948" i="1"/>
  <c r="D4949" i="1"/>
  <c r="D4950" i="1"/>
  <c r="D4951" i="1"/>
  <c r="D4952" i="1"/>
  <c r="D4953" i="1"/>
  <c r="D4954" i="1"/>
  <c r="D4955" i="1"/>
  <c r="D4956" i="1"/>
  <c r="D4957" i="1"/>
  <c r="D4958" i="1"/>
  <c r="D4959" i="1"/>
  <c r="D4960" i="1"/>
  <c r="D4961" i="1"/>
  <c r="D4962" i="1"/>
  <c r="D4963" i="1"/>
  <c r="D4964" i="1"/>
  <c r="D4965" i="1"/>
  <c r="D4966" i="1"/>
  <c r="D4967" i="1"/>
  <c r="D4968" i="1"/>
  <c r="D4969" i="1"/>
  <c r="D4970" i="1"/>
  <c r="D4971" i="1"/>
  <c r="D4972" i="1"/>
  <c r="D4973" i="1"/>
  <c r="D4974" i="1"/>
  <c r="D4975" i="1"/>
  <c r="D4976" i="1"/>
  <c r="D4977" i="1"/>
  <c r="D4978" i="1"/>
  <c r="D4979" i="1"/>
  <c r="D4980" i="1"/>
  <c r="D4981" i="1"/>
  <c r="D4982" i="1"/>
  <c r="D4983" i="1"/>
  <c r="D4984" i="1"/>
  <c r="D4985" i="1"/>
  <c r="D4986" i="1"/>
  <c r="D4987" i="1"/>
  <c r="D4988" i="1"/>
  <c r="D4989" i="1"/>
  <c r="D4990" i="1"/>
  <c r="D4991" i="1"/>
  <c r="D4992" i="1"/>
  <c r="D4993" i="1"/>
  <c r="D4994" i="1"/>
  <c r="D4995" i="1"/>
  <c r="D4996" i="1"/>
  <c r="D4997" i="1"/>
  <c r="D4998" i="1"/>
  <c r="D4999" i="1"/>
  <c r="D5000" i="1"/>
  <c r="D5001" i="1"/>
  <c r="D5002" i="1"/>
  <c r="D5003" i="1"/>
  <c r="D5004" i="1"/>
  <c r="D5005" i="1"/>
  <c r="D5006" i="1"/>
  <c r="D5007" i="1"/>
  <c r="D5008" i="1"/>
  <c r="D5009" i="1"/>
  <c r="D5010" i="1"/>
  <c r="D5011" i="1"/>
  <c r="D5012" i="1"/>
  <c r="D5013" i="1"/>
  <c r="D5014" i="1"/>
  <c r="D5015" i="1"/>
  <c r="D5016" i="1"/>
  <c r="D5017" i="1"/>
  <c r="D5018" i="1"/>
  <c r="D5019" i="1"/>
  <c r="D5020" i="1"/>
  <c r="D5021" i="1"/>
  <c r="D5022" i="1"/>
  <c r="D5023" i="1"/>
  <c r="D5024" i="1"/>
  <c r="D5025" i="1"/>
  <c r="D5026" i="1"/>
  <c r="D5027" i="1"/>
  <c r="D5028" i="1"/>
  <c r="D5029" i="1"/>
  <c r="D5030" i="1"/>
  <c r="D5031" i="1"/>
  <c r="D5032" i="1"/>
  <c r="D5033" i="1"/>
  <c r="D5034" i="1"/>
  <c r="D5035" i="1"/>
  <c r="D5036" i="1"/>
  <c r="D5037" i="1"/>
  <c r="D5038" i="1"/>
  <c r="D5039" i="1"/>
  <c r="D5040" i="1"/>
  <c r="D5041" i="1"/>
  <c r="D5042" i="1"/>
  <c r="D5043" i="1"/>
  <c r="D5044" i="1"/>
  <c r="D5045" i="1"/>
  <c r="D5046" i="1"/>
  <c r="D5047" i="1"/>
  <c r="D5048" i="1"/>
  <c r="D5049" i="1"/>
  <c r="D5050" i="1"/>
  <c r="D5051" i="1"/>
  <c r="D5052" i="1"/>
  <c r="D5053" i="1"/>
  <c r="D5054" i="1"/>
  <c r="D5055" i="1"/>
  <c r="D5056" i="1"/>
  <c r="D5057" i="1"/>
  <c r="D5058" i="1"/>
  <c r="D5059" i="1"/>
  <c r="D5060" i="1"/>
  <c r="D5061" i="1"/>
  <c r="D5062" i="1"/>
  <c r="D5063" i="1"/>
  <c r="D5064" i="1"/>
  <c r="D5065" i="1"/>
  <c r="D5066" i="1"/>
  <c r="D5067" i="1"/>
  <c r="D5068" i="1"/>
  <c r="D5069" i="1"/>
  <c r="D5070" i="1"/>
  <c r="D5071" i="1"/>
  <c r="D5072" i="1"/>
  <c r="D5073" i="1"/>
  <c r="D5074" i="1"/>
  <c r="D5075" i="1"/>
  <c r="D5076" i="1"/>
  <c r="D5077" i="1"/>
  <c r="D5078" i="1"/>
  <c r="D5079" i="1"/>
  <c r="D5080" i="1"/>
  <c r="D5081" i="1"/>
  <c r="D5082" i="1"/>
  <c r="D5083" i="1"/>
  <c r="D5084" i="1"/>
  <c r="D5085" i="1"/>
  <c r="D5086" i="1"/>
  <c r="D5087" i="1"/>
  <c r="D5088" i="1"/>
  <c r="D5089" i="1"/>
  <c r="D5090" i="1"/>
  <c r="D5091" i="1"/>
  <c r="D5092" i="1"/>
  <c r="D5093" i="1"/>
  <c r="D5094" i="1"/>
  <c r="D5095" i="1"/>
  <c r="D5096" i="1"/>
  <c r="D5097" i="1"/>
  <c r="D5098" i="1"/>
  <c r="D5099" i="1"/>
  <c r="D5100" i="1"/>
  <c r="D5101" i="1"/>
  <c r="D5102" i="1"/>
  <c r="D5103" i="1"/>
  <c r="D5104" i="1"/>
  <c r="D5105" i="1"/>
  <c r="D5106" i="1"/>
  <c r="D5107" i="1"/>
  <c r="D5108" i="1"/>
  <c r="D5109" i="1"/>
  <c r="D5110" i="1"/>
  <c r="D5111" i="1"/>
  <c r="D5112" i="1"/>
  <c r="D5113" i="1"/>
  <c r="D5114" i="1"/>
  <c r="D5115" i="1"/>
  <c r="D5116" i="1"/>
  <c r="D5117" i="1"/>
  <c r="D5118" i="1"/>
  <c r="D5119" i="1"/>
  <c r="D5120" i="1"/>
  <c r="D5121" i="1"/>
  <c r="D5122" i="1"/>
  <c r="D5123" i="1"/>
  <c r="D5124" i="1"/>
  <c r="D5125" i="1"/>
  <c r="D5126" i="1"/>
  <c r="D5127" i="1"/>
  <c r="D5128" i="1"/>
  <c r="D5129" i="1"/>
  <c r="D5130" i="1"/>
  <c r="D5131" i="1"/>
  <c r="D5132" i="1"/>
  <c r="D5133" i="1"/>
  <c r="D5134" i="1"/>
  <c r="D5135" i="1"/>
  <c r="D5136" i="1"/>
  <c r="D5137" i="1"/>
  <c r="D5138" i="1"/>
  <c r="D5139" i="1"/>
  <c r="D5140" i="1"/>
  <c r="D5141" i="1"/>
  <c r="D5142" i="1"/>
  <c r="D5143" i="1"/>
  <c r="D5144" i="1"/>
  <c r="D5145" i="1"/>
  <c r="D5146" i="1"/>
  <c r="D5147" i="1"/>
  <c r="D5148" i="1"/>
  <c r="D5149" i="1"/>
  <c r="D5150" i="1"/>
  <c r="D5151" i="1"/>
  <c r="D5152" i="1"/>
  <c r="D5153" i="1"/>
  <c r="D5154" i="1"/>
  <c r="D5155" i="1"/>
  <c r="D5156" i="1"/>
  <c r="D5157" i="1"/>
  <c r="D5158" i="1"/>
  <c r="D5159" i="1"/>
  <c r="D5160" i="1"/>
  <c r="D5161" i="1"/>
  <c r="D5162" i="1"/>
  <c r="D5163" i="1"/>
  <c r="D5164" i="1"/>
  <c r="D5165" i="1"/>
  <c r="D5166" i="1"/>
  <c r="D5167" i="1"/>
  <c r="D5168" i="1"/>
  <c r="D5169" i="1"/>
  <c r="D5170" i="1"/>
  <c r="D5171" i="1"/>
  <c r="D5172" i="1"/>
  <c r="D5173" i="1"/>
  <c r="D5174" i="1"/>
  <c r="D5175" i="1"/>
  <c r="D5176" i="1"/>
  <c r="D5177" i="1"/>
  <c r="D5178" i="1"/>
  <c r="D5179" i="1"/>
  <c r="D5180" i="1"/>
  <c r="D5181" i="1"/>
  <c r="D5182" i="1"/>
  <c r="D5183" i="1"/>
  <c r="D5184" i="1"/>
  <c r="D5185" i="1"/>
  <c r="D5186" i="1"/>
  <c r="D5187" i="1"/>
  <c r="D5188" i="1"/>
  <c r="D5189" i="1"/>
  <c r="D5190" i="1"/>
  <c r="D5191" i="1"/>
  <c r="D5192" i="1"/>
  <c r="D5193" i="1"/>
  <c r="D5194" i="1"/>
  <c r="D5195" i="1"/>
  <c r="D5196" i="1"/>
  <c r="D5197" i="1"/>
  <c r="D5198" i="1"/>
  <c r="D5199" i="1"/>
  <c r="D5200" i="1"/>
  <c r="D5201" i="1"/>
  <c r="D5202" i="1"/>
  <c r="D5203" i="1"/>
  <c r="D5204" i="1"/>
  <c r="D5205" i="1"/>
  <c r="D5206" i="1"/>
  <c r="D5207" i="1"/>
  <c r="D5208" i="1"/>
  <c r="D5209" i="1"/>
  <c r="D5210" i="1"/>
  <c r="D5211" i="1"/>
  <c r="D5212" i="1"/>
  <c r="D5213" i="1"/>
  <c r="D5214" i="1"/>
  <c r="D5215" i="1"/>
  <c r="D5216" i="1"/>
  <c r="D5217" i="1"/>
  <c r="D5218" i="1"/>
  <c r="D5219" i="1"/>
  <c r="D5220" i="1"/>
  <c r="D5221" i="1"/>
  <c r="D5222" i="1"/>
  <c r="D5223" i="1"/>
  <c r="D5224" i="1"/>
  <c r="D5225" i="1"/>
  <c r="D5226" i="1"/>
  <c r="D5227" i="1"/>
  <c r="D5228" i="1"/>
  <c r="D5229" i="1"/>
  <c r="D5230" i="1"/>
  <c r="D5231" i="1"/>
  <c r="D5232" i="1"/>
  <c r="D5233" i="1"/>
  <c r="D5234" i="1"/>
  <c r="D5235" i="1"/>
  <c r="D5236" i="1"/>
  <c r="D5237" i="1"/>
  <c r="D5238" i="1"/>
  <c r="D5239" i="1"/>
  <c r="D5240" i="1"/>
  <c r="D5241" i="1"/>
  <c r="D5242" i="1"/>
  <c r="D5243" i="1"/>
  <c r="D5244" i="1"/>
  <c r="D5245" i="1"/>
  <c r="D5246" i="1"/>
  <c r="D5247" i="1"/>
  <c r="D5248" i="1"/>
  <c r="D5249" i="1"/>
  <c r="D5250" i="1"/>
  <c r="D5251" i="1"/>
  <c r="D5252" i="1"/>
  <c r="D5253" i="1"/>
  <c r="D5254" i="1"/>
  <c r="D5255" i="1"/>
  <c r="D5256" i="1"/>
  <c r="D5257" i="1"/>
  <c r="D5258" i="1"/>
  <c r="D5259" i="1"/>
  <c r="D5260" i="1"/>
  <c r="D5261" i="1"/>
  <c r="D5262" i="1"/>
  <c r="D5263" i="1"/>
  <c r="D5264" i="1"/>
  <c r="D5265" i="1"/>
  <c r="D5266" i="1"/>
  <c r="D5267" i="1"/>
  <c r="D5268" i="1"/>
  <c r="D5269" i="1"/>
  <c r="D5270" i="1"/>
  <c r="D5271" i="1"/>
  <c r="D5272" i="1"/>
  <c r="D5273" i="1"/>
  <c r="D5274" i="1"/>
  <c r="D5275" i="1"/>
  <c r="D5276" i="1"/>
  <c r="D5277" i="1"/>
  <c r="D5278" i="1"/>
  <c r="D5279" i="1"/>
  <c r="D5280" i="1"/>
  <c r="D5281" i="1"/>
  <c r="D5282" i="1"/>
  <c r="D5283" i="1"/>
  <c r="D5284" i="1"/>
  <c r="D5285" i="1"/>
  <c r="D5286" i="1"/>
  <c r="D5287" i="1"/>
  <c r="D5288" i="1"/>
  <c r="D5289" i="1"/>
  <c r="D5290" i="1"/>
  <c r="D5291" i="1"/>
  <c r="D5292" i="1"/>
  <c r="D5293" i="1"/>
  <c r="D5294" i="1"/>
  <c r="D5295" i="1"/>
  <c r="D5296" i="1"/>
  <c r="D5297" i="1"/>
  <c r="D5298" i="1"/>
  <c r="D5299" i="1"/>
  <c r="D5300" i="1"/>
  <c r="D5301" i="1"/>
  <c r="D5302" i="1"/>
  <c r="D5303" i="1"/>
  <c r="D5304" i="1"/>
  <c r="D5305" i="1"/>
  <c r="D5306" i="1"/>
  <c r="D5307" i="1"/>
  <c r="D5308" i="1"/>
  <c r="D5309" i="1"/>
  <c r="D5310" i="1"/>
  <c r="D5311" i="1"/>
  <c r="D5312" i="1"/>
  <c r="D5313" i="1"/>
  <c r="D5314" i="1"/>
  <c r="D5315" i="1"/>
  <c r="D5316" i="1"/>
  <c r="D5317" i="1"/>
  <c r="D5318" i="1"/>
  <c r="D5319" i="1"/>
  <c r="D5320" i="1"/>
  <c r="D5321" i="1"/>
  <c r="D5322" i="1"/>
  <c r="D5323" i="1"/>
  <c r="D5324" i="1"/>
  <c r="D5325" i="1"/>
  <c r="D5326" i="1"/>
  <c r="D5327" i="1"/>
  <c r="D5328" i="1"/>
  <c r="D5329" i="1"/>
  <c r="D5330" i="1"/>
  <c r="D5331" i="1"/>
  <c r="D5332" i="1"/>
  <c r="D5333" i="1"/>
  <c r="D5334" i="1"/>
  <c r="D5335" i="1"/>
  <c r="D5336" i="1"/>
  <c r="D5337" i="1"/>
  <c r="D5338" i="1"/>
  <c r="D5339" i="1"/>
  <c r="D5340" i="1"/>
  <c r="D5341" i="1"/>
  <c r="D5342" i="1"/>
  <c r="D5343" i="1"/>
  <c r="D5344" i="1"/>
  <c r="D5345" i="1"/>
  <c r="D5346" i="1"/>
  <c r="D5347" i="1"/>
  <c r="D5348" i="1"/>
  <c r="D5349" i="1"/>
  <c r="D5350" i="1"/>
  <c r="D5351" i="1"/>
  <c r="D5352" i="1"/>
  <c r="D5353" i="1"/>
  <c r="D5354" i="1"/>
  <c r="D5355" i="1"/>
  <c r="D5356" i="1"/>
  <c r="D5357" i="1"/>
  <c r="D5358" i="1"/>
  <c r="D5359" i="1"/>
  <c r="D5360" i="1"/>
  <c r="D5361" i="1"/>
  <c r="D5362" i="1"/>
  <c r="D5363" i="1"/>
  <c r="D5364" i="1"/>
  <c r="D5365" i="1"/>
  <c r="D5366" i="1"/>
  <c r="D5367" i="1"/>
  <c r="D5368" i="1"/>
  <c r="D5369" i="1"/>
  <c r="D5370" i="1"/>
  <c r="D5371" i="1"/>
  <c r="D5372" i="1"/>
  <c r="D5373" i="1"/>
  <c r="D5374" i="1"/>
  <c r="D5375" i="1"/>
  <c r="D5376" i="1"/>
  <c r="D5377" i="1"/>
  <c r="D5378" i="1"/>
  <c r="D5379" i="1"/>
  <c r="D5380" i="1"/>
  <c r="D5381" i="1"/>
  <c r="D5382" i="1"/>
  <c r="D5383" i="1"/>
  <c r="D5384" i="1"/>
  <c r="D5385" i="1"/>
  <c r="D5386" i="1"/>
  <c r="D5387" i="1"/>
  <c r="D5388" i="1"/>
  <c r="D5389" i="1"/>
  <c r="D5390" i="1"/>
  <c r="D5391" i="1"/>
  <c r="D5392" i="1"/>
  <c r="D5393" i="1"/>
  <c r="D5394" i="1"/>
  <c r="D5395" i="1"/>
  <c r="D5396" i="1"/>
  <c r="D5397" i="1"/>
  <c r="D5398" i="1"/>
  <c r="D5399" i="1"/>
  <c r="D5400" i="1"/>
  <c r="D5401" i="1"/>
  <c r="D5402" i="1"/>
  <c r="D5403" i="1"/>
  <c r="D5404" i="1"/>
  <c r="D5405" i="1"/>
  <c r="D5406" i="1"/>
  <c r="D5407" i="1"/>
  <c r="D5408" i="1"/>
  <c r="D5409" i="1"/>
  <c r="D5410" i="1"/>
  <c r="D5411" i="1"/>
  <c r="D5412" i="1"/>
  <c r="D5413" i="1"/>
  <c r="D5414" i="1"/>
  <c r="D5415" i="1"/>
  <c r="D5416" i="1"/>
  <c r="D5417" i="1"/>
  <c r="D5418" i="1"/>
  <c r="D5419" i="1"/>
  <c r="D5420" i="1"/>
  <c r="D5421" i="1"/>
  <c r="D5422" i="1"/>
  <c r="D5423" i="1"/>
  <c r="D5424" i="1"/>
  <c r="D5425" i="1"/>
  <c r="D5426" i="1"/>
  <c r="D5427" i="1"/>
  <c r="D5428" i="1"/>
  <c r="D5429" i="1"/>
  <c r="D5430" i="1"/>
  <c r="D5431" i="1"/>
  <c r="D5432" i="1"/>
  <c r="D5433" i="1"/>
  <c r="D5434" i="1"/>
  <c r="D5435" i="1"/>
  <c r="D5436" i="1"/>
  <c r="D5437" i="1"/>
  <c r="D5438" i="1"/>
  <c r="D5439" i="1"/>
  <c r="D5440" i="1"/>
  <c r="D5441" i="1"/>
  <c r="D5442" i="1"/>
  <c r="D5443" i="1"/>
  <c r="D5444" i="1"/>
  <c r="D5445" i="1"/>
  <c r="D5446" i="1"/>
  <c r="D5447" i="1"/>
  <c r="D5448" i="1"/>
  <c r="D5449" i="1"/>
  <c r="D5450" i="1"/>
  <c r="D5451" i="1"/>
  <c r="D5452" i="1"/>
  <c r="D5453" i="1"/>
  <c r="D5454" i="1"/>
  <c r="D5455" i="1"/>
  <c r="D5456" i="1"/>
  <c r="D5457" i="1"/>
  <c r="D5458" i="1"/>
  <c r="D5459" i="1"/>
  <c r="D5460" i="1"/>
  <c r="D5461" i="1"/>
  <c r="D5462" i="1"/>
  <c r="D5463" i="1"/>
  <c r="D5464" i="1"/>
  <c r="D5465" i="1"/>
  <c r="D5466" i="1"/>
  <c r="D5467" i="1"/>
  <c r="D5468" i="1"/>
  <c r="D5469" i="1"/>
  <c r="D5470" i="1"/>
  <c r="D5471" i="1"/>
  <c r="D5472" i="1"/>
  <c r="D5473" i="1"/>
  <c r="D5474" i="1"/>
  <c r="D5475" i="1"/>
  <c r="D5476" i="1"/>
  <c r="D5477" i="1"/>
  <c r="D5478" i="1"/>
  <c r="D5479" i="1"/>
  <c r="D5480" i="1"/>
  <c r="D5481" i="1"/>
  <c r="D5482" i="1"/>
  <c r="D5483" i="1"/>
  <c r="D5484" i="1"/>
  <c r="D5485" i="1"/>
  <c r="D5486" i="1"/>
  <c r="D5487" i="1"/>
  <c r="D5488" i="1"/>
  <c r="D5489" i="1"/>
  <c r="D5490" i="1"/>
  <c r="D5491" i="1"/>
  <c r="D5492" i="1"/>
  <c r="D5493" i="1"/>
  <c r="D5494" i="1"/>
  <c r="D5495" i="1"/>
  <c r="D5496" i="1"/>
  <c r="D5497" i="1"/>
  <c r="D5498" i="1"/>
  <c r="D5499" i="1"/>
  <c r="D5500" i="1"/>
  <c r="D5501" i="1"/>
  <c r="D5502" i="1"/>
  <c r="D5503" i="1"/>
  <c r="D5504" i="1"/>
  <c r="D5505" i="1"/>
  <c r="D5506" i="1"/>
  <c r="D5507" i="1"/>
  <c r="D5508" i="1"/>
  <c r="D5509" i="1"/>
  <c r="D5510" i="1"/>
  <c r="D5511" i="1"/>
  <c r="D5512" i="1"/>
  <c r="D5513" i="1"/>
  <c r="D5514" i="1"/>
  <c r="D5515" i="1"/>
  <c r="D5516" i="1"/>
  <c r="D5517" i="1"/>
  <c r="D5518" i="1"/>
  <c r="D5519" i="1"/>
  <c r="D5520" i="1"/>
  <c r="D5521" i="1"/>
  <c r="D5522" i="1"/>
  <c r="D5523" i="1"/>
  <c r="D5524" i="1"/>
  <c r="D5525" i="1"/>
  <c r="D5526" i="1"/>
  <c r="D5527" i="1"/>
  <c r="D5528" i="1"/>
  <c r="D5529" i="1"/>
  <c r="D5530" i="1"/>
  <c r="D5531" i="1"/>
  <c r="D5532" i="1"/>
  <c r="D5533" i="1"/>
  <c r="D5534" i="1"/>
  <c r="D5535" i="1"/>
  <c r="D5536" i="1"/>
  <c r="D5537" i="1"/>
  <c r="D5538" i="1"/>
  <c r="D5539" i="1"/>
  <c r="D5540" i="1"/>
  <c r="D5541" i="1"/>
  <c r="D5542" i="1"/>
  <c r="D5543" i="1"/>
  <c r="D5544" i="1"/>
  <c r="D5545" i="1"/>
  <c r="D5546" i="1"/>
  <c r="D5547" i="1"/>
  <c r="D5548" i="1"/>
  <c r="D5549" i="1"/>
  <c r="D5550" i="1"/>
  <c r="D5551" i="1"/>
  <c r="D5552" i="1"/>
  <c r="D5553" i="1"/>
  <c r="D5554" i="1"/>
  <c r="D5555" i="1"/>
  <c r="D5556" i="1"/>
  <c r="D5557" i="1"/>
  <c r="D5558" i="1"/>
  <c r="D5559" i="1"/>
  <c r="D5560" i="1"/>
  <c r="D5561" i="1"/>
  <c r="D5562" i="1"/>
  <c r="D5563" i="1"/>
  <c r="D5564" i="1"/>
  <c r="D5565" i="1"/>
  <c r="D5566" i="1"/>
  <c r="D5567" i="1"/>
  <c r="D5568" i="1"/>
  <c r="D5569" i="1"/>
  <c r="D5570" i="1"/>
  <c r="D5571" i="1"/>
  <c r="D5572" i="1"/>
  <c r="D5573" i="1"/>
  <c r="D5574" i="1"/>
  <c r="D5575" i="1"/>
  <c r="D5576" i="1"/>
  <c r="D5577" i="1"/>
  <c r="D5578" i="1"/>
  <c r="D5579" i="1"/>
  <c r="D5580" i="1"/>
  <c r="D5581" i="1"/>
  <c r="D5582" i="1"/>
  <c r="D5583" i="1"/>
  <c r="D5584" i="1"/>
  <c r="D5585" i="1"/>
  <c r="D5586" i="1"/>
  <c r="D5587" i="1"/>
  <c r="D5588" i="1"/>
  <c r="D5589" i="1"/>
  <c r="D5590" i="1"/>
  <c r="D5591" i="1"/>
  <c r="D5592" i="1"/>
  <c r="D5593" i="1"/>
  <c r="D5594" i="1"/>
  <c r="D5595" i="1"/>
  <c r="D5596" i="1"/>
  <c r="D5597" i="1"/>
  <c r="D5598" i="1"/>
  <c r="D5599" i="1"/>
  <c r="D5600" i="1"/>
  <c r="D5601" i="1"/>
  <c r="D5602" i="1"/>
  <c r="D5603" i="1"/>
  <c r="D5604" i="1"/>
  <c r="D5605" i="1"/>
  <c r="D5606" i="1"/>
  <c r="D5607" i="1"/>
  <c r="D5608" i="1"/>
  <c r="D5609" i="1"/>
  <c r="D5610" i="1"/>
  <c r="D5611" i="1"/>
  <c r="D5612" i="1"/>
  <c r="D5613" i="1"/>
  <c r="D5614" i="1"/>
  <c r="D5615" i="1"/>
  <c r="D5616" i="1"/>
  <c r="D5617" i="1"/>
  <c r="D5618" i="1"/>
  <c r="D5619" i="1"/>
  <c r="D5620" i="1"/>
  <c r="D5621" i="1"/>
  <c r="D5622" i="1"/>
  <c r="D5623" i="1"/>
  <c r="D5624" i="1"/>
  <c r="D5625" i="1"/>
  <c r="D5626" i="1"/>
  <c r="D5627" i="1"/>
  <c r="D5628" i="1"/>
  <c r="D5629" i="1"/>
  <c r="D5630" i="1"/>
  <c r="D5631" i="1"/>
  <c r="D5632" i="1"/>
  <c r="D5633" i="1"/>
  <c r="D5634" i="1"/>
  <c r="D5635" i="1"/>
  <c r="D5636" i="1"/>
  <c r="D5637" i="1"/>
  <c r="D5638" i="1"/>
  <c r="D5639" i="1"/>
  <c r="D5640" i="1"/>
  <c r="D5641" i="1"/>
  <c r="D5642" i="1"/>
  <c r="D5643" i="1"/>
  <c r="D5644" i="1"/>
  <c r="D5645" i="1"/>
  <c r="D5646" i="1"/>
  <c r="D5647" i="1"/>
  <c r="D5648" i="1"/>
  <c r="D5649" i="1"/>
  <c r="D5650" i="1"/>
  <c r="D5651" i="1"/>
  <c r="D5652" i="1"/>
  <c r="D5653" i="1"/>
  <c r="D5654" i="1"/>
  <c r="D5655" i="1"/>
  <c r="D5656" i="1"/>
  <c r="D5657" i="1"/>
  <c r="D5658" i="1"/>
  <c r="D5659" i="1"/>
  <c r="D5660" i="1"/>
  <c r="D5661" i="1"/>
  <c r="D5662" i="1"/>
  <c r="D5663" i="1"/>
  <c r="D5664" i="1"/>
  <c r="D5665" i="1"/>
  <c r="D5666" i="1"/>
  <c r="D5667" i="1"/>
  <c r="D5668" i="1"/>
  <c r="D5669" i="1"/>
  <c r="D5670" i="1"/>
  <c r="D5671" i="1"/>
  <c r="D5672" i="1"/>
  <c r="D5673" i="1"/>
  <c r="D5674" i="1"/>
  <c r="D5675" i="1"/>
  <c r="D5676" i="1"/>
  <c r="D5677" i="1"/>
  <c r="D5678" i="1"/>
  <c r="D5679" i="1"/>
  <c r="D5680" i="1"/>
  <c r="D5681" i="1"/>
  <c r="D5682" i="1"/>
  <c r="D5683" i="1"/>
  <c r="D5684" i="1"/>
  <c r="D5685" i="1"/>
  <c r="D5686" i="1"/>
  <c r="D5687" i="1"/>
  <c r="D5688" i="1"/>
  <c r="D5689" i="1"/>
  <c r="D5690" i="1"/>
  <c r="D5691" i="1"/>
  <c r="D5692" i="1"/>
  <c r="D5693" i="1"/>
  <c r="D5694" i="1"/>
  <c r="D5695" i="1"/>
  <c r="D5696" i="1"/>
  <c r="D5697" i="1"/>
  <c r="D5698" i="1"/>
  <c r="D5699" i="1"/>
  <c r="D5700" i="1"/>
  <c r="D5701" i="1"/>
  <c r="D5702" i="1"/>
  <c r="D5703" i="1"/>
  <c r="D5704" i="1"/>
  <c r="D5705" i="1"/>
  <c r="D5706" i="1"/>
  <c r="D5707" i="1"/>
  <c r="D5708" i="1"/>
  <c r="D5709" i="1"/>
  <c r="D5710" i="1"/>
  <c r="D5711" i="1"/>
  <c r="D5712" i="1"/>
  <c r="D5713" i="1"/>
  <c r="D5714" i="1"/>
  <c r="D5715" i="1"/>
  <c r="D5716" i="1"/>
  <c r="D5717" i="1"/>
  <c r="D5718" i="1"/>
  <c r="D5719" i="1"/>
  <c r="D5720" i="1"/>
  <c r="D5721" i="1"/>
  <c r="D5722" i="1"/>
  <c r="D5723" i="1"/>
  <c r="D5724" i="1"/>
  <c r="D5725" i="1"/>
  <c r="D5726" i="1"/>
  <c r="D5727" i="1"/>
  <c r="D5728" i="1"/>
  <c r="D5729" i="1"/>
  <c r="D5730" i="1"/>
  <c r="D5731" i="1"/>
  <c r="D5732" i="1"/>
  <c r="D5733" i="1"/>
  <c r="D5734" i="1"/>
  <c r="D5735" i="1"/>
  <c r="D5736" i="1"/>
  <c r="D5737" i="1"/>
  <c r="D5738" i="1"/>
  <c r="D5739" i="1"/>
  <c r="D5740" i="1"/>
  <c r="D5741" i="1"/>
  <c r="D5742" i="1"/>
  <c r="D5743" i="1"/>
  <c r="D5744" i="1"/>
  <c r="D5745" i="1"/>
  <c r="D5746" i="1"/>
  <c r="D5747" i="1"/>
  <c r="D5748" i="1"/>
  <c r="D5749" i="1"/>
  <c r="D5750" i="1"/>
  <c r="D5751" i="1"/>
  <c r="D5752" i="1"/>
  <c r="D5753" i="1"/>
  <c r="D5754" i="1"/>
  <c r="D5755" i="1"/>
  <c r="D5756" i="1"/>
  <c r="D5757" i="1"/>
  <c r="D5758" i="1"/>
  <c r="D5759" i="1"/>
  <c r="D5760" i="1"/>
  <c r="D5761" i="1"/>
  <c r="D5762" i="1"/>
  <c r="D5763" i="1"/>
  <c r="D5764" i="1"/>
  <c r="D5765" i="1"/>
  <c r="D5766" i="1"/>
  <c r="D5767" i="1"/>
  <c r="D5768" i="1"/>
  <c r="D5769" i="1"/>
  <c r="D5770" i="1"/>
  <c r="D5771" i="1"/>
  <c r="D5772" i="1"/>
  <c r="D5773" i="1"/>
  <c r="D5774" i="1"/>
  <c r="D5775" i="1"/>
  <c r="D5776" i="1"/>
  <c r="D5777" i="1"/>
  <c r="D5778" i="1"/>
  <c r="D5779" i="1"/>
  <c r="D5780" i="1"/>
  <c r="D5781" i="1"/>
  <c r="D5782" i="1"/>
  <c r="D5783" i="1"/>
  <c r="D5784" i="1"/>
  <c r="D5785" i="1"/>
  <c r="D5786" i="1"/>
  <c r="D5787" i="1"/>
  <c r="D5788" i="1"/>
  <c r="D5789" i="1"/>
  <c r="D5790" i="1"/>
  <c r="D5791" i="1"/>
  <c r="D5792" i="1"/>
  <c r="D5793" i="1"/>
  <c r="D5794" i="1"/>
  <c r="D5795" i="1"/>
  <c r="D5796" i="1"/>
  <c r="D5797" i="1"/>
  <c r="D5798" i="1"/>
  <c r="D5799" i="1"/>
  <c r="D5800" i="1"/>
  <c r="D5801" i="1"/>
  <c r="D5802" i="1"/>
  <c r="D5803" i="1"/>
  <c r="D5804" i="1"/>
  <c r="D5805" i="1"/>
  <c r="D5806" i="1"/>
  <c r="D5807" i="1"/>
  <c r="D5808" i="1"/>
  <c r="D5809" i="1"/>
  <c r="D5810" i="1"/>
  <c r="D5811" i="1"/>
  <c r="D5812" i="1"/>
  <c r="D5813" i="1"/>
  <c r="D5814" i="1"/>
  <c r="D5815" i="1"/>
  <c r="D5816" i="1"/>
  <c r="D5817" i="1"/>
  <c r="D5818" i="1"/>
  <c r="D5819" i="1"/>
  <c r="D5820" i="1"/>
  <c r="D5821" i="1"/>
  <c r="D5822" i="1"/>
  <c r="D5823" i="1"/>
  <c r="D5824" i="1"/>
  <c r="D5825" i="1"/>
  <c r="D5826" i="1"/>
  <c r="D5827" i="1"/>
  <c r="D5828" i="1"/>
  <c r="D5829" i="1"/>
  <c r="D5830" i="1"/>
  <c r="D5831" i="1"/>
  <c r="D5832" i="1"/>
  <c r="D5833" i="1"/>
  <c r="D5834" i="1"/>
  <c r="D5835" i="1"/>
  <c r="D5836" i="1"/>
  <c r="D5837" i="1"/>
  <c r="D5838" i="1"/>
  <c r="D5839" i="1"/>
  <c r="D5840" i="1"/>
  <c r="D5841" i="1"/>
  <c r="D5842" i="1"/>
  <c r="D5843" i="1"/>
  <c r="D5844" i="1"/>
  <c r="D5845" i="1"/>
  <c r="D5846" i="1"/>
  <c r="D5847" i="1"/>
  <c r="D5848" i="1"/>
  <c r="D5849" i="1"/>
  <c r="D5850" i="1"/>
  <c r="D5851" i="1"/>
  <c r="D5852" i="1"/>
  <c r="D5853" i="1"/>
  <c r="D5854" i="1"/>
  <c r="D5855" i="1"/>
  <c r="D5856" i="1"/>
  <c r="D5857" i="1"/>
  <c r="D5858" i="1"/>
  <c r="D5859" i="1"/>
  <c r="D5860" i="1"/>
  <c r="D5861" i="1"/>
  <c r="D5862" i="1"/>
  <c r="D5863" i="1"/>
  <c r="D5864" i="1"/>
  <c r="D5865" i="1"/>
  <c r="D5866" i="1"/>
  <c r="D5867" i="1"/>
  <c r="D5868" i="1"/>
  <c r="D5869" i="1"/>
  <c r="D5870" i="1"/>
  <c r="D5871" i="1"/>
  <c r="D5872" i="1"/>
  <c r="D5873" i="1"/>
  <c r="D5874" i="1"/>
  <c r="D5875" i="1"/>
  <c r="D5876" i="1"/>
  <c r="D5877" i="1"/>
  <c r="D5878" i="1"/>
  <c r="D5879" i="1"/>
  <c r="D5880" i="1"/>
  <c r="D5881" i="1"/>
  <c r="D5882" i="1"/>
  <c r="D5883" i="1"/>
  <c r="D5884" i="1"/>
  <c r="D5885" i="1"/>
  <c r="D5886" i="1"/>
  <c r="D5887" i="1"/>
  <c r="D5888" i="1"/>
  <c r="D5889" i="1"/>
  <c r="D5890" i="1"/>
  <c r="D5891" i="1"/>
  <c r="D5892" i="1"/>
  <c r="D5893" i="1"/>
  <c r="D5894" i="1"/>
  <c r="D5895" i="1"/>
  <c r="D5896" i="1"/>
  <c r="D5897" i="1"/>
  <c r="D5898" i="1"/>
  <c r="D5899" i="1"/>
  <c r="D5900" i="1"/>
  <c r="D5901" i="1"/>
  <c r="D5902" i="1"/>
  <c r="D5903" i="1"/>
  <c r="D5904" i="1"/>
  <c r="D5905" i="1"/>
  <c r="D5906" i="1"/>
  <c r="D5907" i="1"/>
  <c r="D5908" i="1"/>
  <c r="D5909" i="1"/>
  <c r="D5910" i="1"/>
  <c r="D5911" i="1"/>
  <c r="D5912" i="1"/>
  <c r="D5913" i="1"/>
  <c r="D5914" i="1"/>
  <c r="D5915" i="1"/>
  <c r="D5916" i="1"/>
  <c r="D5917" i="1"/>
  <c r="D5918" i="1"/>
  <c r="D5919" i="1"/>
  <c r="D5920" i="1"/>
  <c r="D5921" i="1"/>
  <c r="D5922" i="1"/>
  <c r="D5923" i="1"/>
  <c r="D5924" i="1"/>
  <c r="D5925" i="1"/>
  <c r="D5926" i="1"/>
  <c r="D5927" i="1"/>
  <c r="D5928" i="1"/>
  <c r="D5929" i="1"/>
  <c r="D5930" i="1"/>
  <c r="D5931" i="1"/>
  <c r="D5932" i="1"/>
  <c r="D5933" i="1"/>
  <c r="D5934" i="1"/>
  <c r="D5935" i="1"/>
  <c r="D5936" i="1"/>
  <c r="D5937" i="1"/>
  <c r="D5938" i="1"/>
  <c r="D5939" i="1"/>
  <c r="D5940" i="1"/>
  <c r="D5941" i="1"/>
  <c r="D5942" i="1"/>
  <c r="D5943" i="1"/>
  <c r="D5944" i="1"/>
  <c r="D5945" i="1"/>
  <c r="D5946" i="1"/>
  <c r="D5947" i="1"/>
  <c r="D5948" i="1"/>
  <c r="D5949" i="1"/>
  <c r="D5950" i="1"/>
  <c r="D5951" i="1"/>
  <c r="D5952" i="1"/>
  <c r="D5953" i="1"/>
  <c r="D5954" i="1"/>
  <c r="D5955" i="1"/>
  <c r="D5956" i="1"/>
  <c r="D5957" i="1"/>
  <c r="D5958" i="1"/>
  <c r="D5959" i="1"/>
  <c r="D5960" i="1"/>
  <c r="D5961" i="1"/>
  <c r="D5962" i="1"/>
  <c r="D5963" i="1"/>
  <c r="D5964" i="1"/>
  <c r="D5965" i="1"/>
  <c r="D5966" i="1"/>
  <c r="D5967" i="1"/>
  <c r="D5968" i="1"/>
  <c r="D5969" i="1"/>
  <c r="D5970" i="1"/>
  <c r="D5971" i="1"/>
  <c r="D5972" i="1"/>
  <c r="D5973" i="1"/>
  <c r="D5974" i="1"/>
  <c r="D5975" i="1"/>
  <c r="D5976" i="1"/>
  <c r="D5977" i="1"/>
  <c r="D5978" i="1"/>
  <c r="D5979" i="1"/>
  <c r="D5980" i="1"/>
  <c r="D5981" i="1"/>
  <c r="D5982" i="1"/>
  <c r="D5983" i="1"/>
  <c r="D5984" i="1"/>
  <c r="D5985" i="1"/>
  <c r="D5986" i="1"/>
  <c r="D5987" i="1"/>
  <c r="D5988" i="1"/>
  <c r="D5989" i="1"/>
  <c r="D5990" i="1"/>
  <c r="D5991" i="1"/>
  <c r="D5992" i="1"/>
  <c r="D5993" i="1"/>
  <c r="D5994" i="1"/>
  <c r="D5995" i="1"/>
  <c r="D5996" i="1"/>
  <c r="D5997" i="1"/>
  <c r="D5998" i="1"/>
  <c r="D5999" i="1"/>
  <c r="D6000" i="1"/>
  <c r="D6001" i="1"/>
  <c r="D6002" i="1"/>
  <c r="D6003" i="1"/>
  <c r="D6004" i="1"/>
  <c r="D6005" i="1"/>
  <c r="D6006" i="1"/>
  <c r="D6007" i="1"/>
  <c r="D6008" i="1"/>
  <c r="D6009" i="1"/>
  <c r="D6010" i="1"/>
  <c r="D6011" i="1"/>
  <c r="D6012" i="1"/>
  <c r="D6013" i="1"/>
  <c r="D6014" i="1"/>
  <c r="D6015" i="1"/>
  <c r="D6016" i="1"/>
  <c r="D6017" i="1"/>
  <c r="D6018" i="1"/>
  <c r="D6019" i="1"/>
  <c r="D6020" i="1"/>
  <c r="D6021" i="1"/>
  <c r="D6022" i="1"/>
  <c r="D6023" i="1"/>
  <c r="D6024" i="1"/>
  <c r="D6025" i="1"/>
  <c r="D6026" i="1"/>
  <c r="D6027" i="1"/>
  <c r="D6028" i="1"/>
  <c r="D6029" i="1"/>
  <c r="D6030" i="1"/>
  <c r="D6031" i="1"/>
  <c r="D6032" i="1"/>
  <c r="D6033" i="1"/>
  <c r="D6034" i="1"/>
  <c r="D6035" i="1"/>
  <c r="D6036" i="1"/>
  <c r="D6037" i="1"/>
  <c r="D6038" i="1"/>
  <c r="D6039" i="1"/>
  <c r="D6040" i="1"/>
  <c r="D6041" i="1"/>
  <c r="D6042" i="1"/>
  <c r="D6043" i="1"/>
  <c r="D6044" i="1"/>
  <c r="D6045" i="1"/>
  <c r="D6046" i="1"/>
  <c r="D6047" i="1"/>
  <c r="D6048" i="1"/>
  <c r="D6049" i="1"/>
  <c r="D6050" i="1"/>
  <c r="D6051" i="1"/>
  <c r="D6052" i="1"/>
  <c r="D6053" i="1"/>
  <c r="D6054" i="1"/>
  <c r="D6055" i="1"/>
  <c r="D6056" i="1"/>
  <c r="D6057" i="1"/>
  <c r="D6058" i="1"/>
  <c r="D6059" i="1"/>
  <c r="D6060" i="1"/>
  <c r="D6061" i="1"/>
  <c r="D6062" i="1"/>
  <c r="D6063" i="1"/>
  <c r="D6064" i="1"/>
  <c r="D6065" i="1"/>
  <c r="D6066" i="1"/>
  <c r="D6067" i="1"/>
  <c r="D6068" i="1"/>
  <c r="D6069" i="1"/>
  <c r="D6070" i="1"/>
  <c r="D6071" i="1"/>
  <c r="D6072" i="1"/>
  <c r="D6073" i="1"/>
  <c r="D6074" i="1"/>
  <c r="D6075" i="1"/>
  <c r="D6076" i="1"/>
  <c r="D6077" i="1"/>
  <c r="D6078" i="1"/>
  <c r="D6079" i="1"/>
  <c r="D6080" i="1"/>
  <c r="D6081" i="1"/>
  <c r="D6082" i="1"/>
  <c r="D6083" i="1"/>
  <c r="D6084" i="1"/>
  <c r="D6085" i="1"/>
  <c r="D6086" i="1"/>
  <c r="D6087" i="1"/>
  <c r="D6088" i="1"/>
  <c r="D6089" i="1"/>
  <c r="D6090" i="1"/>
  <c r="D6091" i="1"/>
  <c r="D6092" i="1"/>
  <c r="D6093" i="1"/>
  <c r="D6094" i="1"/>
  <c r="D6095" i="1"/>
  <c r="D6096" i="1"/>
  <c r="D6097" i="1"/>
  <c r="D6098" i="1"/>
  <c r="D6099" i="1"/>
  <c r="D6100" i="1"/>
  <c r="D6101" i="1"/>
  <c r="D6102" i="1"/>
  <c r="D6103" i="1"/>
  <c r="D6104" i="1"/>
  <c r="D6105" i="1"/>
  <c r="D6106" i="1"/>
  <c r="D6107" i="1"/>
  <c r="D6108" i="1"/>
  <c r="D6109" i="1"/>
  <c r="D6110" i="1"/>
  <c r="D6111" i="1"/>
  <c r="D6112" i="1"/>
  <c r="D6113" i="1"/>
  <c r="D6114" i="1"/>
  <c r="D6115" i="1"/>
  <c r="D6116" i="1"/>
  <c r="D6117" i="1"/>
  <c r="D6118" i="1"/>
  <c r="D6119" i="1"/>
  <c r="D6120" i="1"/>
  <c r="D6121" i="1"/>
  <c r="D6122" i="1"/>
  <c r="D6123" i="1"/>
  <c r="D6124" i="1"/>
  <c r="D6125" i="1"/>
  <c r="D6126" i="1"/>
  <c r="D6127" i="1"/>
  <c r="D6128" i="1"/>
  <c r="D6129" i="1"/>
  <c r="D6130" i="1"/>
  <c r="D6131" i="1"/>
  <c r="D6132" i="1"/>
  <c r="D6133" i="1"/>
  <c r="D6134" i="1"/>
  <c r="D6135" i="1"/>
  <c r="D6136" i="1"/>
  <c r="D6137" i="1"/>
  <c r="D6138" i="1"/>
  <c r="D6139" i="1"/>
  <c r="D6140" i="1"/>
  <c r="D6141" i="1"/>
  <c r="D6142" i="1"/>
  <c r="D6143" i="1"/>
  <c r="D6144" i="1"/>
  <c r="D6145" i="1"/>
  <c r="D6146" i="1"/>
  <c r="D6147" i="1"/>
  <c r="D6148" i="1"/>
  <c r="D6149" i="1"/>
  <c r="D6150" i="1"/>
  <c r="D6151" i="1"/>
  <c r="D6152" i="1"/>
  <c r="D6153" i="1"/>
  <c r="D6154" i="1"/>
  <c r="D6155" i="1"/>
  <c r="D6156" i="1"/>
  <c r="D6157" i="1"/>
  <c r="D6158" i="1"/>
  <c r="D6159" i="1"/>
  <c r="D6160" i="1"/>
  <c r="D6161" i="1"/>
  <c r="D6162" i="1"/>
  <c r="D6163" i="1"/>
  <c r="D6164" i="1"/>
  <c r="D6165" i="1"/>
  <c r="D6166" i="1"/>
  <c r="D6167" i="1"/>
  <c r="D6168" i="1"/>
  <c r="D6169" i="1"/>
  <c r="D6170" i="1"/>
  <c r="D6171" i="1"/>
  <c r="D6172" i="1"/>
  <c r="D6173" i="1"/>
  <c r="D6174" i="1"/>
  <c r="D6175" i="1"/>
  <c r="D6176" i="1"/>
  <c r="D6177" i="1"/>
  <c r="D6178" i="1"/>
  <c r="D6179" i="1"/>
  <c r="D6180" i="1"/>
  <c r="D6181" i="1"/>
  <c r="D6182" i="1"/>
  <c r="D6183" i="1"/>
  <c r="D6184" i="1"/>
  <c r="D6185" i="1"/>
  <c r="D6186" i="1"/>
  <c r="D6187" i="1"/>
  <c r="D6188" i="1"/>
  <c r="D6189" i="1"/>
  <c r="D6190" i="1"/>
  <c r="D6191" i="1"/>
  <c r="D6192" i="1"/>
  <c r="D6193" i="1"/>
  <c r="D6194" i="1"/>
  <c r="D6195" i="1"/>
  <c r="D6196" i="1"/>
  <c r="D6197" i="1"/>
  <c r="D6198" i="1"/>
  <c r="D6199" i="1"/>
  <c r="D6200" i="1"/>
  <c r="D6201" i="1"/>
  <c r="D6202" i="1"/>
  <c r="D6203" i="1"/>
  <c r="D6204" i="1"/>
  <c r="D6205" i="1"/>
  <c r="D6206" i="1"/>
  <c r="D6207" i="1"/>
  <c r="D6208" i="1"/>
  <c r="D6209" i="1"/>
  <c r="D6210" i="1"/>
  <c r="D6211" i="1"/>
  <c r="D6212" i="1"/>
  <c r="D6213" i="1"/>
  <c r="D6214" i="1"/>
  <c r="D6215" i="1"/>
  <c r="D6216" i="1"/>
  <c r="D6217" i="1"/>
  <c r="D6218" i="1"/>
  <c r="D6219" i="1"/>
  <c r="D6220" i="1"/>
  <c r="D6221" i="1"/>
  <c r="D6222" i="1"/>
  <c r="D6223" i="1"/>
  <c r="D6224" i="1"/>
  <c r="D6225" i="1"/>
  <c r="D6226" i="1"/>
  <c r="D6227" i="1"/>
  <c r="D6228" i="1"/>
  <c r="D6229" i="1"/>
  <c r="D6230" i="1"/>
  <c r="D6231" i="1"/>
  <c r="D6232" i="1"/>
  <c r="D6233" i="1"/>
  <c r="D6234" i="1"/>
  <c r="D6235" i="1"/>
  <c r="D6236" i="1"/>
  <c r="D6237" i="1"/>
  <c r="D6238" i="1"/>
  <c r="D6239" i="1"/>
  <c r="D6240" i="1"/>
  <c r="D6241" i="1"/>
  <c r="D6242" i="1"/>
  <c r="D6243" i="1"/>
  <c r="D6244" i="1"/>
  <c r="D6245" i="1"/>
  <c r="D6246" i="1"/>
  <c r="D6247" i="1"/>
  <c r="D6248" i="1"/>
  <c r="D6249" i="1"/>
  <c r="D6250" i="1"/>
  <c r="D6251" i="1"/>
  <c r="D6252" i="1"/>
  <c r="D6253" i="1"/>
  <c r="D6254" i="1"/>
  <c r="D6255" i="1"/>
  <c r="D6256" i="1"/>
  <c r="D6257" i="1"/>
  <c r="D6258" i="1"/>
  <c r="D6259" i="1"/>
  <c r="D6260" i="1"/>
  <c r="D6261" i="1"/>
  <c r="D6262" i="1"/>
  <c r="D6263" i="1"/>
  <c r="D6264" i="1"/>
  <c r="D6265" i="1"/>
  <c r="D6266" i="1"/>
  <c r="D6267" i="1"/>
  <c r="D6268" i="1"/>
  <c r="D6269" i="1"/>
  <c r="D6270" i="1"/>
  <c r="D6271" i="1"/>
  <c r="D6272" i="1"/>
  <c r="D6273" i="1"/>
  <c r="D6274" i="1"/>
  <c r="D6275" i="1"/>
  <c r="D6276" i="1"/>
  <c r="D6277" i="1"/>
  <c r="D6278" i="1"/>
  <c r="D6279" i="1"/>
  <c r="D6280" i="1"/>
  <c r="D6281" i="1"/>
  <c r="D6282" i="1"/>
  <c r="D6283" i="1"/>
  <c r="D6284" i="1"/>
  <c r="D6285" i="1"/>
  <c r="D6286" i="1"/>
  <c r="D6287" i="1"/>
  <c r="D6288" i="1"/>
  <c r="D6289" i="1"/>
  <c r="D6290" i="1"/>
  <c r="D6291" i="1"/>
  <c r="D6292" i="1"/>
  <c r="D6293" i="1"/>
  <c r="D6294" i="1"/>
  <c r="D6295" i="1"/>
  <c r="D6296" i="1"/>
  <c r="D6297" i="1"/>
  <c r="D6298" i="1"/>
  <c r="D6299" i="1"/>
  <c r="D6300" i="1"/>
  <c r="D6301" i="1"/>
  <c r="D6302" i="1"/>
  <c r="D6303" i="1"/>
  <c r="D6304" i="1"/>
  <c r="D6305" i="1"/>
  <c r="D6306" i="1"/>
  <c r="D6307" i="1"/>
  <c r="D6308" i="1"/>
  <c r="D6309" i="1"/>
  <c r="D6310" i="1"/>
  <c r="D6311" i="1"/>
  <c r="D6312" i="1"/>
  <c r="D6313" i="1"/>
  <c r="D6314" i="1"/>
  <c r="D6315" i="1"/>
  <c r="D6316" i="1"/>
  <c r="D6317" i="1"/>
  <c r="D6318" i="1"/>
  <c r="D6319" i="1"/>
  <c r="D6320" i="1"/>
  <c r="D6321" i="1"/>
  <c r="D6322" i="1"/>
  <c r="D6323" i="1"/>
  <c r="D6324" i="1"/>
  <c r="D6325" i="1"/>
  <c r="D6326" i="1"/>
  <c r="D6327" i="1"/>
  <c r="D6328" i="1"/>
  <c r="D6329" i="1"/>
  <c r="D6330" i="1"/>
  <c r="D6331" i="1"/>
  <c r="D6332" i="1"/>
  <c r="D6333" i="1"/>
  <c r="D6334" i="1"/>
  <c r="D6335" i="1"/>
  <c r="D6336" i="1"/>
  <c r="D6337" i="1"/>
  <c r="D6338" i="1"/>
  <c r="D6339" i="1"/>
  <c r="D6340" i="1"/>
  <c r="D6341" i="1"/>
  <c r="D6342" i="1"/>
  <c r="D6343" i="1"/>
  <c r="D6344" i="1"/>
  <c r="D6345" i="1"/>
  <c r="D6346" i="1"/>
  <c r="D6347" i="1"/>
  <c r="D6348" i="1"/>
  <c r="D6349" i="1"/>
  <c r="D6350" i="1"/>
  <c r="D6351" i="1"/>
  <c r="D6352" i="1"/>
  <c r="D6353" i="1"/>
  <c r="D6354" i="1"/>
  <c r="D6355" i="1"/>
  <c r="D6356" i="1"/>
  <c r="D6357" i="1"/>
  <c r="D6358" i="1"/>
  <c r="D6359" i="1"/>
  <c r="D6360" i="1"/>
  <c r="D6361" i="1"/>
  <c r="D6362" i="1"/>
  <c r="D6363" i="1"/>
  <c r="D6364" i="1"/>
  <c r="D6365" i="1"/>
  <c r="D6366" i="1"/>
  <c r="D6367" i="1"/>
  <c r="D6368" i="1"/>
  <c r="D6369" i="1"/>
  <c r="D6370" i="1"/>
  <c r="D6371" i="1"/>
  <c r="D6372" i="1"/>
  <c r="D6373" i="1"/>
  <c r="D6374" i="1"/>
  <c r="D6375" i="1"/>
  <c r="D6376" i="1"/>
  <c r="D6377" i="1"/>
  <c r="D6378" i="1"/>
  <c r="D6379" i="1"/>
  <c r="D6380" i="1"/>
  <c r="D6381" i="1"/>
  <c r="D6382" i="1"/>
  <c r="D6383" i="1"/>
  <c r="D6384" i="1"/>
  <c r="D6385" i="1"/>
  <c r="D6386" i="1"/>
  <c r="D6387" i="1"/>
  <c r="D6388" i="1"/>
  <c r="D6389" i="1"/>
  <c r="D6390" i="1"/>
  <c r="D6391" i="1"/>
  <c r="D6392" i="1"/>
  <c r="D6393" i="1"/>
  <c r="D6394" i="1"/>
  <c r="D6395" i="1"/>
  <c r="D6396" i="1"/>
  <c r="D6397" i="1"/>
  <c r="D6398" i="1"/>
  <c r="D6399" i="1"/>
  <c r="D6400" i="1"/>
  <c r="D6401" i="1"/>
  <c r="D6402" i="1"/>
  <c r="D6403" i="1"/>
  <c r="D6404" i="1"/>
  <c r="D6405" i="1"/>
  <c r="D6406" i="1"/>
  <c r="D6407" i="1"/>
  <c r="D6408" i="1"/>
  <c r="D6409" i="1"/>
  <c r="D6410" i="1"/>
  <c r="D6411" i="1"/>
  <c r="D6412" i="1"/>
  <c r="D6413" i="1"/>
  <c r="D6414" i="1"/>
  <c r="D6415" i="1"/>
  <c r="D6416" i="1"/>
  <c r="D6417" i="1"/>
  <c r="D6418" i="1"/>
  <c r="D6419" i="1"/>
  <c r="D6420" i="1"/>
  <c r="D6421" i="1"/>
  <c r="D6422" i="1"/>
  <c r="D6423" i="1"/>
  <c r="D6424" i="1"/>
  <c r="D6425" i="1"/>
  <c r="D6426" i="1"/>
  <c r="D6427" i="1"/>
  <c r="D6428" i="1"/>
  <c r="D6429" i="1"/>
  <c r="D6430" i="1"/>
  <c r="D6431" i="1"/>
  <c r="D6432" i="1"/>
  <c r="D6433" i="1"/>
  <c r="D6434" i="1"/>
  <c r="D6435" i="1"/>
  <c r="D6436" i="1"/>
  <c r="D6437" i="1"/>
  <c r="D6438" i="1"/>
  <c r="D6439" i="1"/>
  <c r="D6440" i="1"/>
  <c r="D6441" i="1"/>
  <c r="D6442" i="1"/>
  <c r="D6443" i="1"/>
  <c r="D6444" i="1"/>
  <c r="D6445" i="1"/>
  <c r="D6446" i="1"/>
  <c r="D6447" i="1"/>
  <c r="D6448" i="1"/>
  <c r="D6449" i="1"/>
  <c r="D6450" i="1"/>
  <c r="D6451" i="1"/>
  <c r="D6452" i="1"/>
  <c r="D6453" i="1"/>
  <c r="D6454" i="1"/>
  <c r="D6455" i="1"/>
  <c r="D6456" i="1"/>
  <c r="D6457" i="1"/>
  <c r="D6458" i="1"/>
  <c r="D6459" i="1"/>
  <c r="D6460" i="1"/>
  <c r="D6461" i="1"/>
  <c r="D6462" i="1"/>
  <c r="D6463" i="1"/>
  <c r="D6464" i="1"/>
  <c r="D6465" i="1"/>
  <c r="D6466" i="1"/>
  <c r="D6467" i="1"/>
  <c r="D6468" i="1"/>
  <c r="D6469" i="1"/>
  <c r="D6470" i="1"/>
  <c r="D6471" i="1"/>
  <c r="D6472" i="1"/>
  <c r="D6473" i="1"/>
  <c r="D6474" i="1"/>
  <c r="D6475" i="1"/>
  <c r="D6476" i="1"/>
  <c r="D6477" i="1"/>
  <c r="D6478" i="1"/>
  <c r="D6479" i="1"/>
  <c r="D6480" i="1"/>
  <c r="D6481" i="1"/>
  <c r="D6482" i="1"/>
  <c r="D6483" i="1"/>
  <c r="D6484" i="1"/>
  <c r="D6485" i="1"/>
  <c r="D6486" i="1"/>
  <c r="D6487" i="1"/>
  <c r="D6488" i="1"/>
  <c r="D6489" i="1"/>
  <c r="D6490" i="1"/>
  <c r="D6491" i="1"/>
  <c r="D6492" i="1"/>
  <c r="D6493" i="1"/>
  <c r="D6494" i="1"/>
  <c r="D6495" i="1"/>
  <c r="D6496" i="1"/>
  <c r="D6497" i="1"/>
  <c r="D6498" i="1"/>
  <c r="D6499" i="1"/>
  <c r="D6500" i="1"/>
  <c r="D6501" i="1"/>
  <c r="D6502" i="1"/>
  <c r="D6503" i="1"/>
  <c r="D6504" i="1"/>
  <c r="D6505" i="1"/>
  <c r="D6506" i="1"/>
  <c r="D6507" i="1"/>
  <c r="D6508" i="1"/>
  <c r="D6509" i="1"/>
  <c r="D6510" i="1"/>
  <c r="D6511" i="1"/>
  <c r="D6512" i="1"/>
  <c r="D6513" i="1"/>
  <c r="D6514" i="1"/>
  <c r="D6515" i="1"/>
  <c r="D6516" i="1"/>
  <c r="D6517" i="1"/>
  <c r="D6518" i="1"/>
  <c r="D6519" i="1"/>
  <c r="D6520" i="1"/>
  <c r="D6521" i="1"/>
  <c r="D6522" i="1"/>
  <c r="D6523" i="1"/>
  <c r="D6524" i="1"/>
  <c r="D6525" i="1"/>
  <c r="D6526" i="1"/>
  <c r="D6527" i="1"/>
  <c r="D6528" i="1"/>
  <c r="D6529" i="1"/>
  <c r="D6530" i="1"/>
  <c r="D6531" i="1"/>
  <c r="D6532" i="1"/>
  <c r="D6533" i="1"/>
  <c r="D6534" i="1"/>
  <c r="D6535" i="1"/>
  <c r="D6536" i="1"/>
  <c r="D6537" i="1"/>
  <c r="D6538" i="1"/>
  <c r="D6539" i="1"/>
  <c r="D6540" i="1"/>
  <c r="D6541" i="1"/>
  <c r="D6542" i="1"/>
  <c r="D6543" i="1"/>
  <c r="D6544" i="1"/>
  <c r="D6545" i="1"/>
  <c r="D6546" i="1"/>
  <c r="D6547" i="1"/>
  <c r="D6548" i="1"/>
  <c r="D6549" i="1"/>
  <c r="D6550" i="1"/>
  <c r="D6551" i="1"/>
  <c r="D6552" i="1"/>
  <c r="D6553" i="1"/>
  <c r="D6554" i="1"/>
  <c r="D6555" i="1"/>
  <c r="D6556" i="1"/>
  <c r="D6557" i="1"/>
  <c r="D6558" i="1"/>
  <c r="D6559" i="1"/>
  <c r="D6560" i="1"/>
  <c r="D6561" i="1"/>
  <c r="D6562" i="1"/>
  <c r="D6563" i="1"/>
  <c r="D6564" i="1"/>
  <c r="D6565" i="1"/>
  <c r="D6566" i="1"/>
  <c r="D6567" i="1"/>
  <c r="D6568" i="1"/>
  <c r="D6569" i="1"/>
  <c r="D6570" i="1"/>
  <c r="D6571" i="1"/>
  <c r="D6572" i="1"/>
  <c r="D6573" i="1"/>
  <c r="D6574" i="1"/>
  <c r="D6575" i="1"/>
  <c r="D6576" i="1"/>
  <c r="D6577" i="1"/>
  <c r="D6578" i="1"/>
  <c r="D6579" i="1"/>
  <c r="D6580" i="1"/>
  <c r="D6581" i="1"/>
  <c r="D6582" i="1"/>
  <c r="D6583" i="1"/>
  <c r="D6584" i="1"/>
  <c r="D6585" i="1"/>
  <c r="D6586" i="1"/>
  <c r="D6587" i="1"/>
  <c r="D6588" i="1"/>
  <c r="D6589" i="1"/>
  <c r="D6590" i="1"/>
  <c r="D6591" i="1"/>
  <c r="D6592" i="1"/>
  <c r="D6593" i="1"/>
  <c r="D6594" i="1"/>
  <c r="D6595" i="1"/>
  <c r="D6596" i="1"/>
  <c r="D6597" i="1"/>
  <c r="D6598" i="1"/>
  <c r="D6599" i="1"/>
  <c r="D6600" i="1"/>
  <c r="D6601" i="1"/>
  <c r="D6602" i="1"/>
  <c r="D6603" i="1"/>
  <c r="D6604" i="1"/>
  <c r="D6605" i="1"/>
  <c r="D6606" i="1"/>
  <c r="D6607" i="1"/>
  <c r="D6608" i="1"/>
  <c r="D6609" i="1"/>
  <c r="D6610" i="1"/>
  <c r="D6611" i="1"/>
  <c r="D6612" i="1"/>
  <c r="D6613" i="1"/>
  <c r="D6614" i="1"/>
  <c r="D6615" i="1"/>
  <c r="D6616" i="1"/>
  <c r="D6617" i="1"/>
  <c r="D6618" i="1"/>
  <c r="D6619" i="1"/>
  <c r="D6620" i="1"/>
  <c r="D6621" i="1"/>
  <c r="D6622" i="1"/>
  <c r="D6623" i="1"/>
  <c r="D6624" i="1"/>
  <c r="D6625" i="1"/>
  <c r="D6626" i="1"/>
  <c r="D6627" i="1"/>
  <c r="D6628" i="1"/>
  <c r="D6629" i="1"/>
  <c r="D6630" i="1"/>
  <c r="D6631" i="1"/>
  <c r="D6632" i="1"/>
  <c r="D6633" i="1"/>
  <c r="D6634" i="1"/>
  <c r="D6635" i="1"/>
  <c r="D6636" i="1"/>
  <c r="D6637" i="1"/>
  <c r="D6638" i="1"/>
  <c r="D6639" i="1"/>
  <c r="D6640" i="1"/>
  <c r="D6641" i="1"/>
  <c r="D6642" i="1"/>
  <c r="D6643" i="1"/>
  <c r="D6644" i="1"/>
  <c r="D6645" i="1"/>
  <c r="D6646" i="1"/>
  <c r="D6647" i="1"/>
  <c r="D6648" i="1"/>
  <c r="D6649" i="1"/>
  <c r="D6650" i="1"/>
  <c r="D6651" i="1"/>
  <c r="D6652" i="1"/>
  <c r="D6653" i="1"/>
  <c r="D6654" i="1"/>
  <c r="D6655" i="1"/>
  <c r="D6656" i="1"/>
  <c r="D6657" i="1"/>
  <c r="D6658" i="1"/>
  <c r="D6659" i="1"/>
  <c r="D6660" i="1"/>
  <c r="D6661" i="1"/>
  <c r="D6662" i="1"/>
  <c r="D6663" i="1"/>
  <c r="D6664" i="1"/>
  <c r="D6665" i="1"/>
  <c r="D6666" i="1"/>
  <c r="D6667" i="1"/>
  <c r="D6668" i="1"/>
  <c r="D6669" i="1"/>
  <c r="D6670" i="1"/>
  <c r="D6671" i="1"/>
  <c r="D6672" i="1"/>
  <c r="D6673" i="1"/>
  <c r="D6674" i="1"/>
  <c r="D6675" i="1"/>
  <c r="D6676" i="1"/>
  <c r="D6677" i="1"/>
  <c r="D6678" i="1"/>
  <c r="D6679" i="1"/>
  <c r="D6680" i="1"/>
  <c r="D6681" i="1"/>
  <c r="D6682" i="1"/>
  <c r="D6683" i="1"/>
  <c r="D6684" i="1"/>
  <c r="D6685" i="1"/>
  <c r="D6686" i="1"/>
  <c r="D6687" i="1"/>
  <c r="D6688" i="1"/>
  <c r="D6689" i="1"/>
  <c r="D6690" i="1"/>
  <c r="D6691" i="1"/>
  <c r="D6692" i="1"/>
  <c r="D6693" i="1"/>
  <c r="D6694" i="1"/>
  <c r="D6695" i="1"/>
  <c r="D6696" i="1"/>
  <c r="D6697" i="1"/>
  <c r="D6698" i="1"/>
  <c r="D6699" i="1"/>
  <c r="D6700" i="1"/>
  <c r="D6701" i="1"/>
  <c r="D6702" i="1"/>
  <c r="D6703" i="1"/>
  <c r="D6704" i="1"/>
  <c r="D6705" i="1"/>
  <c r="D6706" i="1"/>
  <c r="D6707" i="1"/>
  <c r="D6708" i="1"/>
  <c r="D6709" i="1"/>
  <c r="D6710" i="1"/>
  <c r="D6711" i="1"/>
  <c r="D6712" i="1"/>
  <c r="D6713" i="1"/>
  <c r="D6714" i="1"/>
  <c r="D6715" i="1"/>
  <c r="D6716" i="1"/>
  <c r="D6717" i="1"/>
  <c r="D6718" i="1"/>
  <c r="D6719" i="1"/>
  <c r="D6720" i="1"/>
  <c r="D6721" i="1"/>
  <c r="D6722" i="1"/>
  <c r="D6723" i="1"/>
  <c r="D6724" i="1"/>
  <c r="D6725" i="1"/>
  <c r="D6726" i="1"/>
  <c r="D6727" i="1"/>
  <c r="D6728" i="1"/>
  <c r="D6729" i="1"/>
  <c r="D6730" i="1"/>
  <c r="D6731" i="1"/>
  <c r="D6732" i="1"/>
  <c r="D6733" i="1"/>
  <c r="D6734" i="1"/>
  <c r="D6735" i="1"/>
  <c r="D6736" i="1"/>
  <c r="D6737" i="1"/>
  <c r="D6738" i="1"/>
  <c r="D6739" i="1"/>
  <c r="D6740" i="1"/>
  <c r="D6741" i="1"/>
  <c r="D6742" i="1"/>
  <c r="D6743" i="1"/>
  <c r="D6744" i="1"/>
  <c r="D6745" i="1"/>
  <c r="D6746" i="1"/>
  <c r="D6747" i="1"/>
  <c r="D6748" i="1"/>
  <c r="D6749" i="1"/>
  <c r="D6750" i="1"/>
  <c r="D6751" i="1"/>
  <c r="D6752" i="1"/>
  <c r="D6753" i="1"/>
  <c r="D6754" i="1"/>
  <c r="D6755" i="1"/>
  <c r="D6756" i="1"/>
  <c r="D6757" i="1"/>
  <c r="D6758" i="1"/>
  <c r="D6759" i="1"/>
  <c r="D6760" i="1"/>
  <c r="D6761" i="1"/>
  <c r="D6762" i="1"/>
  <c r="D6763" i="1"/>
  <c r="D6764" i="1"/>
  <c r="D6765" i="1"/>
  <c r="D6766" i="1"/>
  <c r="D6767" i="1"/>
  <c r="D6768" i="1"/>
  <c r="D6769" i="1"/>
  <c r="D6770" i="1"/>
  <c r="D6771" i="1"/>
  <c r="D6772" i="1"/>
  <c r="D6773" i="1"/>
  <c r="D6774" i="1"/>
  <c r="D6775" i="1"/>
  <c r="D6776" i="1"/>
  <c r="D6777" i="1"/>
  <c r="D6778" i="1"/>
  <c r="D6779" i="1"/>
  <c r="D6780" i="1"/>
  <c r="D6781" i="1"/>
  <c r="D6782" i="1"/>
  <c r="D6783" i="1"/>
  <c r="D6784" i="1"/>
  <c r="D6785" i="1"/>
  <c r="D6786" i="1"/>
  <c r="D6787" i="1"/>
  <c r="D6788" i="1"/>
  <c r="D6789" i="1"/>
  <c r="D6790" i="1"/>
  <c r="D6791" i="1"/>
  <c r="D6792" i="1"/>
  <c r="D6793" i="1"/>
  <c r="D6794" i="1"/>
  <c r="D6795" i="1"/>
  <c r="D6796" i="1"/>
  <c r="D6797" i="1"/>
  <c r="D6798" i="1"/>
  <c r="D6799" i="1"/>
  <c r="D6800" i="1"/>
  <c r="D6801" i="1"/>
  <c r="D6802" i="1"/>
  <c r="D6803" i="1"/>
  <c r="D6804" i="1"/>
  <c r="D6805" i="1"/>
  <c r="D6806" i="1"/>
  <c r="D6807" i="1"/>
  <c r="D6808" i="1"/>
  <c r="D6809" i="1"/>
  <c r="D6810" i="1"/>
  <c r="D6811" i="1"/>
  <c r="D6812" i="1"/>
  <c r="D6813" i="1"/>
  <c r="D6814" i="1"/>
  <c r="D6815" i="1"/>
  <c r="D6816" i="1"/>
  <c r="D6817" i="1"/>
  <c r="D6818" i="1"/>
  <c r="D6819" i="1"/>
  <c r="D6820" i="1"/>
  <c r="D6821" i="1"/>
  <c r="D6822" i="1"/>
  <c r="D6823" i="1"/>
  <c r="D6824" i="1"/>
  <c r="D6825" i="1"/>
  <c r="D6826" i="1"/>
  <c r="D6827" i="1"/>
  <c r="D6828" i="1"/>
  <c r="D6829" i="1"/>
  <c r="D6830" i="1"/>
  <c r="D6831" i="1"/>
  <c r="D6832" i="1"/>
  <c r="D6833" i="1"/>
  <c r="D6834" i="1"/>
  <c r="D6835" i="1"/>
  <c r="D6836" i="1"/>
  <c r="D6837" i="1"/>
  <c r="D6838" i="1"/>
  <c r="D6839" i="1"/>
  <c r="D6840" i="1"/>
  <c r="D6841" i="1"/>
  <c r="D6842" i="1"/>
  <c r="D6843" i="1"/>
  <c r="D6844" i="1"/>
  <c r="D6845" i="1"/>
  <c r="D6846" i="1"/>
  <c r="D6847" i="1"/>
  <c r="D6848" i="1"/>
  <c r="D6849" i="1"/>
  <c r="D6850" i="1"/>
  <c r="D6851" i="1"/>
  <c r="D6852" i="1"/>
  <c r="D6853" i="1"/>
  <c r="D6854" i="1"/>
  <c r="D6855" i="1"/>
  <c r="D6856" i="1"/>
  <c r="D6857" i="1"/>
  <c r="D6858" i="1"/>
  <c r="D6859" i="1"/>
  <c r="D6860" i="1"/>
  <c r="D6861" i="1"/>
  <c r="D6862" i="1"/>
  <c r="D6863" i="1"/>
  <c r="D6864" i="1"/>
  <c r="D6865" i="1"/>
  <c r="D6866" i="1"/>
  <c r="D6867" i="1"/>
  <c r="D6868" i="1"/>
  <c r="D6869" i="1"/>
  <c r="D6870" i="1"/>
  <c r="D6871" i="1"/>
  <c r="D6872" i="1"/>
  <c r="D6873" i="1"/>
  <c r="D6874" i="1"/>
  <c r="D6875" i="1"/>
  <c r="D6876" i="1"/>
  <c r="D6877" i="1"/>
  <c r="D6878" i="1"/>
  <c r="D6879" i="1"/>
  <c r="D6880" i="1"/>
  <c r="D6881" i="1"/>
  <c r="D6882" i="1"/>
  <c r="D6883" i="1"/>
  <c r="D6884" i="1"/>
  <c r="D6885" i="1"/>
  <c r="D6886" i="1"/>
  <c r="D6887" i="1"/>
  <c r="D6888" i="1"/>
  <c r="D6889" i="1"/>
  <c r="D6890" i="1"/>
  <c r="D6891" i="1"/>
  <c r="D6892" i="1"/>
  <c r="D6893" i="1"/>
  <c r="D6894" i="1"/>
  <c r="D6895" i="1"/>
  <c r="D6896" i="1"/>
  <c r="D6897" i="1"/>
  <c r="D6898" i="1"/>
  <c r="D6899" i="1"/>
  <c r="D6900" i="1"/>
  <c r="D6901" i="1"/>
  <c r="D6902" i="1"/>
  <c r="D6903" i="1"/>
  <c r="D6904" i="1"/>
  <c r="D6905" i="1"/>
  <c r="D6906" i="1"/>
  <c r="D6907" i="1"/>
  <c r="D6908" i="1"/>
  <c r="D6909" i="1"/>
  <c r="D6910" i="1"/>
  <c r="D6911" i="1"/>
  <c r="D6912" i="1"/>
  <c r="D6913" i="1"/>
  <c r="D6914" i="1"/>
  <c r="D6915" i="1"/>
  <c r="D6916" i="1"/>
  <c r="D6917" i="1"/>
  <c r="D6918" i="1"/>
  <c r="D6919" i="1"/>
  <c r="D6920" i="1"/>
  <c r="D6921" i="1"/>
  <c r="D6922" i="1"/>
  <c r="D6923" i="1"/>
  <c r="D6924" i="1"/>
  <c r="D6925" i="1"/>
  <c r="D6926" i="1"/>
  <c r="D6927" i="1"/>
  <c r="D6928" i="1"/>
  <c r="D6929" i="1"/>
  <c r="D6930" i="1"/>
  <c r="D6931" i="1"/>
  <c r="D6932" i="1"/>
  <c r="D6933" i="1"/>
  <c r="D6934" i="1"/>
  <c r="D6935" i="1"/>
  <c r="D6936" i="1"/>
  <c r="D6937" i="1"/>
  <c r="D6938" i="1"/>
  <c r="D6939" i="1"/>
  <c r="D6940" i="1"/>
  <c r="D6941" i="1"/>
  <c r="D6942" i="1"/>
  <c r="D6943" i="1"/>
  <c r="D6944" i="1"/>
  <c r="D6945" i="1"/>
  <c r="D6946" i="1"/>
  <c r="D6947" i="1"/>
  <c r="D6948" i="1"/>
  <c r="D6949" i="1"/>
  <c r="D6950" i="1"/>
  <c r="D6951" i="1"/>
  <c r="D6952" i="1"/>
  <c r="D6953" i="1"/>
  <c r="D6954" i="1"/>
  <c r="D6955" i="1"/>
  <c r="D6956" i="1"/>
  <c r="D6957" i="1"/>
  <c r="D6958" i="1"/>
  <c r="D6959" i="1"/>
  <c r="D6960" i="1"/>
  <c r="D6961" i="1"/>
  <c r="D6962" i="1"/>
  <c r="D6963" i="1"/>
  <c r="D6964" i="1"/>
  <c r="D6965" i="1"/>
  <c r="D6966" i="1"/>
  <c r="D6967" i="1"/>
  <c r="D6968" i="1"/>
  <c r="D6969" i="1"/>
  <c r="D6970" i="1"/>
  <c r="D6971" i="1"/>
  <c r="D6972" i="1"/>
  <c r="D6973" i="1"/>
  <c r="D6974" i="1"/>
  <c r="D6975" i="1"/>
  <c r="D6976" i="1"/>
  <c r="D6977" i="1"/>
  <c r="D6978" i="1"/>
  <c r="D6979" i="1"/>
  <c r="D6980" i="1"/>
  <c r="D6981" i="1"/>
  <c r="D6982" i="1"/>
  <c r="D6983" i="1"/>
  <c r="D6984" i="1"/>
  <c r="D6985" i="1"/>
  <c r="D6986" i="1"/>
  <c r="D6987" i="1"/>
  <c r="D6988" i="1"/>
  <c r="D6989" i="1"/>
  <c r="D6990" i="1"/>
  <c r="D6991" i="1"/>
  <c r="D6992" i="1"/>
  <c r="D6993" i="1"/>
  <c r="D6994" i="1"/>
  <c r="D6995" i="1"/>
  <c r="D6996" i="1"/>
  <c r="D6997" i="1"/>
  <c r="D6998" i="1"/>
  <c r="D6999" i="1"/>
  <c r="D7000" i="1"/>
  <c r="D7001" i="1"/>
  <c r="D7002" i="1"/>
  <c r="D7003" i="1"/>
  <c r="D7004" i="1"/>
  <c r="D7005" i="1"/>
  <c r="D7006" i="1"/>
  <c r="D7007" i="1"/>
  <c r="D7008" i="1"/>
  <c r="D7009" i="1"/>
  <c r="D7010" i="1"/>
  <c r="D7011" i="1"/>
  <c r="D7012" i="1"/>
  <c r="D7013" i="1"/>
  <c r="D7014" i="1"/>
  <c r="D7015" i="1"/>
  <c r="D7016" i="1"/>
  <c r="D7017" i="1"/>
  <c r="D7018" i="1"/>
  <c r="D7019" i="1"/>
  <c r="D7020" i="1"/>
  <c r="D7021" i="1"/>
  <c r="D7022" i="1"/>
  <c r="D7023" i="1"/>
  <c r="D7024" i="1"/>
  <c r="D7025" i="1"/>
  <c r="D7026" i="1"/>
  <c r="D7027" i="1"/>
  <c r="D7028" i="1"/>
  <c r="D7029" i="1"/>
  <c r="D7030" i="1"/>
  <c r="D7031" i="1"/>
  <c r="D7032" i="1"/>
  <c r="D7033" i="1"/>
  <c r="D7034" i="1"/>
  <c r="D7035" i="1"/>
  <c r="D7036" i="1"/>
  <c r="D7037" i="1"/>
  <c r="D7038" i="1"/>
  <c r="D7039" i="1"/>
  <c r="D7040" i="1"/>
  <c r="D7041" i="1"/>
  <c r="D7042" i="1"/>
  <c r="D7043" i="1"/>
  <c r="D7044" i="1"/>
  <c r="D7045" i="1"/>
  <c r="D7046" i="1"/>
  <c r="D7047" i="1"/>
  <c r="D7048" i="1"/>
  <c r="D7049" i="1"/>
  <c r="D7050" i="1"/>
  <c r="D7051" i="1"/>
  <c r="D7052" i="1"/>
  <c r="D7053" i="1"/>
  <c r="D7054" i="1"/>
  <c r="D7055" i="1"/>
  <c r="D7056" i="1"/>
  <c r="D7057" i="1"/>
  <c r="D7058" i="1"/>
  <c r="D7059" i="1"/>
  <c r="D7060" i="1"/>
  <c r="D7061" i="1"/>
  <c r="D7062" i="1"/>
  <c r="D7063" i="1"/>
  <c r="D7064" i="1"/>
  <c r="D7065" i="1"/>
  <c r="D7066" i="1"/>
  <c r="D7067" i="1"/>
  <c r="D7068" i="1"/>
  <c r="D7069" i="1"/>
  <c r="D7070" i="1"/>
  <c r="D7071" i="1"/>
  <c r="D7072" i="1"/>
  <c r="D7073" i="1"/>
  <c r="D7074" i="1"/>
  <c r="D7075" i="1"/>
  <c r="D7076" i="1"/>
  <c r="D7077" i="1"/>
  <c r="D7078" i="1"/>
  <c r="D7079" i="1"/>
  <c r="D7080" i="1"/>
  <c r="D7081" i="1"/>
  <c r="D7082" i="1"/>
  <c r="D7083" i="1"/>
  <c r="D7084" i="1"/>
  <c r="D7085" i="1"/>
  <c r="D7086" i="1"/>
  <c r="D7087" i="1"/>
  <c r="D7088" i="1"/>
  <c r="D7089" i="1"/>
  <c r="D7090" i="1"/>
  <c r="D7091" i="1"/>
  <c r="D7092" i="1"/>
  <c r="D7093" i="1"/>
  <c r="D7094" i="1"/>
  <c r="D7095" i="1"/>
  <c r="D7096" i="1"/>
  <c r="D7097" i="1"/>
  <c r="D7098" i="1"/>
  <c r="D7099" i="1"/>
  <c r="D7100" i="1"/>
  <c r="D7101" i="1"/>
  <c r="D7102" i="1"/>
  <c r="D7103" i="1"/>
  <c r="D7104" i="1"/>
  <c r="D7105" i="1"/>
  <c r="D7106" i="1"/>
  <c r="D7107" i="1"/>
  <c r="D7108" i="1"/>
  <c r="D7109" i="1"/>
  <c r="D7110" i="1"/>
  <c r="D7111" i="1"/>
  <c r="D7112" i="1"/>
  <c r="D7113" i="1"/>
  <c r="D7114" i="1"/>
  <c r="D7115" i="1"/>
  <c r="D7116" i="1"/>
  <c r="D7117" i="1"/>
  <c r="D7118" i="1"/>
  <c r="D7119" i="1"/>
  <c r="D7120" i="1"/>
  <c r="D7121" i="1"/>
  <c r="D7122" i="1"/>
  <c r="D7123" i="1"/>
  <c r="D7124" i="1"/>
  <c r="D7125" i="1"/>
  <c r="D7126" i="1"/>
  <c r="D7127" i="1"/>
  <c r="D7128" i="1"/>
  <c r="D7129" i="1"/>
  <c r="D7130" i="1"/>
  <c r="D7131" i="1"/>
  <c r="D7132" i="1"/>
  <c r="D7133" i="1"/>
  <c r="D7134" i="1"/>
  <c r="D7135" i="1"/>
  <c r="D7136" i="1"/>
  <c r="D7137" i="1"/>
  <c r="D7138" i="1"/>
  <c r="D7139" i="1"/>
  <c r="D7140" i="1"/>
  <c r="D7141" i="1"/>
  <c r="D7142" i="1"/>
  <c r="D7143" i="1"/>
  <c r="D7144" i="1"/>
  <c r="D7145" i="1"/>
  <c r="D7146" i="1"/>
  <c r="D7147" i="1"/>
  <c r="D7148" i="1"/>
  <c r="D7149" i="1"/>
  <c r="D7150" i="1"/>
  <c r="D7151" i="1"/>
  <c r="D7152" i="1"/>
  <c r="D7153" i="1"/>
  <c r="D7154" i="1"/>
  <c r="D7155" i="1"/>
  <c r="D7156" i="1"/>
  <c r="D7157" i="1"/>
  <c r="D7158" i="1"/>
  <c r="D7159" i="1"/>
  <c r="D7160" i="1"/>
  <c r="D7161" i="1"/>
  <c r="D7162" i="1"/>
  <c r="D7163" i="1"/>
  <c r="D7164" i="1"/>
  <c r="D7165" i="1"/>
  <c r="D7166" i="1"/>
  <c r="D7167" i="1"/>
  <c r="D7168" i="1"/>
  <c r="D7169" i="1"/>
  <c r="D7170" i="1"/>
  <c r="D7171" i="1"/>
  <c r="D7172" i="1"/>
  <c r="D7173" i="1"/>
  <c r="D7174" i="1"/>
  <c r="D7175" i="1"/>
  <c r="D7176" i="1"/>
  <c r="D7177" i="1"/>
  <c r="D7178" i="1"/>
  <c r="D7179" i="1"/>
  <c r="D7180" i="1"/>
  <c r="D7181" i="1"/>
  <c r="D7182" i="1"/>
  <c r="D7183" i="1"/>
  <c r="D7184" i="1"/>
  <c r="D7185" i="1"/>
  <c r="D7186" i="1"/>
  <c r="D7187" i="1"/>
  <c r="D7188" i="1"/>
  <c r="D7189" i="1"/>
  <c r="D7190" i="1"/>
  <c r="D7191" i="1"/>
  <c r="D7192" i="1"/>
  <c r="D7193" i="1"/>
  <c r="D7194" i="1"/>
  <c r="D7195" i="1"/>
  <c r="D7196" i="1"/>
  <c r="D7197" i="1"/>
  <c r="D7198" i="1"/>
  <c r="D7199" i="1"/>
  <c r="D7200" i="1"/>
  <c r="D7201" i="1"/>
  <c r="D7202" i="1"/>
  <c r="D7203" i="1"/>
  <c r="D7204" i="1"/>
  <c r="D7205" i="1"/>
  <c r="D7206" i="1"/>
  <c r="D7207" i="1"/>
  <c r="D7208" i="1"/>
  <c r="D7209" i="1"/>
  <c r="D7210" i="1"/>
  <c r="D7211" i="1"/>
  <c r="D7212" i="1"/>
  <c r="D7213" i="1"/>
  <c r="D7214" i="1"/>
  <c r="D7215" i="1"/>
  <c r="D7216" i="1"/>
  <c r="D7217" i="1"/>
  <c r="D7218" i="1"/>
  <c r="D7219" i="1"/>
  <c r="D7220" i="1"/>
  <c r="D7221" i="1"/>
  <c r="D7222" i="1"/>
  <c r="D7223" i="1"/>
  <c r="D7224" i="1"/>
  <c r="D7225" i="1"/>
  <c r="D7226" i="1"/>
  <c r="D7227" i="1"/>
  <c r="D7228" i="1"/>
  <c r="D7229" i="1"/>
  <c r="D7230" i="1"/>
  <c r="D7231" i="1"/>
  <c r="D7232" i="1"/>
  <c r="D7233" i="1"/>
  <c r="D7234" i="1"/>
  <c r="D7235" i="1"/>
  <c r="D7236" i="1"/>
  <c r="D7237" i="1"/>
  <c r="D7238" i="1"/>
  <c r="D7239" i="1"/>
  <c r="D7240" i="1"/>
  <c r="D7241" i="1"/>
  <c r="D7242" i="1"/>
  <c r="D7243" i="1"/>
  <c r="D7244" i="1"/>
  <c r="D7245" i="1"/>
  <c r="D7246" i="1"/>
  <c r="D7247" i="1"/>
  <c r="D7248" i="1"/>
  <c r="D7249" i="1"/>
  <c r="D7250" i="1"/>
  <c r="D7251" i="1"/>
  <c r="D7252" i="1"/>
  <c r="D7253" i="1"/>
  <c r="D7254" i="1"/>
  <c r="D7255" i="1"/>
  <c r="D7256" i="1"/>
  <c r="D7257" i="1"/>
  <c r="D7258" i="1"/>
  <c r="D7259" i="1"/>
  <c r="D7260" i="1"/>
  <c r="D7261" i="1"/>
  <c r="D7262" i="1"/>
  <c r="D7263" i="1"/>
  <c r="D7264" i="1"/>
  <c r="D7265" i="1"/>
  <c r="D7266" i="1"/>
  <c r="D7267" i="1"/>
  <c r="D7268" i="1"/>
  <c r="D7269" i="1"/>
  <c r="D7270" i="1"/>
  <c r="D7271" i="1"/>
  <c r="D7272" i="1"/>
  <c r="D7273" i="1"/>
  <c r="D7274" i="1"/>
  <c r="D7275" i="1"/>
  <c r="D7276" i="1"/>
  <c r="D7277" i="1"/>
  <c r="D7278" i="1"/>
  <c r="D7279" i="1"/>
  <c r="D7280" i="1"/>
  <c r="D7281" i="1"/>
  <c r="D7282" i="1"/>
  <c r="D7283" i="1"/>
  <c r="D7284" i="1"/>
  <c r="D7285" i="1"/>
  <c r="D7286" i="1"/>
  <c r="D7287" i="1"/>
  <c r="D7288" i="1"/>
  <c r="D7289" i="1"/>
  <c r="D7290" i="1"/>
  <c r="D7291" i="1"/>
  <c r="D7292" i="1"/>
  <c r="D7293" i="1"/>
  <c r="D7294" i="1"/>
  <c r="D7295" i="1"/>
  <c r="D7296" i="1"/>
  <c r="D7297" i="1"/>
  <c r="D7298" i="1"/>
  <c r="D7299" i="1"/>
  <c r="D7300" i="1"/>
  <c r="D7301" i="1"/>
  <c r="D7302" i="1"/>
  <c r="D7303" i="1"/>
  <c r="D7304" i="1"/>
  <c r="D7305" i="1"/>
  <c r="D7306" i="1"/>
  <c r="D7307" i="1"/>
  <c r="D7308" i="1"/>
  <c r="D7309" i="1"/>
  <c r="D7310" i="1"/>
  <c r="D7311" i="1"/>
  <c r="D7312" i="1"/>
  <c r="D7313" i="1"/>
  <c r="D7314" i="1"/>
  <c r="D7315" i="1"/>
  <c r="D7316" i="1"/>
  <c r="D7317" i="1"/>
  <c r="D7318" i="1"/>
  <c r="D7319" i="1"/>
  <c r="D7320" i="1"/>
  <c r="D7321" i="1"/>
  <c r="D7322" i="1"/>
  <c r="D7323" i="1"/>
  <c r="D7324" i="1"/>
  <c r="D7325" i="1"/>
  <c r="D7326" i="1"/>
  <c r="D7327" i="1"/>
  <c r="D7328" i="1"/>
  <c r="D7329" i="1"/>
  <c r="D7330" i="1"/>
  <c r="D7331" i="1"/>
  <c r="D7332" i="1"/>
  <c r="D7333" i="1"/>
  <c r="D7334" i="1"/>
  <c r="D7335" i="1"/>
  <c r="D7336" i="1"/>
  <c r="D7337" i="1"/>
  <c r="D7338" i="1"/>
  <c r="D7339" i="1"/>
  <c r="D7340" i="1"/>
  <c r="D7341" i="1"/>
  <c r="D7342" i="1"/>
  <c r="D7343" i="1"/>
  <c r="D7344" i="1"/>
  <c r="D7345" i="1"/>
  <c r="D7346" i="1"/>
  <c r="D7347" i="1"/>
  <c r="D7348" i="1"/>
  <c r="D7349" i="1"/>
  <c r="D7350" i="1"/>
  <c r="D7351" i="1"/>
  <c r="D7352" i="1"/>
  <c r="D7353" i="1"/>
  <c r="D7354" i="1"/>
  <c r="D7355" i="1"/>
  <c r="D7356" i="1"/>
  <c r="D7357" i="1"/>
  <c r="D7358" i="1"/>
  <c r="D7359" i="1"/>
  <c r="D7360" i="1"/>
  <c r="D7361" i="1"/>
  <c r="D7362" i="1"/>
  <c r="D7363" i="1"/>
  <c r="D7364" i="1"/>
  <c r="D7365" i="1"/>
  <c r="D7366" i="1"/>
  <c r="D7367" i="1"/>
  <c r="D7368" i="1"/>
  <c r="D7369" i="1"/>
  <c r="D7370" i="1"/>
  <c r="D7371" i="1"/>
  <c r="D7372" i="1"/>
  <c r="D7373" i="1"/>
  <c r="D7374" i="1"/>
  <c r="D7375" i="1"/>
  <c r="D7376" i="1"/>
  <c r="D7377" i="1"/>
  <c r="D7378" i="1"/>
  <c r="D7379" i="1"/>
  <c r="D7380" i="1"/>
  <c r="D7381" i="1"/>
  <c r="D7382" i="1"/>
  <c r="D7383" i="1"/>
  <c r="D7384" i="1"/>
  <c r="D7385" i="1"/>
  <c r="D7386" i="1"/>
  <c r="D7387" i="1"/>
  <c r="D7388" i="1"/>
  <c r="D7389" i="1"/>
  <c r="D7390" i="1"/>
  <c r="D7391" i="1"/>
  <c r="D7392" i="1"/>
  <c r="D7393" i="1"/>
  <c r="D7394" i="1"/>
  <c r="D7395" i="1"/>
  <c r="D7396" i="1"/>
  <c r="D7397" i="1"/>
  <c r="D7398" i="1"/>
  <c r="D7399" i="1"/>
  <c r="D7400" i="1"/>
  <c r="D7401" i="1"/>
  <c r="D7402" i="1"/>
  <c r="D7403" i="1"/>
  <c r="D7404" i="1"/>
  <c r="D7405" i="1"/>
  <c r="D7406" i="1"/>
  <c r="D7407" i="1"/>
  <c r="D7408" i="1"/>
  <c r="D7409" i="1"/>
  <c r="D7410" i="1"/>
  <c r="D7411" i="1"/>
  <c r="D7412" i="1"/>
  <c r="D7413" i="1"/>
  <c r="D7414" i="1"/>
  <c r="D7415" i="1"/>
  <c r="D7416" i="1"/>
  <c r="D7417" i="1"/>
  <c r="D7418" i="1"/>
  <c r="D7419" i="1"/>
  <c r="D7420" i="1"/>
  <c r="D7421" i="1"/>
  <c r="D7422" i="1"/>
  <c r="D7423" i="1"/>
  <c r="D7424" i="1"/>
  <c r="D7425" i="1"/>
  <c r="D7426" i="1"/>
  <c r="D7427" i="1"/>
  <c r="D7428" i="1"/>
  <c r="D7429" i="1"/>
  <c r="D7430" i="1"/>
  <c r="D7431" i="1"/>
  <c r="D7432" i="1"/>
  <c r="D7433" i="1"/>
  <c r="D7434" i="1"/>
  <c r="D7435" i="1"/>
  <c r="D7436" i="1"/>
  <c r="D7437" i="1"/>
  <c r="D7438" i="1"/>
  <c r="D7439" i="1"/>
  <c r="D7440" i="1"/>
  <c r="D7441" i="1"/>
  <c r="D7442" i="1"/>
  <c r="D7443" i="1"/>
  <c r="D7444" i="1"/>
  <c r="D7445" i="1"/>
  <c r="D7446" i="1"/>
  <c r="D7447" i="1"/>
  <c r="D7448" i="1"/>
  <c r="D7449" i="1"/>
  <c r="D7450" i="1"/>
  <c r="D7451" i="1"/>
  <c r="D7452" i="1"/>
  <c r="D7453" i="1"/>
  <c r="D7454" i="1"/>
  <c r="D7455" i="1"/>
  <c r="D7456" i="1"/>
  <c r="D7457" i="1"/>
  <c r="D7458" i="1"/>
  <c r="D7459" i="1"/>
  <c r="D7460" i="1"/>
  <c r="D7461" i="1"/>
  <c r="D7462" i="1"/>
  <c r="D7463" i="1"/>
  <c r="D7464" i="1"/>
  <c r="D7465" i="1"/>
  <c r="D7466" i="1"/>
  <c r="D7467" i="1"/>
  <c r="D7468" i="1"/>
  <c r="D7469" i="1"/>
  <c r="D7470" i="1"/>
  <c r="D7471" i="1"/>
  <c r="D7472" i="1"/>
  <c r="D7473" i="1"/>
  <c r="D7474" i="1"/>
  <c r="D7475" i="1"/>
  <c r="D7476" i="1"/>
  <c r="D7477" i="1"/>
  <c r="D7478" i="1"/>
  <c r="D7479" i="1"/>
  <c r="D7480" i="1"/>
  <c r="D7481" i="1"/>
  <c r="D7482" i="1"/>
  <c r="D7483" i="1"/>
  <c r="D7484" i="1"/>
  <c r="D7485" i="1"/>
  <c r="D7486" i="1"/>
  <c r="D7487" i="1"/>
  <c r="D7488" i="1"/>
  <c r="D7489" i="1"/>
  <c r="D7490" i="1"/>
  <c r="D7491" i="1"/>
  <c r="D7492" i="1"/>
  <c r="D7493" i="1"/>
  <c r="D7494" i="1"/>
  <c r="D7495" i="1"/>
  <c r="D7496" i="1"/>
  <c r="D7497" i="1"/>
  <c r="D7498" i="1"/>
  <c r="D7499" i="1"/>
  <c r="D7500" i="1"/>
  <c r="D7501" i="1"/>
  <c r="D7502" i="1"/>
  <c r="D7503" i="1"/>
  <c r="D7504" i="1"/>
  <c r="D7505" i="1"/>
  <c r="D7506" i="1"/>
  <c r="D7507" i="1"/>
  <c r="D7508" i="1"/>
  <c r="D7509" i="1"/>
  <c r="D7510" i="1"/>
  <c r="D7511" i="1"/>
  <c r="D7512" i="1"/>
  <c r="D7513" i="1"/>
  <c r="D7514" i="1"/>
  <c r="D7515" i="1"/>
  <c r="D7516" i="1"/>
  <c r="D7517" i="1"/>
  <c r="D7518" i="1"/>
  <c r="D7519" i="1"/>
  <c r="D7520" i="1"/>
  <c r="D7521" i="1"/>
  <c r="D7522" i="1"/>
  <c r="D7523" i="1"/>
  <c r="D7524" i="1"/>
  <c r="D7525" i="1"/>
  <c r="D7526" i="1"/>
  <c r="D7527" i="1"/>
  <c r="D7528" i="1"/>
  <c r="D7529" i="1"/>
  <c r="D7530" i="1"/>
  <c r="D7531" i="1"/>
  <c r="D7532" i="1"/>
  <c r="D7533" i="1"/>
  <c r="D7534" i="1"/>
  <c r="D7535" i="1"/>
  <c r="D7536" i="1"/>
  <c r="D7537" i="1"/>
  <c r="D7538" i="1"/>
  <c r="D7539" i="1"/>
  <c r="D7540" i="1"/>
  <c r="D7541" i="1"/>
  <c r="D7542" i="1"/>
  <c r="D7543" i="1"/>
  <c r="D7544" i="1"/>
  <c r="D7545" i="1"/>
  <c r="D7546" i="1"/>
  <c r="D7547" i="1"/>
  <c r="D7548" i="1"/>
  <c r="D7549" i="1"/>
  <c r="D7550" i="1"/>
  <c r="D7551" i="1"/>
  <c r="D7552" i="1"/>
  <c r="D7553" i="1"/>
  <c r="D7554" i="1"/>
  <c r="D7555" i="1"/>
  <c r="D7556" i="1"/>
  <c r="D7557" i="1"/>
  <c r="D7558" i="1"/>
  <c r="D7559" i="1"/>
  <c r="D7560" i="1"/>
  <c r="D7561" i="1"/>
  <c r="D7562" i="1"/>
  <c r="D7563" i="1"/>
  <c r="D7564" i="1"/>
  <c r="D7565" i="1"/>
  <c r="D7566" i="1"/>
  <c r="D7567" i="1"/>
  <c r="D7568" i="1"/>
  <c r="D7569" i="1"/>
  <c r="D7570" i="1"/>
  <c r="D7571" i="1"/>
  <c r="D7572" i="1"/>
  <c r="D7573" i="1"/>
  <c r="D7574" i="1"/>
  <c r="D7575" i="1"/>
  <c r="D7576" i="1"/>
  <c r="D7577" i="1"/>
  <c r="D7578" i="1"/>
  <c r="D7579" i="1"/>
  <c r="D7580" i="1"/>
  <c r="D7581" i="1"/>
  <c r="D7582" i="1"/>
  <c r="D7583" i="1"/>
  <c r="D7584" i="1"/>
  <c r="D7585" i="1"/>
  <c r="D7586" i="1"/>
  <c r="D7587" i="1"/>
  <c r="D7588" i="1"/>
  <c r="D7589" i="1"/>
  <c r="D7590" i="1"/>
  <c r="D7591" i="1"/>
  <c r="D7592" i="1"/>
  <c r="D7593" i="1"/>
  <c r="D7594" i="1"/>
  <c r="D7595" i="1"/>
  <c r="D7596" i="1"/>
  <c r="D7597" i="1"/>
  <c r="D7598" i="1"/>
  <c r="D7599" i="1"/>
  <c r="D7600" i="1"/>
  <c r="D7601" i="1"/>
  <c r="D7602" i="1"/>
  <c r="D7603" i="1"/>
  <c r="D7604" i="1"/>
  <c r="D7605" i="1"/>
  <c r="D7606" i="1"/>
  <c r="D7607" i="1"/>
  <c r="D7608" i="1"/>
  <c r="D7609" i="1"/>
  <c r="D7610" i="1"/>
  <c r="D7611" i="1"/>
  <c r="D7612" i="1"/>
  <c r="D7613" i="1"/>
  <c r="D7614" i="1"/>
  <c r="D7615" i="1"/>
  <c r="D7616" i="1"/>
  <c r="D7617" i="1"/>
  <c r="D7618" i="1"/>
  <c r="D7619" i="1"/>
  <c r="D7620" i="1"/>
  <c r="D7621" i="1"/>
  <c r="D7622" i="1"/>
  <c r="D7623" i="1"/>
  <c r="D7624" i="1"/>
  <c r="D7625" i="1"/>
  <c r="D7626" i="1"/>
  <c r="D7627" i="1"/>
  <c r="D7628" i="1"/>
  <c r="D7629" i="1"/>
  <c r="D7630" i="1"/>
  <c r="D7631" i="1"/>
  <c r="D7632" i="1"/>
  <c r="D7633" i="1"/>
  <c r="D7634" i="1"/>
  <c r="D7635" i="1"/>
  <c r="D7636" i="1"/>
  <c r="D7637" i="1"/>
  <c r="D7638" i="1"/>
  <c r="D7639" i="1"/>
  <c r="D7640" i="1"/>
  <c r="D7641" i="1"/>
  <c r="D7642" i="1"/>
  <c r="D7643" i="1"/>
  <c r="D7644" i="1"/>
  <c r="D7645" i="1"/>
  <c r="D7646" i="1"/>
  <c r="D7647" i="1"/>
  <c r="D7648" i="1"/>
  <c r="D7649" i="1"/>
  <c r="D7650" i="1"/>
  <c r="D7651" i="1"/>
  <c r="D7652" i="1"/>
  <c r="D7653" i="1"/>
  <c r="D7654" i="1"/>
  <c r="D7655" i="1"/>
  <c r="D7656" i="1"/>
  <c r="D7657" i="1"/>
  <c r="D7658" i="1"/>
  <c r="D7659" i="1"/>
  <c r="D7660" i="1"/>
  <c r="D7661" i="1"/>
  <c r="D7662" i="1"/>
  <c r="D7663" i="1"/>
  <c r="D7664" i="1"/>
  <c r="D7665" i="1"/>
  <c r="D7666" i="1"/>
  <c r="D7667" i="1"/>
  <c r="D7668" i="1"/>
  <c r="D7669" i="1"/>
  <c r="D7670" i="1"/>
  <c r="D7671" i="1"/>
  <c r="D7672" i="1"/>
  <c r="D7673" i="1"/>
  <c r="D7674" i="1"/>
  <c r="D7675" i="1"/>
  <c r="D7676" i="1"/>
  <c r="D7677" i="1"/>
  <c r="D7678" i="1"/>
  <c r="D7679" i="1"/>
  <c r="D7680" i="1"/>
  <c r="D7681" i="1"/>
  <c r="D7682" i="1"/>
  <c r="D7683" i="1"/>
  <c r="D7684" i="1"/>
  <c r="D7685" i="1"/>
  <c r="D7686" i="1"/>
  <c r="D7687" i="1"/>
  <c r="D7688" i="1"/>
  <c r="D7689" i="1"/>
  <c r="D7690" i="1"/>
  <c r="D7691" i="1"/>
  <c r="D7692" i="1"/>
  <c r="D7693" i="1"/>
  <c r="D7694" i="1"/>
  <c r="D7695" i="1"/>
  <c r="D7696" i="1"/>
  <c r="D7697" i="1"/>
  <c r="D7698" i="1"/>
  <c r="D7699" i="1"/>
  <c r="D7700" i="1"/>
  <c r="D7701" i="1"/>
  <c r="D7702" i="1"/>
  <c r="D7703" i="1"/>
  <c r="D7704" i="1"/>
  <c r="D7705" i="1"/>
  <c r="D7706" i="1"/>
  <c r="D7707" i="1"/>
  <c r="D7708" i="1"/>
  <c r="D7709" i="1"/>
  <c r="D7710" i="1"/>
  <c r="D7711" i="1"/>
  <c r="D7712" i="1"/>
  <c r="D7713" i="1"/>
  <c r="D7714" i="1"/>
  <c r="D7715" i="1"/>
  <c r="D7716" i="1"/>
  <c r="D7717" i="1"/>
  <c r="D7718" i="1"/>
  <c r="D7719" i="1"/>
  <c r="D7720" i="1"/>
  <c r="D7721" i="1"/>
  <c r="D7722" i="1"/>
  <c r="D7723" i="1"/>
  <c r="D7724" i="1"/>
  <c r="D7725" i="1"/>
  <c r="D7726" i="1"/>
  <c r="D7727" i="1"/>
  <c r="D7728" i="1"/>
  <c r="D7729" i="1"/>
  <c r="D7730" i="1"/>
  <c r="D7731" i="1"/>
  <c r="D7732" i="1"/>
  <c r="D7733" i="1"/>
  <c r="D7734" i="1"/>
  <c r="D7735" i="1"/>
  <c r="D7736" i="1"/>
  <c r="D7737" i="1"/>
  <c r="D7738" i="1"/>
  <c r="D7739" i="1"/>
  <c r="D7740" i="1"/>
  <c r="D7741" i="1"/>
  <c r="D7742" i="1"/>
  <c r="D7743" i="1"/>
  <c r="D7744" i="1"/>
  <c r="D7745" i="1"/>
  <c r="D7746" i="1"/>
  <c r="D7747" i="1"/>
  <c r="D7748" i="1"/>
  <c r="D7749" i="1"/>
  <c r="D7750" i="1"/>
  <c r="D7751" i="1"/>
  <c r="D7752" i="1"/>
  <c r="D7753" i="1"/>
  <c r="D7754" i="1"/>
  <c r="D7755" i="1"/>
  <c r="D7756" i="1"/>
  <c r="D7757" i="1"/>
  <c r="D7758" i="1"/>
  <c r="D7759" i="1"/>
  <c r="D7760" i="1"/>
  <c r="D7761" i="1"/>
  <c r="D7762" i="1"/>
  <c r="D7763" i="1"/>
  <c r="D7764" i="1"/>
  <c r="D7765" i="1"/>
  <c r="D7766" i="1"/>
  <c r="D7767" i="1"/>
  <c r="D7768" i="1"/>
  <c r="D7769" i="1"/>
  <c r="D7770" i="1"/>
  <c r="D7771" i="1"/>
  <c r="D7772" i="1"/>
  <c r="D7773" i="1"/>
  <c r="D7774" i="1"/>
  <c r="D7775" i="1"/>
  <c r="D7776" i="1"/>
  <c r="D7777" i="1"/>
  <c r="D7778" i="1"/>
  <c r="D7779" i="1"/>
  <c r="D7780" i="1"/>
  <c r="D7781" i="1"/>
  <c r="D7782" i="1"/>
  <c r="D7783" i="1"/>
  <c r="D7784" i="1"/>
  <c r="D7785" i="1"/>
  <c r="D7786" i="1"/>
  <c r="D7787" i="1"/>
  <c r="D7788" i="1"/>
  <c r="D7789" i="1"/>
  <c r="D7790" i="1"/>
  <c r="D7791" i="1"/>
  <c r="D7792" i="1"/>
  <c r="D7793" i="1"/>
  <c r="D7794" i="1"/>
  <c r="D7795" i="1"/>
  <c r="D7796" i="1"/>
  <c r="D7797" i="1"/>
  <c r="D7798" i="1"/>
  <c r="D7799" i="1"/>
  <c r="D7800" i="1"/>
  <c r="D7801" i="1"/>
  <c r="D7802" i="1"/>
  <c r="D7803" i="1"/>
  <c r="D7804" i="1"/>
  <c r="D7805" i="1"/>
  <c r="D7806" i="1"/>
  <c r="D7807" i="1"/>
  <c r="D7808" i="1"/>
  <c r="D7809" i="1"/>
  <c r="D7810" i="1"/>
  <c r="D7811" i="1"/>
  <c r="D7812" i="1"/>
  <c r="D7813" i="1"/>
  <c r="D7814" i="1"/>
  <c r="D7815" i="1"/>
  <c r="D7816" i="1"/>
  <c r="D7817" i="1"/>
  <c r="D7818" i="1"/>
  <c r="D7819" i="1"/>
  <c r="D7820" i="1"/>
  <c r="D7821" i="1"/>
  <c r="D7822" i="1"/>
  <c r="D7823" i="1"/>
  <c r="D7824" i="1"/>
  <c r="D7825" i="1"/>
  <c r="D7826" i="1"/>
  <c r="D7827" i="1"/>
  <c r="D7828" i="1"/>
  <c r="D7829" i="1"/>
  <c r="D7830" i="1"/>
  <c r="D7831" i="1"/>
  <c r="D7832" i="1"/>
  <c r="D7833" i="1"/>
  <c r="D7834" i="1"/>
  <c r="D7835" i="1"/>
  <c r="D7836" i="1"/>
  <c r="D7837" i="1"/>
  <c r="D7838" i="1"/>
  <c r="D7839" i="1"/>
  <c r="D7840" i="1"/>
  <c r="D7841" i="1"/>
  <c r="D7842" i="1"/>
  <c r="D7843" i="1"/>
  <c r="D7844" i="1"/>
  <c r="D7845" i="1"/>
  <c r="D7846" i="1"/>
  <c r="D7847" i="1"/>
  <c r="D7848" i="1"/>
  <c r="D7849" i="1"/>
  <c r="D7850" i="1"/>
  <c r="D7851" i="1"/>
  <c r="D7852" i="1"/>
  <c r="D7853" i="1"/>
  <c r="D7854" i="1"/>
  <c r="D7855" i="1"/>
  <c r="D7856" i="1"/>
  <c r="D7857" i="1"/>
  <c r="D7858" i="1"/>
  <c r="D7859" i="1"/>
  <c r="D7860" i="1"/>
  <c r="D7861" i="1"/>
  <c r="D7862" i="1"/>
  <c r="D7863" i="1"/>
  <c r="D7864" i="1"/>
  <c r="D7865" i="1"/>
  <c r="D7866" i="1"/>
  <c r="D7867" i="1"/>
  <c r="D7868" i="1"/>
  <c r="D7869" i="1"/>
  <c r="D7870" i="1"/>
  <c r="D7871" i="1"/>
  <c r="D7872" i="1"/>
  <c r="D7873" i="1"/>
  <c r="D7874" i="1"/>
  <c r="D7875" i="1"/>
  <c r="D7876" i="1"/>
  <c r="D7877" i="1"/>
  <c r="D7878" i="1"/>
  <c r="D7879" i="1"/>
  <c r="D7880" i="1"/>
  <c r="D7881" i="1"/>
  <c r="D7882" i="1"/>
  <c r="D7883" i="1"/>
  <c r="D7884" i="1"/>
  <c r="D7885" i="1"/>
  <c r="D7886" i="1"/>
  <c r="D7887" i="1"/>
  <c r="D7888" i="1"/>
  <c r="D7889" i="1"/>
  <c r="D7890" i="1"/>
  <c r="D7891" i="1"/>
  <c r="D7892" i="1"/>
  <c r="D7893" i="1"/>
  <c r="D7894" i="1"/>
  <c r="D7895" i="1"/>
  <c r="D7896" i="1"/>
  <c r="D7897" i="1"/>
  <c r="D7898" i="1"/>
  <c r="D7899" i="1"/>
  <c r="D7900" i="1"/>
  <c r="D7901" i="1"/>
  <c r="D7902" i="1"/>
  <c r="D7903" i="1"/>
  <c r="D7904" i="1"/>
  <c r="D7905" i="1"/>
  <c r="D7906" i="1"/>
  <c r="D7907" i="1"/>
  <c r="D7908" i="1"/>
  <c r="D7909" i="1"/>
  <c r="D7910" i="1"/>
  <c r="D7911" i="1"/>
  <c r="D7912" i="1"/>
  <c r="D7913" i="1"/>
  <c r="D7914" i="1"/>
  <c r="D7915" i="1"/>
  <c r="D7916" i="1"/>
  <c r="D7917" i="1"/>
  <c r="D7918" i="1"/>
  <c r="D7919" i="1"/>
  <c r="D7920" i="1"/>
  <c r="D7921" i="1"/>
  <c r="D7922" i="1"/>
  <c r="D7923" i="1"/>
  <c r="D7924" i="1"/>
  <c r="D7925" i="1"/>
  <c r="D7926" i="1"/>
  <c r="D7927" i="1"/>
  <c r="D7928" i="1"/>
  <c r="D7929" i="1"/>
  <c r="D7930" i="1"/>
  <c r="D7931" i="1"/>
  <c r="D7932" i="1"/>
  <c r="D7933" i="1"/>
  <c r="D7934" i="1"/>
  <c r="D7935" i="1"/>
  <c r="D7936" i="1"/>
  <c r="D7937" i="1"/>
  <c r="D7938" i="1"/>
  <c r="D7939" i="1"/>
  <c r="D7940" i="1"/>
  <c r="D7941" i="1"/>
  <c r="D7942" i="1"/>
  <c r="D7943" i="1"/>
  <c r="D7944" i="1"/>
  <c r="D7945" i="1"/>
  <c r="D7946" i="1"/>
  <c r="D7947" i="1"/>
  <c r="D7948" i="1"/>
  <c r="D7949" i="1"/>
  <c r="D7950" i="1"/>
  <c r="D7951" i="1"/>
  <c r="D7952" i="1"/>
  <c r="D7953" i="1"/>
  <c r="D7954" i="1"/>
  <c r="D7955" i="1"/>
  <c r="D7956" i="1"/>
  <c r="D7957" i="1"/>
  <c r="D7958" i="1"/>
  <c r="D7959" i="1"/>
  <c r="D7960" i="1"/>
  <c r="D7961" i="1"/>
  <c r="D7962" i="1"/>
  <c r="D7963" i="1"/>
  <c r="D7964" i="1"/>
  <c r="D7965" i="1"/>
  <c r="D7966" i="1"/>
  <c r="D7967" i="1"/>
  <c r="D7968" i="1"/>
  <c r="D7969" i="1"/>
  <c r="D7970" i="1"/>
  <c r="D7971" i="1"/>
  <c r="D7972" i="1"/>
  <c r="D7973" i="1"/>
  <c r="D7974" i="1"/>
  <c r="D7975" i="1"/>
  <c r="D7976" i="1"/>
  <c r="D7977" i="1"/>
  <c r="D7978" i="1"/>
  <c r="D7979" i="1"/>
  <c r="D7980" i="1"/>
  <c r="D7981" i="1"/>
  <c r="D7982" i="1"/>
  <c r="D7983" i="1"/>
  <c r="D7984" i="1"/>
  <c r="D7985" i="1"/>
  <c r="D7986" i="1"/>
  <c r="D7987" i="1"/>
  <c r="D7988" i="1"/>
  <c r="D7989" i="1"/>
  <c r="D7990" i="1"/>
  <c r="D7991" i="1"/>
  <c r="D7992" i="1"/>
  <c r="D7993" i="1"/>
  <c r="D7994" i="1"/>
  <c r="D7995" i="1"/>
  <c r="D7996" i="1"/>
  <c r="D7997" i="1"/>
  <c r="D7998" i="1"/>
  <c r="D7999" i="1"/>
  <c r="D8000" i="1"/>
  <c r="D8001" i="1"/>
  <c r="D8002" i="1"/>
  <c r="D8003" i="1"/>
  <c r="D8004" i="1"/>
  <c r="D8005" i="1"/>
  <c r="D8006" i="1"/>
  <c r="D8007" i="1"/>
  <c r="D8008" i="1"/>
  <c r="D8009" i="1"/>
  <c r="D8010" i="1"/>
  <c r="D8011" i="1"/>
  <c r="D8012" i="1"/>
  <c r="D8013" i="1"/>
  <c r="D8014" i="1"/>
  <c r="D8015" i="1"/>
  <c r="D8016" i="1"/>
  <c r="D8017" i="1"/>
  <c r="D8018" i="1"/>
  <c r="D8019" i="1"/>
  <c r="D8020" i="1"/>
  <c r="D8021" i="1"/>
  <c r="D8022" i="1"/>
  <c r="D8023" i="1"/>
  <c r="D8024" i="1"/>
  <c r="D8025" i="1"/>
  <c r="D8026" i="1"/>
  <c r="D8027" i="1"/>
  <c r="D8028" i="1"/>
  <c r="D8029" i="1"/>
  <c r="D8030" i="1"/>
  <c r="D8031" i="1"/>
  <c r="D8032" i="1"/>
  <c r="D8033" i="1"/>
  <c r="D8034" i="1"/>
  <c r="D8035" i="1"/>
  <c r="D8036" i="1"/>
  <c r="D8037" i="1"/>
  <c r="D8038" i="1"/>
  <c r="D8039" i="1"/>
  <c r="D8040" i="1"/>
  <c r="D8041" i="1"/>
  <c r="D8042" i="1"/>
  <c r="D8043" i="1"/>
  <c r="D8044" i="1"/>
  <c r="D8045" i="1"/>
  <c r="D8046" i="1"/>
  <c r="D8047" i="1"/>
  <c r="D8048" i="1"/>
  <c r="D8049" i="1"/>
  <c r="D8050" i="1"/>
  <c r="D8051" i="1"/>
  <c r="D8052" i="1"/>
  <c r="D8053" i="1"/>
  <c r="D8054" i="1"/>
  <c r="D8055" i="1"/>
  <c r="D8056" i="1"/>
  <c r="D8057" i="1"/>
  <c r="D8058" i="1"/>
  <c r="D8059" i="1"/>
  <c r="D8060" i="1"/>
  <c r="D8061" i="1"/>
  <c r="D8062" i="1"/>
  <c r="D8063" i="1"/>
  <c r="D8064" i="1"/>
  <c r="D8065" i="1"/>
  <c r="D8066" i="1"/>
  <c r="D8067" i="1"/>
  <c r="D8068" i="1"/>
  <c r="D8069" i="1"/>
  <c r="D8070" i="1"/>
  <c r="D8071" i="1"/>
  <c r="D8072" i="1"/>
  <c r="D8073" i="1"/>
  <c r="D8074" i="1"/>
  <c r="D8075" i="1"/>
  <c r="D8076" i="1"/>
  <c r="D8077" i="1"/>
  <c r="D8078" i="1"/>
  <c r="D8079" i="1"/>
  <c r="D8080" i="1"/>
  <c r="D8081" i="1"/>
  <c r="D8082" i="1"/>
  <c r="D8083" i="1"/>
  <c r="D8084" i="1"/>
  <c r="D8085" i="1"/>
  <c r="D8086" i="1"/>
  <c r="D8087" i="1"/>
  <c r="D8088" i="1"/>
  <c r="D8089" i="1"/>
  <c r="D8090" i="1"/>
  <c r="D8091" i="1"/>
  <c r="D8092" i="1"/>
  <c r="D8093" i="1"/>
  <c r="D8094" i="1"/>
  <c r="D8095" i="1"/>
  <c r="D8096" i="1"/>
  <c r="D8097" i="1"/>
  <c r="D8098" i="1"/>
  <c r="D8099" i="1"/>
  <c r="D8100" i="1"/>
  <c r="D8101" i="1"/>
  <c r="D8102" i="1"/>
  <c r="D8103" i="1"/>
  <c r="D8104" i="1"/>
  <c r="D8105" i="1"/>
  <c r="D8106" i="1"/>
  <c r="D8107" i="1"/>
  <c r="D8108" i="1"/>
  <c r="D8109" i="1"/>
  <c r="D8110" i="1"/>
  <c r="D8111" i="1"/>
  <c r="D8112" i="1"/>
  <c r="D8113" i="1"/>
  <c r="D8114" i="1"/>
  <c r="D8115" i="1"/>
  <c r="D8116" i="1"/>
  <c r="D8117" i="1"/>
  <c r="D8118" i="1"/>
  <c r="D8119" i="1"/>
  <c r="D8120" i="1"/>
  <c r="D8121" i="1"/>
  <c r="D8122" i="1"/>
  <c r="D8123" i="1"/>
  <c r="D8124" i="1"/>
  <c r="D8125" i="1"/>
  <c r="D8126" i="1"/>
  <c r="D8127" i="1"/>
  <c r="D8128" i="1"/>
  <c r="D8129" i="1"/>
  <c r="D8130" i="1"/>
  <c r="D8131" i="1"/>
  <c r="D8132" i="1"/>
  <c r="D8133" i="1"/>
  <c r="D8134" i="1"/>
  <c r="D8135" i="1"/>
  <c r="D8136" i="1"/>
  <c r="D8137" i="1"/>
  <c r="D8138" i="1"/>
  <c r="D8139" i="1"/>
  <c r="D8140" i="1"/>
  <c r="D8141" i="1"/>
  <c r="D8142" i="1"/>
  <c r="D8143" i="1"/>
  <c r="D8144" i="1"/>
  <c r="D8145" i="1"/>
  <c r="D8146" i="1"/>
  <c r="D8147" i="1"/>
  <c r="D8148" i="1"/>
  <c r="D8149" i="1"/>
  <c r="D8150" i="1"/>
  <c r="D8151" i="1"/>
  <c r="D8152" i="1"/>
  <c r="D8153" i="1"/>
  <c r="D8154" i="1"/>
  <c r="D8155" i="1"/>
  <c r="D8156" i="1"/>
  <c r="D8157" i="1"/>
  <c r="D8158" i="1"/>
  <c r="D8159" i="1"/>
  <c r="D8160" i="1"/>
  <c r="D8161" i="1"/>
  <c r="D8162" i="1"/>
  <c r="D8163" i="1"/>
  <c r="D8164" i="1"/>
  <c r="D8165" i="1"/>
  <c r="D8166" i="1"/>
  <c r="D8167" i="1"/>
  <c r="D8168" i="1"/>
  <c r="D8169" i="1"/>
  <c r="D8170" i="1"/>
  <c r="D8171" i="1"/>
  <c r="D8172" i="1"/>
  <c r="D8173" i="1"/>
  <c r="D8174" i="1"/>
  <c r="D8175" i="1"/>
  <c r="D8176" i="1"/>
  <c r="D8177" i="1"/>
  <c r="D8178" i="1"/>
  <c r="D8179" i="1"/>
  <c r="D8180" i="1"/>
  <c r="D8181" i="1"/>
  <c r="D8182" i="1"/>
  <c r="D8183" i="1"/>
  <c r="D8184" i="1"/>
  <c r="D8185" i="1"/>
  <c r="D8186" i="1"/>
  <c r="D8187" i="1"/>
  <c r="D8188" i="1"/>
  <c r="D8189" i="1"/>
  <c r="D8190" i="1"/>
  <c r="D8191" i="1"/>
  <c r="D8192" i="1"/>
  <c r="D8193" i="1"/>
  <c r="D8194" i="1"/>
  <c r="D8195" i="1"/>
  <c r="D8196" i="1"/>
  <c r="D8197" i="1"/>
  <c r="D8198" i="1"/>
  <c r="D8199" i="1"/>
  <c r="D8200" i="1"/>
  <c r="D8201" i="1"/>
  <c r="D8202" i="1"/>
  <c r="D8203" i="1"/>
  <c r="D8204" i="1"/>
  <c r="D8205" i="1"/>
  <c r="D8206" i="1"/>
  <c r="D8207" i="1"/>
  <c r="D8208" i="1"/>
  <c r="D8209" i="1"/>
  <c r="D8210" i="1"/>
  <c r="D8211" i="1"/>
  <c r="D8212" i="1"/>
  <c r="D8213" i="1"/>
  <c r="D8214" i="1"/>
  <c r="D8215" i="1"/>
  <c r="D8216" i="1"/>
  <c r="D8217" i="1"/>
  <c r="D8218" i="1"/>
  <c r="D8219" i="1"/>
  <c r="D8220" i="1"/>
  <c r="D8221" i="1"/>
  <c r="D8222" i="1"/>
  <c r="D8223" i="1"/>
  <c r="D8224" i="1"/>
  <c r="D8225" i="1"/>
  <c r="D8226" i="1"/>
  <c r="D8227" i="1"/>
  <c r="D8228" i="1"/>
  <c r="D8229" i="1"/>
  <c r="D8230" i="1"/>
  <c r="D8231" i="1"/>
  <c r="D8232" i="1"/>
  <c r="D8233" i="1"/>
  <c r="D8234" i="1"/>
  <c r="D8235" i="1"/>
  <c r="D8236" i="1"/>
  <c r="D8237" i="1"/>
  <c r="D8238" i="1"/>
  <c r="D8239" i="1"/>
  <c r="D8240" i="1"/>
  <c r="D8241" i="1"/>
  <c r="D8242" i="1"/>
  <c r="D8243" i="1"/>
  <c r="D8244" i="1"/>
  <c r="D8245" i="1"/>
  <c r="D8246" i="1"/>
  <c r="D8247" i="1"/>
  <c r="D8248" i="1"/>
  <c r="D8249" i="1"/>
  <c r="D8250" i="1"/>
  <c r="D8251" i="1"/>
  <c r="D8252" i="1"/>
  <c r="D8253" i="1"/>
  <c r="D8254" i="1"/>
  <c r="D8255" i="1"/>
  <c r="D8256" i="1"/>
  <c r="D8257" i="1"/>
  <c r="D8258" i="1"/>
  <c r="D8259" i="1"/>
  <c r="D8260" i="1"/>
  <c r="D8261" i="1"/>
  <c r="D8262" i="1"/>
  <c r="D8263" i="1"/>
  <c r="D8264" i="1"/>
  <c r="D8265" i="1"/>
  <c r="D8266" i="1"/>
  <c r="D8267" i="1"/>
  <c r="D8268" i="1"/>
  <c r="D8269" i="1"/>
  <c r="D8270" i="1"/>
  <c r="D8271" i="1"/>
  <c r="D8272" i="1"/>
  <c r="D8273" i="1"/>
  <c r="D8274" i="1"/>
  <c r="D8275" i="1"/>
  <c r="D8276" i="1"/>
  <c r="D8277" i="1"/>
  <c r="D8278" i="1"/>
  <c r="D8279" i="1"/>
  <c r="D8280" i="1"/>
  <c r="D8281" i="1"/>
  <c r="D8282" i="1"/>
  <c r="D8283" i="1"/>
  <c r="D8284" i="1"/>
  <c r="D8285" i="1"/>
  <c r="D8286" i="1"/>
  <c r="D8287" i="1"/>
  <c r="D8288" i="1"/>
  <c r="D8289" i="1"/>
  <c r="D8290" i="1"/>
  <c r="D8291" i="1"/>
  <c r="D8292" i="1"/>
  <c r="D8293" i="1"/>
  <c r="D8294" i="1"/>
  <c r="D8295" i="1"/>
  <c r="D8296" i="1"/>
  <c r="D8297" i="1"/>
  <c r="D8298" i="1"/>
  <c r="D8299" i="1"/>
  <c r="D8300" i="1"/>
  <c r="D8301" i="1"/>
  <c r="D8302" i="1"/>
  <c r="D8303" i="1"/>
  <c r="D8304" i="1"/>
  <c r="D8305" i="1"/>
  <c r="D8306" i="1"/>
  <c r="D8307" i="1"/>
  <c r="D8308" i="1"/>
  <c r="D8309" i="1"/>
  <c r="D8310" i="1"/>
  <c r="D8311" i="1"/>
  <c r="D8312" i="1"/>
  <c r="D8313" i="1"/>
  <c r="D8314" i="1"/>
  <c r="D8315" i="1"/>
  <c r="D8316" i="1"/>
  <c r="D8317" i="1"/>
  <c r="D8318" i="1"/>
  <c r="D8319" i="1"/>
  <c r="D8320" i="1"/>
  <c r="D8321" i="1"/>
  <c r="D8322" i="1"/>
  <c r="D8323" i="1"/>
  <c r="D8324" i="1"/>
  <c r="D8325" i="1"/>
  <c r="D8326" i="1"/>
  <c r="D8327" i="1"/>
  <c r="D8328" i="1"/>
  <c r="D8329" i="1"/>
  <c r="D8330" i="1"/>
  <c r="D8331" i="1"/>
  <c r="D8332" i="1"/>
  <c r="D8333" i="1"/>
  <c r="D8334" i="1"/>
  <c r="D8335" i="1"/>
  <c r="D8336" i="1"/>
  <c r="D8337" i="1"/>
  <c r="D8338" i="1"/>
  <c r="D8339" i="1"/>
  <c r="D8340" i="1"/>
  <c r="D8341" i="1"/>
  <c r="D8342" i="1"/>
  <c r="D8343" i="1"/>
  <c r="D8344" i="1"/>
  <c r="D8345" i="1"/>
  <c r="D8346" i="1"/>
  <c r="D8347" i="1"/>
  <c r="D8348" i="1"/>
  <c r="D8349" i="1"/>
  <c r="D8350" i="1"/>
  <c r="D8351" i="1"/>
  <c r="D8352" i="1"/>
  <c r="D8353" i="1"/>
  <c r="D8354" i="1"/>
  <c r="D8355" i="1"/>
  <c r="D8356" i="1"/>
  <c r="D8357" i="1"/>
  <c r="D8358" i="1"/>
  <c r="D8359" i="1"/>
  <c r="D8360" i="1"/>
  <c r="D8361" i="1"/>
  <c r="D8362" i="1"/>
  <c r="D8363" i="1"/>
  <c r="D8364" i="1"/>
  <c r="D8365" i="1"/>
  <c r="D8366" i="1"/>
  <c r="D8367" i="1"/>
  <c r="D8368" i="1"/>
  <c r="D8369" i="1"/>
  <c r="D8370" i="1"/>
  <c r="D8371" i="1"/>
  <c r="D8372" i="1"/>
  <c r="D8373" i="1"/>
  <c r="D8374" i="1"/>
  <c r="D8375" i="1"/>
  <c r="D8376" i="1"/>
  <c r="D8377" i="1"/>
  <c r="D8378" i="1"/>
  <c r="D8379" i="1"/>
  <c r="D8380" i="1"/>
  <c r="D8381" i="1"/>
  <c r="D8382" i="1"/>
  <c r="D8383" i="1"/>
  <c r="D8384" i="1"/>
  <c r="D8385" i="1"/>
  <c r="D8386" i="1"/>
  <c r="D8387" i="1"/>
  <c r="D8388" i="1"/>
  <c r="D8389" i="1"/>
  <c r="D8390" i="1"/>
  <c r="D8391" i="1"/>
  <c r="D8392" i="1"/>
  <c r="D8393" i="1"/>
  <c r="D8394" i="1"/>
  <c r="D8395" i="1"/>
  <c r="D8396" i="1"/>
  <c r="D8397" i="1"/>
  <c r="D8398" i="1"/>
  <c r="D8399" i="1"/>
  <c r="D8400" i="1"/>
  <c r="D8401" i="1"/>
  <c r="D8402" i="1"/>
  <c r="D8403" i="1"/>
  <c r="D8404" i="1"/>
  <c r="D8405" i="1"/>
  <c r="D8406" i="1"/>
  <c r="D8407" i="1"/>
  <c r="D8408" i="1"/>
  <c r="D8409" i="1"/>
  <c r="D8410" i="1"/>
  <c r="D8411" i="1"/>
  <c r="D8412" i="1"/>
  <c r="D8413" i="1"/>
  <c r="D8414" i="1"/>
  <c r="D8415" i="1"/>
  <c r="D8416" i="1"/>
  <c r="D8417" i="1"/>
  <c r="D8418" i="1"/>
  <c r="D8419" i="1"/>
  <c r="D8420" i="1"/>
  <c r="D8421" i="1"/>
  <c r="D8422" i="1"/>
  <c r="D8423" i="1"/>
  <c r="D8424" i="1"/>
  <c r="D8425" i="1"/>
  <c r="D8426" i="1"/>
  <c r="D8427" i="1"/>
  <c r="D8428" i="1"/>
  <c r="D8429" i="1"/>
  <c r="D8430" i="1"/>
  <c r="D8431" i="1"/>
  <c r="D8432" i="1"/>
  <c r="D8433" i="1"/>
  <c r="D8434" i="1"/>
  <c r="D8435" i="1"/>
  <c r="D8436" i="1"/>
  <c r="D8437" i="1"/>
  <c r="D8438" i="1"/>
  <c r="D8439" i="1"/>
  <c r="D8440" i="1"/>
  <c r="D8441" i="1"/>
  <c r="D8442" i="1"/>
  <c r="D8443" i="1"/>
  <c r="D8444" i="1"/>
  <c r="D8445" i="1"/>
  <c r="D8446" i="1"/>
  <c r="D8447" i="1"/>
  <c r="D8448" i="1"/>
  <c r="D8449" i="1"/>
  <c r="D8450" i="1"/>
  <c r="D8451" i="1"/>
  <c r="D8452" i="1"/>
  <c r="D8453" i="1"/>
  <c r="D8454" i="1"/>
  <c r="D8455" i="1"/>
  <c r="D8456" i="1"/>
  <c r="D8457" i="1"/>
  <c r="D8458" i="1"/>
  <c r="D8459" i="1"/>
  <c r="D8460" i="1"/>
  <c r="D8461" i="1"/>
  <c r="D8462" i="1"/>
  <c r="D8463" i="1"/>
  <c r="D8464" i="1"/>
  <c r="D8465" i="1"/>
  <c r="D8466" i="1"/>
  <c r="D8467" i="1"/>
  <c r="D8468" i="1"/>
  <c r="D8469" i="1"/>
  <c r="D8470" i="1"/>
  <c r="D8471" i="1"/>
  <c r="D8472" i="1"/>
  <c r="D8473" i="1"/>
  <c r="D8474" i="1"/>
  <c r="D8475" i="1"/>
  <c r="D8476" i="1"/>
  <c r="D8477" i="1"/>
  <c r="D8478" i="1"/>
  <c r="D8479" i="1"/>
  <c r="D8480" i="1"/>
  <c r="D8481" i="1"/>
  <c r="D8482" i="1"/>
  <c r="D8483" i="1"/>
  <c r="D8484" i="1"/>
  <c r="D8485" i="1"/>
  <c r="D8486" i="1"/>
  <c r="D8487" i="1"/>
  <c r="D8488" i="1"/>
  <c r="D8489" i="1"/>
  <c r="D8490" i="1"/>
  <c r="D8491" i="1"/>
  <c r="D8492" i="1"/>
  <c r="D8493" i="1"/>
  <c r="D8494" i="1"/>
  <c r="D8495" i="1"/>
  <c r="D8496" i="1"/>
  <c r="D8497" i="1"/>
  <c r="D8498" i="1"/>
  <c r="D8499" i="1"/>
  <c r="D8500" i="1"/>
  <c r="D8501" i="1"/>
  <c r="D8502" i="1"/>
  <c r="D8503" i="1"/>
  <c r="D8504" i="1"/>
  <c r="D8505" i="1"/>
  <c r="D8506" i="1"/>
  <c r="D8507" i="1"/>
  <c r="D8508" i="1"/>
  <c r="D8509" i="1"/>
  <c r="D8510" i="1"/>
  <c r="D8511" i="1"/>
  <c r="D8512" i="1"/>
  <c r="D8513" i="1"/>
  <c r="D8514" i="1"/>
  <c r="D8515" i="1"/>
  <c r="D8516" i="1"/>
  <c r="D8517" i="1"/>
  <c r="D8518" i="1"/>
  <c r="D8519" i="1"/>
  <c r="D8520" i="1"/>
  <c r="D8521" i="1"/>
  <c r="D8522" i="1"/>
  <c r="D8523" i="1"/>
  <c r="D8524" i="1"/>
  <c r="D8525" i="1"/>
  <c r="D8526" i="1"/>
  <c r="D8527" i="1"/>
  <c r="D8528" i="1"/>
  <c r="D8529" i="1"/>
  <c r="D8530" i="1"/>
  <c r="D8531" i="1"/>
  <c r="D8532" i="1"/>
  <c r="D8533" i="1"/>
  <c r="D8534" i="1"/>
  <c r="D8535" i="1"/>
  <c r="D8536" i="1"/>
  <c r="D8537" i="1"/>
  <c r="D8538" i="1"/>
  <c r="D8539" i="1"/>
  <c r="D8540" i="1"/>
  <c r="D8541" i="1"/>
  <c r="D8542" i="1"/>
  <c r="D8543" i="1"/>
  <c r="D8544" i="1"/>
  <c r="D8545" i="1"/>
  <c r="D8546" i="1"/>
  <c r="D8547" i="1"/>
  <c r="D8548" i="1"/>
  <c r="D8549" i="1"/>
  <c r="D8550" i="1"/>
  <c r="D8551" i="1"/>
  <c r="D8552" i="1"/>
  <c r="D8553" i="1"/>
  <c r="D8554" i="1"/>
  <c r="D8555" i="1"/>
  <c r="D8556" i="1"/>
  <c r="D8557" i="1"/>
  <c r="D8558" i="1"/>
  <c r="D8559" i="1"/>
  <c r="D8560" i="1"/>
  <c r="D8561" i="1"/>
  <c r="D8562" i="1"/>
  <c r="D8563" i="1"/>
  <c r="D8564" i="1"/>
  <c r="D8565" i="1"/>
  <c r="D8566" i="1"/>
  <c r="D8567" i="1"/>
  <c r="D8568" i="1"/>
  <c r="D8569" i="1"/>
  <c r="D8570" i="1"/>
  <c r="D8571" i="1"/>
  <c r="D8572" i="1"/>
  <c r="D8573" i="1"/>
  <c r="D8574" i="1"/>
  <c r="D8575" i="1"/>
  <c r="D8576" i="1"/>
  <c r="D8577" i="1"/>
  <c r="D8578" i="1"/>
  <c r="D8579" i="1"/>
  <c r="D8580" i="1"/>
  <c r="D8581" i="1"/>
  <c r="D8582" i="1"/>
  <c r="D8583" i="1"/>
  <c r="D8584" i="1"/>
  <c r="D8585" i="1"/>
  <c r="D8586" i="1"/>
  <c r="D8587" i="1"/>
  <c r="D8588" i="1"/>
  <c r="D8589" i="1"/>
  <c r="D8590" i="1"/>
  <c r="D8591" i="1"/>
  <c r="D8592" i="1"/>
  <c r="D8593" i="1"/>
  <c r="D8594" i="1"/>
  <c r="D8595" i="1"/>
  <c r="D8596" i="1"/>
  <c r="D8597" i="1"/>
  <c r="D8598" i="1"/>
  <c r="D8599" i="1"/>
  <c r="D8600" i="1"/>
  <c r="D8601" i="1"/>
  <c r="D8602" i="1"/>
  <c r="D8603" i="1"/>
  <c r="D8604" i="1"/>
  <c r="D8605" i="1"/>
  <c r="D8606" i="1"/>
  <c r="D8607" i="1"/>
  <c r="D8608" i="1"/>
  <c r="D8609" i="1"/>
  <c r="D8610" i="1"/>
  <c r="D8611" i="1"/>
  <c r="D8612" i="1"/>
  <c r="D8613" i="1"/>
  <c r="D8614" i="1"/>
  <c r="D8615" i="1"/>
  <c r="D8616" i="1"/>
  <c r="D8617" i="1"/>
  <c r="D8618" i="1"/>
  <c r="D8619" i="1"/>
  <c r="D8620" i="1"/>
  <c r="D8621" i="1"/>
  <c r="D8622" i="1"/>
  <c r="D8623" i="1"/>
  <c r="D8624" i="1"/>
  <c r="D8625" i="1"/>
  <c r="D8626" i="1"/>
  <c r="D8627" i="1"/>
  <c r="D8628" i="1"/>
  <c r="D8629" i="1"/>
  <c r="D8630" i="1"/>
  <c r="D8631" i="1"/>
  <c r="D8632" i="1"/>
  <c r="D8633" i="1"/>
  <c r="D8634" i="1"/>
  <c r="D8635" i="1"/>
  <c r="D8636" i="1"/>
  <c r="D8637" i="1"/>
  <c r="D8638" i="1"/>
  <c r="D8639" i="1"/>
  <c r="D8640" i="1"/>
  <c r="D8641" i="1"/>
  <c r="D8642" i="1"/>
  <c r="D8643" i="1"/>
  <c r="D8644" i="1"/>
  <c r="D8645" i="1"/>
  <c r="D8646" i="1"/>
  <c r="D8647" i="1"/>
  <c r="D8648" i="1"/>
  <c r="D8649" i="1"/>
  <c r="D8650" i="1"/>
  <c r="D8651" i="1"/>
  <c r="D8652" i="1"/>
  <c r="D8653" i="1"/>
  <c r="D8654" i="1"/>
  <c r="D8655" i="1"/>
  <c r="D8656" i="1"/>
  <c r="D8657" i="1"/>
  <c r="D8658" i="1"/>
  <c r="D8659" i="1"/>
  <c r="D8660" i="1"/>
  <c r="D8661" i="1"/>
  <c r="D8662" i="1"/>
  <c r="D8663" i="1"/>
  <c r="D8664" i="1"/>
  <c r="D8665" i="1"/>
  <c r="D8666" i="1"/>
  <c r="D8667" i="1"/>
  <c r="D8668" i="1"/>
  <c r="D8669" i="1"/>
  <c r="D8670" i="1"/>
  <c r="D8671" i="1"/>
  <c r="D8672" i="1"/>
  <c r="D8673" i="1"/>
  <c r="D8674" i="1"/>
  <c r="D8675" i="1"/>
  <c r="D8676" i="1"/>
  <c r="D8677" i="1"/>
  <c r="D8678" i="1"/>
  <c r="D8679" i="1"/>
  <c r="D8680" i="1"/>
  <c r="D8681" i="1"/>
  <c r="D8682" i="1"/>
  <c r="D8683" i="1"/>
  <c r="D8684" i="1"/>
  <c r="D8685" i="1"/>
  <c r="D8686" i="1"/>
  <c r="D8687" i="1"/>
  <c r="D8688" i="1"/>
  <c r="D8689" i="1"/>
  <c r="D8690" i="1"/>
  <c r="D8691" i="1"/>
  <c r="D8692" i="1"/>
  <c r="D8693" i="1"/>
  <c r="D8694" i="1"/>
  <c r="D8695" i="1"/>
  <c r="D8696" i="1"/>
  <c r="D8697" i="1"/>
  <c r="D8698" i="1"/>
  <c r="D8699" i="1"/>
  <c r="D8700" i="1"/>
  <c r="D8701" i="1"/>
  <c r="D8702" i="1"/>
  <c r="D8703" i="1"/>
  <c r="D8704" i="1"/>
  <c r="D8705" i="1"/>
  <c r="D8706" i="1"/>
  <c r="D8707" i="1"/>
  <c r="D8708" i="1"/>
  <c r="D8709" i="1"/>
  <c r="D8710" i="1"/>
  <c r="D8711" i="1"/>
  <c r="D8712" i="1"/>
  <c r="D8713" i="1"/>
  <c r="D8714" i="1"/>
  <c r="D8715" i="1"/>
  <c r="D8716" i="1"/>
  <c r="D8717" i="1"/>
  <c r="D8718" i="1"/>
  <c r="D8719" i="1"/>
  <c r="D8720" i="1"/>
  <c r="D8721" i="1"/>
  <c r="D8722" i="1"/>
  <c r="D8723" i="1"/>
  <c r="D8724" i="1"/>
  <c r="D8725" i="1"/>
  <c r="D8726" i="1"/>
  <c r="D8727" i="1"/>
  <c r="D8728" i="1"/>
  <c r="D8729" i="1"/>
  <c r="D8730" i="1"/>
  <c r="D8731" i="1"/>
  <c r="D8732" i="1"/>
  <c r="D8733" i="1"/>
  <c r="D8734" i="1"/>
  <c r="D8735" i="1"/>
  <c r="D8736" i="1"/>
  <c r="D8737" i="1"/>
  <c r="D8738" i="1"/>
  <c r="D8739" i="1"/>
  <c r="D8740" i="1"/>
  <c r="D8741" i="1"/>
  <c r="D8742" i="1"/>
  <c r="D8743" i="1"/>
  <c r="D8744" i="1"/>
  <c r="D8745" i="1"/>
  <c r="D8746" i="1"/>
  <c r="D8747" i="1"/>
  <c r="D8748" i="1"/>
  <c r="D8749" i="1"/>
  <c r="D8750" i="1"/>
  <c r="D8751" i="1"/>
  <c r="D8752" i="1"/>
  <c r="D8753" i="1"/>
  <c r="D8754" i="1"/>
  <c r="D8755" i="1"/>
  <c r="D8756" i="1"/>
  <c r="D8757" i="1"/>
  <c r="D8758" i="1"/>
  <c r="D8759" i="1"/>
  <c r="D8760" i="1"/>
  <c r="D8761" i="1"/>
  <c r="D8762" i="1"/>
  <c r="D8763" i="1"/>
  <c r="D8764" i="1"/>
  <c r="D8765" i="1"/>
  <c r="D8766" i="1"/>
  <c r="D8767" i="1"/>
  <c r="D8768" i="1"/>
  <c r="D8769" i="1"/>
  <c r="D8770" i="1"/>
  <c r="D8771" i="1"/>
  <c r="D8772" i="1"/>
  <c r="D8773" i="1"/>
  <c r="D8774" i="1"/>
  <c r="D8775" i="1"/>
  <c r="D8776" i="1"/>
  <c r="D8777" i="1"/>
  <c r="D8778" i="1"/>
  <c r="D8779" i="1"/>
  <c r="D8780" i="1"/>
  <c r="D8781" i="1"/>
  <c r="D8782" i="1"/>
  <c r="D8783" i="1"/>
  <c r="D8784" i="1"/>
  <c r="D8785" i="1"/>
  <c r="D8786" i="1"/>
  <c r="D8787" i="1"/>
  <c r="D8788" i="1"/>
  <c r="D5" i="1"/>
</calcChain>
</file>

<file path=xl/sharedStrings.xml><?xml version="1.0" encoding="utf-8"?>
<sst xmlns="http://schemas.openxmlformats.org/spreadsheetml/2006/main" count="24" uniqueCount="23">
  <si>
    <t>Hour Begin</t>
  </si>
  <si>
    <t>Day-ahead $/MWh</t>
  </si>
  <si>
    <t>AEP KY Residual Load Aggregate DA LMPs</t>
  </si>
  <si>
    <t xml:space="preserve">Typical Res </t>
  </si>
  <si>
    <t>Solar kW</t>
  </si>
  <si>
    <t>Solar MW</t>
  </si>
  <si>
    <t>Energy Value $</t>
  </si>
  <si>
    <t>System kWh Output</t>
  </si>
  <si>
    <t>System Nameplate Capacity kW (AC)</t>
  </si>
  <si>
    <t>System PJM Capacity kW (AC)</t>
  </si>
  <si>
    <t xml:space="preserve">Solar Installation Type 3 Capacity Factor Ground Mounted Fixed Panel 42.0% Ground Mounted Tracking Panel 60.0% Other Than Ground Mounted 38.0% </t>
  </si>
  <si>
    <t>Average Hourly LMP $/MWh</t>
  </si>
  <si>
    <t>System Energy Value</t>
  </si>
  <si>
    <t>System Capacity Value</t>
  </si>
  <si>
    <t>Total</t>
  </si>
  <si>
    <t xml:space="preserve">https://pjm.com/planning/resource-adequacy-planning/resource-reports-info.aspx </t>
  </si>
  <si>
    <t>Unitized Market Compensation $/kWh</t>
  </si>
  <si>
    <t>NMS Compensation Rate $/kWh</t>
  </si>
  <si>
    <t>Res Typical bill current @1240 minus BSC</t>
  </si>
  <si>
    <t>Typical Test Year Residential System</t>
  </si>
  <si>
    <t>Exhibit AEV R4</t>
  </si>
  <si>
    <t>Market Value of Typical Residential Solar System Output</t>
  </si>
  <si>
    <t>19/20 RPM BRA Price $/MW-day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6"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mm/dd/yyyy\ h:mm;@"/>
    <numFmt numFmtId="165" formatCode="_(* #,##0_);_(* \(#,##0\);_(* &quot;-&quot;??_);_(@_)"/>
    <numFmt numFmtId="166" formatCode="_(&quot;$&quot;* #,##0.0000_);_(&quot;$&quot;* \(#,##0.0000\);_(&quot;$&quot;* &quot;-&quot;??_);_(@_)"/>
    <numFmt numFmtId="167" formatCode="_(&quot;$&quot;* #,##0_);_(&quot;$&quot;* \(#,##0\);_(&quot;$&quot;* &quot;-&quot;??_);_(@_)"/>
  </numFmts>
  <fonts count="3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2">
    <border>
      <left/>
      <right/>
      <top/>
      <bottom/>
      <diagonal/>
    </border>
    <border>
      <left/>
      <right/>
      <top/>
      <bottom style="thin">
        <color indexed="64"/>
      </bottom>
      <diagonal/>
    </border>
  </borders>
  <cellStyleXfs count="3">
    <xf numFmtId="0" fontId="0" fillId="0" borderId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</cellStyleXfs>
  <cellXfs count="20">
    <xf numFmtId="0" fontId="0" fillId="0" borderId="0" xfId="0"/>
    <xf numFmtId="164" fontId="0" fillId="0" borderId="0" xfId="0" applyNumberFormat="1"/>
    <xf numFmtId="43" fontId="0" fillId="0" borderId="0" xfId="1" applyFont="1"/>
    <xf numFmtId="164" fontId="0" fillId="0" borderId="0" xfId="0" applyNumberFormat="1" applyFill="1" applyAlignment="1">
      <alignment horizontal="center"/>
    </xf>
    <xf numFmtId="43" fontId="0" fillId="0" borderId="0" xfId="1" applyFont="1" applyFill="1" applyAlignment="1">
      <alignment horizontal="center"/>
    </xf>
    <xf numFmtId="22" fontId="0" fillId="0" borderId="0" xfId="0" applyNumberFormat="1"/>
    <xf numFmtId="43" fontId="0" fillId="0" borderId="0" xfId="0" applyNumberFormat="1"/>
    <xf numFmtId="44" fontId="0" fillId="0" borderId="0" xfId="2" applyFont="1"/>
    <xf numFmtId="43" fontId="0" fillId="0" borderId="0" xfId="1" applyNumberFormat="1" applyFont="1"/>
    <xf numFmtId="0" fontId="0" fillId="2" borderId="0" xfId="0" applyFill="1"/>
    <xf numFmtId="44" fontId="0" fillId="2" borderId="0" xfId="2" applyFont="1" applyFill="1"/>
    <xf numFmtId="44" fontId="0" fillId="2" borderId="0" xfId="0" applyNumberFormat="1" applyFill="1"/>
    <xf numFmtId="167" fontId="0" fillId="2" borderId="0" xfId="0" applyNumberFormat="1" applyFill="1"/>
    <xf numFmtId="167" fontId="0" fillId="2" borderId="1" xfId="0" applyNumberFormat="1" applyFill="1" applyBorder="1"/>
    <xf numFmtId="0" fontId="2" fillId="2" borderId="0" xfId="0" applyFont="1" applyFill="1"/>
    <xf numFmtId="166" fontId="2" fillId="2" borderId="0" xfId="2" applyNumberFormat="1" applyFont="1" applyFill="1"/>
    <xf numFmtId="0" fontId="2" fillId="2" borderId="1" xfId="0" applyFont="1" applyFill="1" applyBorder="1" applyAlignment="1">
      <alignment horizontal="center"/>
    </xf>
    <xf numFmtId="165" fontId="0" fillId="2" borderId="0" xfId="1" applyNumberFormat="1" applyFont="1" applyFill="1"/>
    <xf numFmtId="43" fontId="0" fillId="2" borderId="0" xfId="1" applyNumberFormat="1" applyFont="1" applyFill="1"/>
    <xf numFmtId="0" fontId="0" fillId="0" borderId="0" xfId="0" applyAlignment="1">
      <alignment horizontal="center"/>
    </xf>
  </cellXfs>
  <cellStyles count="3">
    <cellStyle name="Comma" xfId="1" builtinId="3"/>
    <cellStyle name="Currency" xfId="2" builtinId="4"/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7" Type="http://schemas.openxmlformats.org/officeDocument/2006/relationships/customXml" Target="../customXml/item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D27"/>
  <sheetViews>
    <sheetView tabSelected="1" workbookViewId="0">
      <selection activeCell="I22" sqref="I22"/>
    </sheetView>
  </sheetViews>
  <sheetFormatPr defaultRowHeight="15" x14ac:dyDescent="0.25"/>
  <cols>
    <col min="1" max="1" width="9.140625" style="9"/>
    <col min="2" max="2" width="36.5703125" style="9" customWidth="1"/>
    <col min="3" max="3" width="10.5703125" style="9" bestFit="1" customWidth="1"/>
    <col min="4" max="16384" width="9.140625" style="9"/>
  </cols>
  <sheetData>
    <row r="1" spans="1:4" x14ac:dyDescent="0.25">
      <c r="A1" s="14" t="s">
        <v>20</v>
      </c>
    </row>
    <row r="2" spans="1:4" x14ac:dyDescent="0.25">
      <c r="A2" s="14" t="s">
        <v>21</v>
      </c>
    </row>
    <row r="4" spans="1:4" x14ac:dyDescent="0.25">
      <c r="B4" s="16" t="s">
        <v>19</v>
      </c>
      <c r="C4" s="16"/>
    </row>
    <row r="5" spans="1:4" x14ac:dyDescent="0.25">
      <c r="B5" s="9" t="s">
        <v>8</v>
      </c>
      <c r="C5" s="18">
        <v>8.84</v>
      </c>
    </row>
    <row r="6" spans="1:4" x14ac:dyDescent="0.25">
      <c r="B6" s="9" t="s">
        <v>9</v>
      </c>
      <c r="C6" s="18">
        <f>C5*0.38</f>
        <v>3.3592</v>
      </c>
    </row>
    <row r="7" spans="1:4" x14ac:dyDescent="0.25">
      <c r="B7" s="9" t="s">
        <v>7</v>
      </c>
      <c r="C7" s="17">
        <f>'Energy Value'!C8790</f>
        <v>13373.842553999979</v>
      </c>
    </row>
    <row r="9" spans="1:4" x14ac:dyDescent="0.25">
      <c r="B9" s="9" t="s">
        <v>22</v>
      </c>
      <c r="C9" s="10">
        <v>100</v>
      </c>
      <c r="D9" s="11"/>
    </row>
    <row r="10" spans="1:4" x14ac:dyDescent="0.25">
      <c r="B10" s="9" t="s">
        <v>11</v>
      </c>
      <c r="C10" s="10">
        <f>'Energy Value'!F8790</f>
        <v>29.364782463361419</v>
      </c>
    </row>
    <row r="12" spans="1:4" x14ac:dyDescent="0.25">
      <c r="B12" s="9" t="s">
        <v>12</v>
      </c>
      <c r="C12" s="12">
        <f>'Energy Value'!E8790</f>
        <v>392.71997729745544</v>
      </c>
    </row>
    <row r="13" spans="1:4" x14ac:dyDescent="0.25">
      <c r="B13" s="9" t="s">
        <v>13</v>
      </c>
      <c r="C13" s="13">
        <f>(C9/1000)*C6*365</f>
        <v>122.6108</v>
      </c>
    </row>
    <row r="14" spans="1:4" x14ac:dyDescent="0.25">
      <c r="B14" s="9" t="s">
        <v>14</v>
      </c>
      <c r="C14" s="12">
        <f>C13+C12</f>
        <v>515.33077729745548</v>
      </c>
    </row>
    <row r="16" spans="1:4" x14ac:dyDescent="0.25">
      <c r="B16" s="14" t="s">
        <v>16</v>
      </c>
      <c r="C16" s="15">
        <f>C14/C7</f>
        <v>3.8532738456931018E-2</v>
      </c>
    </row>
    <row r="17" spans="2:4" x14ac:dyDescent="0.25">
      <c r="B17" s="14" t="s">
        <v>17</v>
      </c>
      <c r="C17" s="15">
        <v>0.103338709677419</v>
      </c>
      <c r="D17" s="9" t="s">
        <v>18</v>
      </c>
    </row>
    <row r="26" spans="2:4" x14ac:dyDescent="0.25">
      <c r="B26" s="9" t="s">
        <v>10</v>
      </c>
    </row>
    <row r="27" spans="2:4" x14ac:dyDescent="0.25">
      <c r="B27" s="9" t="s">
        <v>15</v>
      </c>
    </row>
  </sheetData>
  <mergeCells count="1">
    <mergeCell ref="B4:C4"/>
  </mergeCells>
  <pageMargins left="0.7" right="0.7" top="0.75" bottom="0.75" header="0.3" footer="0.3"/>
  <pageSetup scale="88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F8790"/>
  <sheetViews>
    <sheetView workbookViewId="0">
      <selection activeCell="H11" sqref="H11"/>
    </sheetView>
  </sheetViews>
  <sheetFormatPr defaultRowHeight="15" x14ac:dyDescent="0.25"/>
  <cols>
    <col min="1" max="1" width="15.85546875" bestFit="1" customWidth="1"/>
    <col min="2" max="2" width="17" style="2" bestFit="1" customWidth="1"/>
    <col min="3" max="3" width="14.140625" customWidth="1"/>
    <col min="4" max="4" width="12" bestFit="1" customWidth="1"/>
    <col min="5" max="5" width="14.85546875" customWidth="1"/>
  </cols>
  <sheetData>
    <row r="2" spans="1:5" x14ac:dyDescent="0.25">
      <c r="A2" t="s">
        <v>2</v>
      </c>
    </row>
    <row r="3" spans="1:5" x14ac:dyDescent="0.25">
      <c r="C3" s="19" t="s">
        <v>3</v>
      </c>
      <c r="D3" s="19" t="s">
        <v>3</v>
      </c>
    </row>
    <row r="4" spans="1:5" x14ac:dyDescent="0.25">
      <c r="A4" s="3" t="s">
        <v>0</v>
      </c>
      <c r="B4" s="4" t="s">
        <v>1</v>
      </c>
      <c r="C4" s="19" t="s">
        <v>4</v>
      </c>
      <c r="D4" s="19" t="s">
        <v>5</v>
      </c>
      <c r="E4" t="s">
        <v>6</v>
      </c>
    </row>
    <row r="5" spans="1:5" x14ac:dyDescent="0.25">
      <c r="A5" s="1">
        <v>43556.041666666664</v>
      </c>
      <c r="B5" s="2">
        <v>27.68</v>
      </c>
      <c r="C5">
        <v>0</v>
      </c>
      <c r="D5">
        <f>C5/1000</f>
        <v>0</v>
      </c>
      <c r="E5" s="6">
        <f>D5*B5</f>
        <v>0</v>
      </c>
    </row>
    <row r="6" spans="1:5" x14ac:dyDescent="0.25">
      <c r="A6" s="1">
        <v>43556.083333333336</v>
      </c>
      <c r="B6" s="2">
        <v>27.7</v>
      </c>
      <c r="C6">
        <v>0</v>
      </c>
      <c r="D6">
        <f t="shared" ref="D6:D69" si="0">C6/1000</f>
        <v>0</v>
      </c>
      <c r="E6" s="6">
        <f t="shared" ref="E6:E69" si="1">D6*B6</f>
        <v>0</v>
      </c>
    </row>
    <row r="7" spans="1:5" x14ac:dyDescent="0.25">
      <c r="A7" s="1">
        <v>43556.125</v>
      </c>
      <c r="B7" s="2">
        <v>28.64</v>
      </c>
      <c r="C7">
        <v>0</v>
      </c>
      <c r="D7">
        <f t="shared" si="0"/>
        <v>0</v>
      </c>
      <c r="E7" s="6">
        <f t="shared" si="1"/>
        <v>0</v>
      </c>
    </row>
    <row r="8" spans="1:5" x14ac:dyDescent="0.25">
      <c r="A8" s="1">
        <v>43556.166666666664</v>
      </c>
      <c r="B8" s="2">
        <v>32.549999999999997</v>
      </c>
      <c r="C8">
        <v>0</v>
      </c>
      <c r="D8">
        <f t="shared" si="0"/>
        <v>0</v>
      </c>
      <c r="E8" s="6">
        <f t="shared" si="1"/>
        <v>0</v>
      </c>
    </row>
    <row r="9" spans="1:5" x14ac:dyDescent="0.25">
      <c r="A9" s="1">
        <v>43556.208333333336</v>
      </c>
      <c r="B9" s="2">
        <v>42.88</v>
      </c>
      <c r="C9">
        <v>0</v>
      </c>
      <c r="D9">
        <f t="shared" si="0"/>
        <v>0</v>
      </c>
      <c r="E9" s="6">
        <f t="shared" si="1"/>
        <v>0</v>
      </c>
    </row>
    <row r="10" spans="1:5" x14ac:dyDescent="0.25">
      <c r="A10" s="1">
        <v>43556.25</v>
      </c>
      <c r="B10" s="2">
        <v>62.55</v>
      </c>
      <c r="C10">
        <v>0</v>
      </c>
      <c r="D10">
        <f t="shared" si="0"/>
        <v>0</v>
      </c>
      <c r="E10" s="6">
        <f t="shared" si="1"/>
        <v>0</v>
      </c>
    </row>
    <row r="11" spans="1:5" x14ac:dyDescent="0.25">
      <c r="A11" s="1">
        <v>43556.291666666664</v>
      </c>
      <c r="B11" s="2">
        <v>64.92</v>
      </c>
      <c r="C11">
        <v>8.8140000000000007E-3</v>
      </c>
      <c r="D11">
        <f t="shared" si="0"/>
        <v>8.8140000000000007E-6</v>
      </c>
      <c r="E11" s="6">
        <f t="shared" si="1"/>
        <v>5.7220488000000005E-4</v>
      </c>
    </row>
    <row r="12" spans="1:5" x14ac:dyDescent="0.25">
      <c r="A12" s="1">
        <v>43556.333333333336</v>
      </c>
      <c r="B12" s="2">
        <v>50.5</v>
      </c>
      <c r="C12">
        <v>0.98814299999999999</v>
      </c>
      <c r="D12">
        <f t="shared" si="0"/>
        <v>9.8814299999999992E-4</v>
      </c>
      <c r="E12" s="6">
        <f t="shared" si="1"/>
        <v>4.9901221499999995E-2</v>
      </c>
    </row>
    <row r="13" spans="1:5" x14ac:dyDescent="0.25">
      <c r="A13" s="1">
        <v>43556.375</v>
      </c>
      <c r="B13" s="2">
        <v>45.39</v>
      </c>
      <c r="C13">
        <v>2.6043989999999999</v>
      </c>
      <c r="D13">
        <f t="shared" si="0"/>
        <v>2.6043989999999999E-3</v>
      </c>
      <c r="E13" s="6">
        <f t="shared" si="1"/>
        <v>0.11821367061</v>
      </c>
    </row>
    <row r="14" spans="1:5" x14ac:dyDescent="0.25">
      <c r="A14" s="1">
        <v>43556.416666666664</v>
      </c>
      <c r="B14" s="2">
        <v>39.119999999999997</v>
      </c>
      <c r="C14">
        <v>2.7019229999999999</v>
      </c>
      <c r="D14">
        <f t="shared" si="0"/>
        <v>2.7019229999999997E-3</v>
      </c>
      <c r="E14" s="6">
        <f t="shared" si="1"/>
        <v>0.10569922775999999</v>
      </c>
    </row>
    <row r="15" spans="1:5" x14ac:dyDescent="0.25">
      <c r="A15" s="1">
        <v>43556.458333333336</v>
      </c>
      <c r="B15" s="2">
        <v>38.630000000000003</v>
      </c>
      <c r="C15">
        <v>2.3329050000000002</v>
      </c>
      <c r="D15">
        <f t="shared" si="0"/>
        <v>2.3329050000000001E-3</v>
      </c>
      <c r="E15" s="6">
        <f t="shared" si="1"/>
        <v>9.012012015000001E-2</v>
      </c>
    </row>
    <row r="16" spans="1:5" x14ac:dyDescent="0.25">
      <c r="A16" s="1">
        <v>43556.5</v>
      </c>
      <c r="B16" s="2">
        <v>32.94</v>
      </c>
      <c r="C16">
        <v>4.3690469999999992</v>
      </c>
      <c r="D16">
        <f t="shared" si="0"/>
        <v>4.3690469999999992E-3</v>
      </c>
      <c r="E16" s="6">
        <f t="shared" si="1"/>
        <v>0.14391640817999996</v>
      </c>
    </row>
    <row r="17" spans="1:5" x14ac:dyDescent="0.25">
      <c r="A17" s="1">
        <v>43556.541666666664</v>
      </c>
      <c r="B17" s="2">
        <v>30.63</v>
      </c>
      <c r="C17">
        <v>5.3170890000000002</v>
      </c>
      <c r="D17">
        <f t="shared" si="0"/>
        <v>5.3170890000000005E-3</v>
      </c>
      <c r="E17" s="6">
        <f t="shared" si="1"/>
        <v>0.16286243607000001</v>
      </c>
    </row>
    <row r="18" spans="1:5" x14ac:dyDescent="0.25">
      <c r="A18" s="1">
        <v>43556.583333333336</v>
      </c>
      <c r="B18" s="2">
        <v>27.6</v>
      </c>
      <c r="C18">
        <v>5.987622</v>
      </c>
      <c r="D18">
        <f t="shared" si="0"/>
        <v>5.9876219999999997E-3</v>
      </c>
      <c r="E18" s="6">
        <f t="shared" si="1"/>
        <v>0.16525836720000001</v>
      </c>
    </row>
    <row r="19" spans="1:5" x14ac:dyDescent="0.25">
      <c r="A19" s="1">
        <v>43556.625</v>
      </c>
      <c r="B19" s="2">
        <v>27.14</v>
      </c>
      <c r="C19">
        <v>4.4032749999999998</v>
      </c>
      <c r="D19">
        <f t="shared" si="0"/>
        <v>4.4032749999999999E-3</v>
      </c>
      <c r="E19" s="6">
        <f t="shared" si="1"/>
        <v>0.11950488350000001</v>
      </c>
    </row>
    <row r="20" spans="1:5" x14ac:dyDescent="0.25">
      <c r="A20" s="1">
        <v>43556.666666666664</v>
      </c>
      <c r="B20" s="2">
        <v>27.44</v>
      </c>
      <c r="C20">
        <v>3.5822370000000001</v>
      </c>
      <c r="D20">
        <f t="shared" si="0"/>
        <v>3.5822370000000003E-3</v>
      </c>
      <c r="E20" s="6">
        <f t="shared" si="1"/>
        <v>9.8296583280000016E-2</v>
      </c>
    </row>
    <row r="21" spans="1:5" x14ac:dyDescent="0.25">
      <c r="A21" s="1">
        <v>43556.708333333336</v>
      </c>
      <c r="B21" s="2">
        <v>28.47</v>
      </c>
      <c r="C21">
        <v>2.4914099999999997</v>
      </c>
      <c r="D21">
        <f t="shared" si="0"/>
        <v>2.4914099999999999E-3</v>
      </c>
      <c r="E21" s="6">
        <f t="shared" si="1"/>
        <v>7.0930442699999999E-2</v>
      </c>
    </row>
    <row r="22" spans="1:5" x14ac:dyDescent="0.25">
      <c r="A22" s="1">
        <v>43556.75</v>
      </c>
      <c r="B22" s="2">
        <v>30.15</v>
      </c>
      <c r="C22">
        <v>1.4073</v>
      </c>
      <c r="D22">
        <f t="shared" si="0"/>
        <v>1.4073E-3</v>
      </c>
      <c r="E22" s="6">
        <f t="shared" si="1"/>
        <v>4.2430095000000001E-2</v>
      </c>
    </row>
    <row r="23" spans="1:5" x14ac:dyDescent="0.25">
      <c r="A23" s="1">
        <v>43556.791666666664</v>
      </c>
      <c r="B23" s="2">
        <v>41.32</v>
      </c>
      <c r="C23">
        <v>0.19406600000000002</v>
      </c>
      <c r="D23">
        <f t="shared" si="0"/>
        <v>1.9406600000000001E-4</v>
      </c>
      <c r="E23" s="6">
        <f t="shared" si="1"/>
        <v>8.0188071200000006E-3</v>
      </c>
    </row>
    <row r="24" spans="1:5" x14ac:dyDescent="0.25">
      <c r="A24" s="1">
        <v>43556.833333333336</v>
      </c>
      <c r="B24" s="2">
        <v>48.08</v>
      </c>
      <c r="C24">
        <v>0</v>
      </c>
      <c r="D24">
        <f t="shared" si="0"/>
        <v>0</v>
      </c>
      <c r="E24" s="6">
        <f t="shared" si="1"/>
        <v>0</v>
      </c>
    </row>
    <row r="25" spans="1:5" x14ac:dyDescent="0.25">
      <c r="A25" s="1">
        <v>43556.875</v>
      </c>
      <c r="B25" s="2">
        <v>38.979999999999997</v>
      </c>
      <c r="C25">
        <v>0</v>
      </c>
      <c r="D25">
        <f t="shared" si="0"/>
        <v>0</v>
      </c>
      <c r="E25" s="6">
        <f t="shared" si="1"/>
        <v>0</v>
      </c>
    </row>
    <row r="26" spans="1:5" x14ac:dyDescent="0.25">
      <c r="A26" s="1">
        <v>43556.916666666664</v>
      </c>
      <c r="B26" s="2">
        <v>30.72</v>
      </c>
      <c r="C26">
        <v>0</v>
      </c>
      <c r="D26">
        <f t="shared" si="0"/>
        <v>0</v>
      </c>
      <c r="E26" s="6">
        <f t="shared" si="1"/>
        <v>0</v>
      </c>
    </row>
    <row r="27" spans="1:5" x14ac:dyDescent="0.25">
      <c r="A27" s="1">
        <v>43556.958333333336</v>
      </c>
      <c r="B27" s="2">
        <v>27.34</v>
      </c>
      <c r="C27">
        <v>0</v>
      </c>
      <c r="D27">
        <f t="shared" si="0"/>
        <v>0</v>
      </c>
      <c r="E27" s="6">
        <f t="shared" si="1"/>
        <v>0</v>
      </c>
    </row>
    <row r="28" spans="1:5" x14ac:dyDescent="0.25">
      <c r="A28" s="1">
        <v>43557</v>
      </c>
      <c r="B28" s="2">
        <v>27.55</v>
      </c>
      <c r="C28">
        <v>0</v>
      </c>
      <c r="D28">
        <f t="shared" si="0"/>
        <v>0</v>
      </c>
      <c r="E28" s="6">
        <f t="shared" si="1"/>
        <v>0</v>
      </c>
    </row>
    <row r="29" spans="1:5" x14ac:dyDescent="0.25">
      <c r="A29" s="1">
        <v>43557.041666666664</v>
      </c>
      <c r="B29" s="2">
        <v>27.33</v>
      </c>
      <c r="C29">
        <v>0</v>
      </c>
      <c r="D29">
        <f t="shared" si="0"/>
        <v>0</v>
      </c>
      <c r="E29" s="6">
        <f t="shared" si="1"/>
        <v>0</v>
      </c>
    </row>
    <row r="30" spans="1:5" x14ac:dyDescent="0.25">
      <c r="A30" s="1">
        <v>43557.083333333336</v>
      </c>
      <c r="B30" s="2">
        <v>27.33</v>
      </c>
      <c r="C30">
        <v>0</v>
      </c>
      <c r="D30">
        <f t="shared" si="0"/>
        <v>0</v>
      </c>
      <c r="E30" s="6">
        <f t="shared" si="1"/>
        <v>0</v>
      </c>
    </row>
    <row r="31" spans="1:5" x14ac:dyDescent="0.25">
      <c r="A31" s="1">
        <v>43557.125</v>
      </c>
      <c r="B31" s="2">
        <v>29.02</v>
      </c>
      <c r="C31">
        <v>0</v>
      </c>
      <c r="D31">
        <f t="shared" si="0"/>
        <v>0</v>
      </c>
      <c r="E31" s="6">
        <f t="shared" si="1"/>
        <v>0</v>
      </c>
    </row>
    <row r="32" spans="1:5" x14ac:dyDescent="0.25">
      <c r="A32" s="1">
        <v>43557.166666666664</v>
      </c>
      <c r="B32" s="2">
        <v>35.44</v>
      </c>
      <c r="C32">
        <v>0</v>
      </c>
      <c r="D32">
        <f t="shared" si="0"/>
        <v>0</v>
      </c>
      <c r="E32" s="6">
        <f t="shared" si="1"/>
        <v>0</v>
      </c>
    </row>
    <row r="33" spans="1:5" x14ac:dyDescent="0.25">
      <c r="A33" s="1">
        <v>43557.208333333336</v>
      </c>
      <c r="B33" s="2">
        <v>50.68</v>
      </c>
      <c r="C33">
        <v>0</v>
      </c>
      <c r="D33">
        <f t="shared" si="0"/>
        <v>0</v>
      </c>
      <c r="E33" s="6">
        <f t="shared" si="1"/>
        <v>0</v>
      </c>
    </row>
    <row r="34" spans="1:5" x14ac:dyDescent="0.25">
      <c r="A34" s="1">
        <v>43557.25</v>
      </c>
      <c r="B34" s="2">
        <v>70.41</v>
      </c>
      <c r="C34">
        <v>0</v>
      </c>
      <c r="D34">
        <f t="shared" si="0"/>
        <v>0</v>
      </c>
      <c r="E34" s="6">
        <f t="shared" si="1"/>
        <v>0</v>
      </c>
    </row>
    <row r="35" spans="1:5" x14ac:dyDescent="0.25">
      <c r="A35" s="1">
        <v>43557.291666666664</v>
      </c>
      <c r="B35" s="2">
        <v>60.33</v>
      </c>
      <c r="C35">
        <v>5.824E-2</v>
      </c>
      <c r="D35">
        <f t="shared" si="0"/>
        <v>5.8239999999999998E-5</v>
      </c>
      <c r="E35" s="6">
        <f t="shared" si="1"/>
        <v>3.5136191999999996E-3</v>
      </c>
    </row>
    <row r="36" spans="1:5" x14ac:dyDescent="0.25">
      <c r="A36" s="1">
        <v>43557.333333333336</v>
      </c>
      <c r="B36" s="2">
        <v>46.3</v>
      </c>
      <c r="C36">
        <v>0.79296600000000006</v>
      </c>
      <c r="D36">
        <f t="shared" si="0"/>
        <v>7.9296600000000009E-4</v>
      </c>
      <c r="E36" s="6">
        <f t="shared" si="1"/>
        <v>3.6714325800000003E-2</v>
      </c>
    </row>
    <row r="37" spans="1:5" x14ac:dyDescent="0.25">
      <c r="A37" s="1">
        <v>43557.375</v>
      </c>
      <c r="B37" s="2">
        <v>44.13</v>
      </c>
      <c r="C37">
        <v>2.5166819999999999</v>
      </c>
      <c r="D37">
        <f t="shared" si="0"/>
        <v>2.5166819999999997E-3</v>
      </c>
      <c r="E37" s="6">
        <f t="shared" si="1"/>
        <v>0.11106117666</v>
      </c>
    </row>
    <row r="38" spans="1:5" x14ac:dyDescent="0.25">
      <c r="A38" s="1">
        <v>43557.416666666664</v>
      </c>
      <c r="B38" s="2">
        <v>39.630000000000003</v>
      </c>
      <c r="C38">
        <v>5.256875</v>
      </c>
      <c r="D38">
        <f t="shared" si="0"/>
        <v>5.2568750000000003E-3</v>
      </c>
      <c r="E38" s="6">
        <f t="shared" si="1"/>
        <v>0.20832995625000003</v>
      </c>
    </row>
    <row r="39" spans="1:5" x14ac:dyDescent="0.25">
      <c r="A39" s="1">
        <v>43557.458333333336</v>
      </c>
      <c r="B39" s="2">
        <v>35.64</v>
      </c>
      <c r="C39">
        <v>4.8132340000000005</v>
      </c>
      <c r="D39">
        <f t="shared" si="0"/>
        <v>4.8132340000000004E-3</v>
      </c>
      <c r="E39" s="6">
        <f t="shared" si="1"/>
        <v>0.17154365976000002</v>
      </c>
    </row>
    <row r="40" spans="1:5" x14ac:dyDescent="0.25">
      <c r="A40" s="1">
        <v>43557.5</v>
      </c>
      <c r="B40" s="2">
        <v>31.57</v>
      </c>
      <c r="C40">
        <v>5.3229730000000002</v>
      </c>
      <c r="D40">
        <f t="shared" si="0"/>
        <v>5.3229729999999999E-3</v>
      </c>
      <c r="E40" s="6">
        <f t="shared" si="1"/>
        <v>0.16804625761</v>
      </c>
    </row>
    <row r="41" spans="1:5" x14ac:dyDescent="0.25">
      <c r="A41" s="1">
        <v>43557.541666666664</v>
      </c>
      <c r="B41" s="2">
        <v>29.66</v>
      </c>
      <c r="C41">
        <v>5.1818329999999992</v>
      </c>
      <c r="D41">
        <f t="shared" si="0"/>
        <v>5.1818329999999994E-3</v>
      </c>
      <c r="E41" s="6">
        <f t="shared" si="1"/>
        <v>0.15369316677999997</v>
      </c>
    </row>
    <row r="42" spans="1:5" x14ac:dyDescent="0.25">
      <c r="A42" s="1">
        <v>43557.583333333336</v>
      </c>
      <c r="B42" s="2">
        <v>28.02</v>
      </c>
      <c r="C42">
        <v>7.2860640000000005</v>
      </c>
      <c r="D42">
        <f t="shared" si="0"/>
        <v>7.2860640000000009E-3</v>
      </c>
      <c r="E42" s="6">
        <f t="shared" si="1"/>
        <v>0.20415551328000003</v>
      </c>
    </row>
    <row r="43" spans="1:5" x14ac:dyDescent="0.25">
      <c r="A43" s="1">
        <v>43557.625</v>
      </c>
      <c r="B43" s="2">
        <v>26.75</v>
      </c>
      <c r="C43">
        <v>6.5530059999999999</v>
      </c>
      <c r="D43">
        <f t="shared" si="0"/>
        <v>6.5530060000000001E-3</v>
      </c>
      <c r="E43" s="6">
        <f t="shared" si="1"/>
        <v>0.17529291050000001</v>
      </c>
    </row>
    <row r="44" spans="1:5" x14ac:dyDescent="0.25">
      <c r="A44" s="1">
        <v>43557.666666666664</v>
      </c>
      <c r="B44" s="2">
        <v>26.91</v>
      </c>
      <c r="C44">
        <v>1.9369449999999999</v>
      </c>
      <c r="D44">
        <f t="shared" si="0"/>
        <v>1.9369449999999998E-3</v>
      </c>
      <c r="E44" s="6">
        <f t="shared" si="1"/>
        <v>5.2123189949999996E-2</v>
      </c>
    </row>
    <row r="45" spans="1:5" x14ac:dyDescent="0.25">
      <c r="A45" s="1">
        <v>43557.708333333336</v>
      </c>
      <c r="B45" s="2">
        <v>27.09</v>
      </c>
      <c r="C45">
        <v>3.8787020000000001</v>
      </c>
      <c r="D45">
        <f t="shared" si="0"/>
        <v>3.8787019999999999E-3</v>
      </c>
      <c r="E45" s="6">
        <f t="shared" si="1"/>
        <v>0.10507403718</v>
      </c>
    </row>
    <row r="46" spans="1:5" x14ac:dyDescent="0.25">
      <c r="A46" s="1">
        <v>43557.75</v>
      </c>
      <c r="B46" s="2">
        <v>29.85</v>
      </c>
      <c r="C46">
        <v>1.8306340000000001</v>
      </c>
      <c r="D46">
        <f t="shared" si="0"/>
        <v>1.830634E-3</v>
      </c>
      <c r="E46" s="6">
        <f t="shared" si="1"/>
        <v>5.4644424900000002E-2</v>
      </c>
    </row>
    <row r="47" spans="1:5" x14ac:dyDescent="0.25">
      <c r="A47" s="1">
        <v>43557.791666666664</v>
      </c>
      <c r="B47" s="2">
        <v>38.57</v>
      </c>
      <c r="C47">
        <v>0.23300800000000002</v>
      </c>
      <c r="D47">
        <f t="shared" si="0"/>
        <v>2.3300800000000002E-4</v>
      </c>
      <c r="E47" s="6">
        <f t="shared" si="1"/>
        <v>8.98711856E-3</v>
      </c>
    </row>
    <row r="48" spans="1:5" x14ac:dyDescent="0.25">
      <c r="A48" s="1">
        <v>43557.833333333336</v>
      </c>
      <c r="B48" s="2">
        <v>45.98</v>
      </c>
      <c r="C48">
        <v>0</v>
      </c>
      <c r="D48">
        <f t="shared" si="0"/>
        <v>0</v>
      </c>
      <c r="E48" s="6">
        <f t="shared" si="1"/>
        <v>0</v>
      </c>
    </row>
    <row r="49" spans="1:5" x14ac:dyDescent="0.25">
      <c r="A49" s="1">
        <v>43557.875</v>
      </c>
      <c r="B49" s="2">
        <v>38.909999999999997</v>
      </c>
      <c r="C49">
        <v>0</v>
      </c>
      <c r="D49">
        <f t="shared" si="0"/>
        <v>0</v>
      </c>
      <c r="E49" s="6">
        <f t="shared" si="1"/>
        <v>0</v>
      </c>
    </row>
    <row r="50" spans="1:5" x14ac:dyDescent="0.25">
      <c r="A50" s="1">
        <v>43557.916666666664</v>
      </c>
      <c r="B50" s="2">
        <v>27.71</v>
      </c>
      <c r="C50">
        <v>0</v>
      </c>
      <c r="D50">
        <f t="shared" si="0"/>
        <v>0</v>
      </c>
      <c r="E50" s="6">
        <f t="shared" si="1"/>
        <v>0</v>
      </c>
    </row>
    <row r="51" spans="1:5" x14ac:dyDescent="0.25">
      <c r="A51" s="1">
        <v>43557.958333333336</v>
      </c>
      <c r="B51" s="2">
        <v>24.68</v>
      </c>
      <c r="C51">
        <v>0</v>
      </c>
      <c r="D51">
        <f t="shared" si="0"/>
        <v>0</v>
      </c>
      <c r="E51" s="6">
        <f t="shared" si="1"/>
        <v>0</v>
      </c>
    </row>
    <row r="52" spans="1:5" x14ac:dyDescent="0.25">
      <c r="A52" s="1">
        <v>43558</v>
      </c>
      <c r="B52" s="2">
        <v>24.69</v>
      </c>
      <c r="C52">
        <v>0</v>
      </c>
      <c r="D52">
        <f t="shared" si="0"/>
        <v>0</v>
      </c>
      <c r="E52" s="6">
        <f t="shared" si="1"/>
        <v>0</v>
      </c>
    </row>
    <row r="53" spans="1:5" x14ac:dyDescent="0.25">
      <c r="A53" s="1">
        <v>43558.041666666664</v>
      </c>
      <c r="B53" s="2">
        <v>24.55</v>
      </c>
      <c r="C53">
        <v>0</v>
      </c>
      <c r="D53">
        <f t="shared" si="0"/>
        <v>0</v>
      </c>
      <c r="E53" s="6">
        <f t="shared" si="1"/>
        <v>0</v>
      </c>
    </row>
    <row r="54" spans="1:5" x14ac:dyDescent="0.25">
      <c r="A54" s="1">
        <v>43558.083333333336</v>
      </c>
      <c r="B54" s="2">
        <v>24.55</v>
      </c>
      <c r="C54">
        <v>0</v>
      </c>
      <c r="D54">
        <f t="shared" si="0"/>
        <v>0</v>
      </c>
      <c r="E54" s="6">
        <f t="shared" si="1"/>
        <v>0</v>
      </c>
    </row>
    <row r="55" spans="1:5" x14ac:dyDescent="0.25">
      <c r="A55" s="1">
        <v>43558.125</v>
      </c>
      <c r="B55" s="2">
        <v>25.02</v>
      </c>
      <c r="C55">
        <v>0</v>
      </c>
      <c r="D55">
        <f t="shared" si="0"/>
        <v>0</v>
      </c>
      <c r="E55" s="6">
        <f t="shared" si="1"/>
        <v>0</v>
      </c>
    </row>
    <row r="56" spans="1:5" x14ac:dyDescent="0.25">
      <c r="A56" s="1">
        <v>43558.166666666664</v>
      </c>
      <c r="B56" s="2">
        <v>29.13</v>
      </c>
      <c r="C56">
        <v>0</v>
      </c>
      <c r="D56">
        <f t="shared" si="0"/>
        <v>0</v>
      </c>
      <c r="E56" s="6">
        <f t="shared" si="1"/>
        <v>0</v>
      </c>
    </row>
    <row r="57" spans="1:5" x14ac:dyDescent="0.25">
      <c r="A57" s="1">
        <v>43558.208333333336</v>
      </c>
      <c r="B57" s="2">
        <v>33.14</v>
      </c>
      <c r="C57">
        <v>0</v>
      </c>
      <c r="D57">
        <f t="shared" si="0"/>
        <v>0</v>
      </c>
      <c r="E57" s="6">
        <f t="shared" si="1"/>
        <v>0</v>
      </c>
    </row>
    <row r="58" spans="1:5" x14ac:dyDescent="0.25">
      <c r="A58" s="1">
        <v>43558.25</v>
      </c>
      <c r="B58" s="2">
        <v>42.1</v>
      </c>
      <c r="C58">
        <v>0</v>
      </c>
      <c r="D58">
        <f t="shared" si="0"/>
        <v>0</v>
      </c>
      <c r="E58" s="6">
        <f t="shared" si="1"/>
        <v>0</v>
      </c>
    </row>
    <row r="59" spans="1:5" x14ac:dyDescent="0.25">
      <c r="A59" s="1">
        <v>43558.291666666664</v>
      </c>
      <c r="B59" s="2">
        <v>40.950000000000003</v>
      </c>
      <c r="C59">
        <v>2.7875E-2</v>
      </c>
      <c r="D59">
        <f t="shared" si="0"/>
        <v>2.7875E-5</v>
      </c>
      <c r="E59" s="6">
        <f t="shared" si="1"/>
        <v>1.14148125E-3</v>
      </c>
    </row>
    <row r="60" spans="1:5" x14ac:dyDescent="0.25">
      <c r="A60" s="1">
        <v>43558.333333333336</v>
      </c>
      <c r="B60" s="2">
        <v>37.42</v>
      </c>
      <c r="C60">
        <v>0.88293100000000002</v>
      </c>
      <c r="D60">
        <f t="shared" si="0"/>
        <v>8.8293099999999999E-4</v>
      </c>
      <c r="E60" s="6">
        <f t="shared" si="1"/>
        <v>3.303927802E-2</v>
      </c>
    </row>
    <row r="61" spans="1:5" x14ac:dyDescent="0.25">
      <c r="A61" s="1">
        <v>43558.375</v>
      </c>
      <c r="B61" s="2">
        <v>33.54</v>
      </c>
      <c r="C61">
        <v>3.5639439999999998</v>
      </c>
      <c r="D61">
        <f t="shared" si="0"/>
        <v>3.5639439999999999E-3</v>
      </c>
      <c r="E61" s="6">
        <f t="shared" si="1"/>
        <v>0.11953468176</v>
      </c>
    </row>
    <row r="62" spans="1:5" x14ac:dyDescent="0.25">
      <c r="A62" s="1">
        <v>43558.416666666664</v>
      </c>
      <c r="B62" s="2">
        <v>30.5</v>
      </c>
      <c r="C62">
        <v>4.1712189999999998</v>
      </c>
      <c r="D62">
        <f t="shared" si="0"/>
        <v>4.1712189999999994E-3</v>
      </c>
      <c r="E62" s="6">
        <f t="shared" si="1"/>
        <v>0.12722217949999998</v>
      </c>
    </row>
    <row r="63" spans="1:5" x14ac:dyDescent="0.25">
      <c r="A63" s="1">
        <v>43558.458333333336</v>
      </c>
      <c r="B63" s="2">
        <v>28.26</v>
      </c>
      <c r="C63">
        <v>5.6129989999999994</v>
      </c>
      <c r="D63">
        <f t="shared" si="0"/>
        <v>5.6129989999999996E-3</v>
      </c>
      <c r="E63" s="6">
        <f t="shared" si="1"/>
        <v>0.15862335174</v>
      </c>
    </row>
    <row r="64" spans="1:5" x14ac:dyDescent="0.25">
      <c r="A64" s="1">
        <v>43558.5</v>
      </c>
      <c r="B64" s="2">
        <v>26.39</v>
      </c>
      <c r="C64">
        <v>2.1903829999999997</v>
      </c>
      <c r="D64">
        <f t="shared" si="0"/>
        <v>2.1903829999999997E-3</v>
      </c>
      <c r="E64" s="6">
        <f t="shared" si="1"/>
        <v>5.7804207369999992E-2</v>
      </c>
    </row>
    <row r="65" spans="1:5" x14ac:dyDescent="0.25">
      <c r="A65" s="1">
        <v>43558.541666666664</v>
      </c>
      <c r="B65" s="2">
        <v>25.68</v>
      </c>
      <c r="C65">
        <v>4.6923270000000006</v>
      </c>
      <c r="D65">
        <f t="shared" si="0"/>
        <v>4.6923270000000005E-3</v>
      </c>
      <c r="E65" s="6">
        <f t="shared" si="1"/>
        <v>0.12049895736000001</v>
      </c>
    </row>
    <row r="66" spans="1:5" x14ac:dyDescent="0.25">
      <c r="A66" s="1">
        <v>43558.583333333336</v>
      </c>
      <c r="B66" s="2">
        <v>24.93</v>
      </c>
      <c r="C66">
        <v>5.7844880000000005</v>
      </c>
      <c r="D66">
        <f t="shared" si="0"/>
        <v>5.7844880000000008E-3</v>
      </c>
      <c r="E66" s="6">
        <f t="shared" si="1"/>
        <v>0.14420728584000003</v>
      </c>
    </row>
    <row r="67" spans="1:5" x14ac:dyDescent="0.25">
      <c r="A67" s="1">
        <v>43558.625</v>
      </c>
      <c r="B67" s="2">
        <v>24.17</v>
      </c>
      <c r="C67">
        <v>6.4860169999999995</v>
      </c>
      <c r="D67">
        <f t="shared" si="0"/>
        <v>6.4860169999999993E-3</v>
      </c>
      <c r="E67" s="6">
        <f t="shared" si="1"/>
        <v>0.15676703088999999</v>
      </c>
    </row>
    <row r="68" spans="1:5" x14ac:dyDescent="0.25">
      <c r="A68" s="1">
        <v>43558.666666666664</v>
      </c>
      <c r="B68" s="2">
        <v>24.06</v>
      </c>
      <c r="C68">
        <v>5.3860270000000003</v>
      </c>
      <c r="D68">
        <f t="shared" si="0"/>
        <v>5.3860270000000007E-3</v>
      </c>
      <c r="E68" s="6">
        <f t="shared" si="1"/>
        <v>0.12958780962000002</v>
      </c>
    </row>
    <row r="69" spans="1:5" x14ac:dyDescent="0.25">
      <c r="A69" s="1">
        <v>43558.708333333336</v>
      </c>
      <c r="B69" s="2">
        <v>24.4</v>
      </c>
      <c r="C69">
        <v>3.7784050000000002</v>
      </c>
      <c r="D69">
        <f t="shared" si="0"/>
        <v>3.7784050000000003E-3</v>
      </c>
      <c r="E69" s="6">
        <f t="shared" si="1"/>
        <v>9.2193081999999996E-2</v>
      </c>
    </row>
    <row r="70" spans="1:5" x14ac:dyDescent="0.25">
      <c r="A70" s="1">
        <v>43558.75</v>
      </c>
      <c r="B70" s="2">
        <v>25.46</v>
      </c>
      <c r="C70">
        <v>1.803302</v>
      </c>
      <c r="D70">
        <f t="shared" ref="D70:D133" si="2">C70/1000</f>
        <v>1.8033019999999999E-3</v>
      </c>
      <c r="E70" s="6">
        <f t="shared" ref="E70:E133" si="3">D70*B70</f>
        <v>4.591206892E-2</v>
      </c>
    </row>
    <row r="71" spans="1:5" x14ac:dyDescent="0.25">
      <c r="A71" s="1">
        <v>43558.791666666664</v>
      </c>
      <c r="B71" s="2">
        <v>30.75</v>
      </c>
      <c r="C71">
        <v>0.24207699999999999</v>
      </c>
      <c r="D71">
        <f t="shared" si="2"/>
        <v>2.4207699999999999E-4</v>
      </c>
      <c r="E71" s="6">
        <f t="shared" si="3"/>
        <v>7.4438677499999995E-3</v>
      </c>
    </row>
    <row r="72" spans="1:5" x14ac:dyDescent="0.25">
      <c r="A72" s="1">
        <v>43558.833333333336</v>
      </c>
      <c r="B72" s="2">
        <v>36.630000000000003</v>
      </c>
      <c r="C72">
        <v>0</v>
      </c>
      <c r="D72">
        <f t="shared" si="2"/>
        <v>0</v>
      </c>
      <c r="E72" s="6">
        <f t="shared" si="3"/>
        <v>0</v>
      </c>
    </row>
    <row r="73" spans="1:5" x14ac:dyDescent="0.25">
      <c r="A73" s="1">
        <v>43558.875</v>
      </c>
      <c r="B73" s="2">
        <v>30.64</v>
      </c>
      <c r="C73">
        <v>0</v>
      </c>
      <c r="D73">
        <f t="shared" si="2"/>
        <v>0</v>
      </c>
      <c r="E73" s="6">
        <f t="shared" si="3"/>
        <v>0</v>
      </c>
    </row>
    <row r="74" spans="1:5" x14ac:dyDescent="0.25">
      <c r="A74" s="1">
        <v>43558.916666666664</v>
      </c>
      <c r="B74" s="2">
        <v>24.85</v>
      </c>
      <c r="C74">
        <v>0</v>
      </c>
      <c r="D74">
        <f t="shared" si="2"/>
        <v>0</v>
      </c>
      <c r="E74" s="6">
        <f t="shared" si="3"/>
        <v>0</v>
      </c>
    </row>
    <row r="75" spans="1:5" x14ac:dyDescent="0.25">
      <c r="A75" s="1">
        <v>43558.958333333336</v>
      </c>
      <c r="B75" s="2">
        <v>23.22</v>
      </c>
      <c r="C75">
        <v>0</v>
      </c>
      <c r="D75">
        <f t="shared" si="2"/>
        <v>0</v>
      </c>
      <c r="E75" s="6">
        <f t="shared" si="3"/>
        <v>0</v>
      </c>
    </row>
    <row r="76" spans="1:5" x14ac:dyDescent="0.25">
      <c r="A76" s="1">
        <v>43559</v>
      </c>
      <c r="B76" s="2">
        <v>23.31</v>
      </c>
      <c r="C76">
        <v>0</v>
      </c>
      <c r="D76">
        <f t="shared" si="2"/>
        <v>0</v>
      </c>
      <c r="E76" s="6">
        <f t="shared" si="3"/>
        <v>0</v>
      </c>
    </row>
    <row r="77" spans="1:5" x14ac:dyDescent="0.25">
      <c r="A77" s="1">
        <v>43559.041666666664</v>
      </c>
      <c r="B77" s="2">
        <v>23.28</v>
      </c>
      <c r="C77">
        <v>0</v>
      </c>
      <c r="D77">
        <f t="shared" si="2"/>
        <v>0</v>
      </c>
      <c r="E77" s="6">
        <f t="shared" si="3"/>
        <v>0</v>
      </c>
    </row>
    <row r="78" spans="1:5" x14ac:dyDescent="0.25">
      <c r="A78" s="1">
        <v>43559.083333333336</v>
      </c>
      <c r="B78" s="2">
        <v>23.17</v>
      </c>
      <c r="C78">
        <v>0</v>
      </c>
      <c r="D78">
        <f t="shared" si="2"/>
        <v>0</v>
      </c>
      <c r="E78" s="6">
        <f t="shared" si="3"/>
        <v>0</v>
      </c>
    </row>
    <row r="79" spans="1:5" x14ac:dyDescent="0.25">
      <c r="A79" s="1">
        <v>43559.125</v>
      </c>
      <c r="B79" s="2">
        <v>23.71</v>
      </c>
      <c r="C79">
        <v>0</v>
      </c>
      <c r="D79">
        <f t="shared" si="2"/>
        <v>0</v>
      </c>
      <c r="E79" s="6">
        <f t="shared" si="3"/>
        <v>0</v>
      </c>
    </row>
    <row r="80" spans="1:5" x14ac:dyDescent="0.25">
      <c r="A80" s="1">
        <v>43559.166666666664</v>
      </c>
      <c r="B80" s="2">
        <v>25.15</v>
      </c>
      <c r="C80">
        <v>0</v>
      </c>
      <c r="D80">
        <f t="shared" si="2"/>
        <v>0</v>
      </c>
      <c r="E80" s="6">
        <f t="shared" si="3"/>
        <v>0</v>
      </c>
    </row>
    <row r="81" spans="1:5" x14ac:dyDescent="0.25">
      <c r="A81" s="1">
        <v>43559.208333333336</v>
      </c>
      <c r="B81" s="2">
        <v>30.68</v>
      </c>
      <c r="C81">
        <v>0</v>
      </c>
      <c r="D81">
        <f t="shared" si="2"/>
        <v>0</v>
      </c>
      <c r="E81" s="6">
        <f t="shared" si="3"/>
        <v>0</v>
      </c>
    </row>
    <row r="82" spans="1:5" x14ac:dyDescent="0.25">
      <c r="A82" s="1">
        <v>43559.25</v>
      </c>
      <c r="B82" s="2">
        <v>41.47</v>
      </c>
      <c r="C82">
        <v>0</v>
      </c>
      <c r="D82">
        <f t="shared" si="2"/>
        <v>0</v>
      </c>
      <c r="E82" s="6">
        <f t="shared" si="3"/>
        <v>0</v>
      </c>
    </row>
    <row r="83" spans="1:5" x14ac:dyDescent="0.25">
      <c r="A83" s="1">
        <v>43559.291666666664</v>
      </c>
      <c r="B83" s="2">
        <v>39.65</v>
      </c>
      <c r="C83">
        <v>0</v>
      </c>
      <c r="D83">
        <f t="shared" si="2"/>
        <v>0</v>
      </c>
      <c r="E83" s="6">
        <f t="shared" si="3"/>
        <v>0</v>
      </c>
    </row>
    <row r="84" spans="1:5" x14ac:dyDescent="0.25">
      <c r="A84" s="1">
        <v>43559.333333333336</v>
      </c>
      <c r="B84" s="2">
        <v>36.090000000000003</v>
      </c>
      <c r="C84">
        <v>0.50061100000000003</v>
      </c>
      <c r="D84">
        <f t="shared" si="2"/>
        <v>5.0061099999999998E-4</v>
      </c>
      <c r="E84" s="6">
        <f t="shared" si="3"/>
        <v>1.806705099E-2</v>
      </c>
    </row>
    <row r="85" spans="1:5" x14ac:dyDescent="0.25">
      <c r="A85" s="1">
        <v>43559.375</v>
      </c>
      <c r="B85" s="2">
        <v>34.67</v>
      </c>
      <c r="C85">
        <v>2.364303</v>
      </c>
      <c r="D85">
        <f t="shared" si="2"/>
        <v>2.3643029999999999E-3</v>
      </c>
      <c r="E85" s="6">
        <f t="shared" si="3"/>
        <v>8.1970385009999994E-2</v>
      </c>
    </row>
    <row r="86" spans="1:5" x14ac:dyDescent="0.25">
      <c r="A86" s="1">
        <v>43559.416666666664</v>
      </c>
      <c r="B86" s="2">
        <v>32.79</v>
      </c>
      <c r="C86">
        <v>1.3460999999999999</v>
      </c>
      <c r="D86">
        <f t="shared" si="2"/>
        <v>1.3460999999999998E-3</v>
      </c>
      <c r="E86" s="6">
        <f t="shared" si="3"/>
        <v>4.413861899999999E-2</v>
      </c>
    </row>
    <row r="87" spans="1:5" x14ac:dyDescent="0.25">
      <c r="A87" s="1">
        <v>43559.458333333336</v>
      </c>
      <c r="B87" s="2">
        <v>29.78</v>
      </c>
      <c r="C87">
        <v>5.9220200000000007</v>
      </c>
      <c r="D87">
        <f t="shared" si="2"/>
        <v>5.9220200000000009E-3</v>
      </c>
      <c r="E87" s="6">
        <f t="shared" si="3"/>
        <v>0.17635775560000003</v>
      </c>
    </row>
    <row r="88" spans="1:5" x14ac:dyDescent="0.25">
      <c r="A88" s="1">
        <v>43559.5</v>
      </c>
      <c r="B88" s="2">
        <v>30.74</v>
      </c>
      <c r="C88">
        <v>6.3845700000000001</v>
      </c>
      <c r="D88">
        <f t="shared" si="2"/>
        <v>6.38457E-3</v>
      </c>
      <c r="E88" s="6">
        <f t="shared" si="3"/>
        <v>0.19626168179999998</v>
      </c>
    </row>
    <row r="89" spans="1:5" x14ac:dyDescent="0.25">
      <c r="A89" s="1">
        <v>43559.541666666664</v>
      </c>
      <c r="B89" s="2">
        <v>29.67</v>
      </c>
      <c r="C89">
        <v>8.2859179999999988</v>
      </c>
      <c r="D89">
        <f t="shared" si="2"/>
        <v>8.285917999999998E-3</v>
      </c>
      <c r="E89" s="6">
        <f t="shared" si="3"/>
        <v>0.24584318705999997</v>
      </c>
    </row>
    <row r="90" spans="1:5" x14ac:dyDescent="0.25">
      <c r="A90" s="1">
        <v>43559.583333333336</v>
      </c>
      <c r="B90" s="2">
        <v>27.8</v>
      </c>
      <c r="C90">
        <v>7.9624639999999998</v>
      </c>
      <c r="D90">
        <f t="shared" si="2"/>
        <v>7.962463999999999E-3</v>
      </c>
      <c r="E90" s="6">
        <f t="shared" si="3"/>
        <v>0.22135649919999997</v>
      </c>
    </row>
    <row r="91" spans="1:5" x14ac:dyDescent="0.25">
      <c r="A91" s="1">
        <v>43559.625</v>
      </c>
      <c r="B91" s="2">
        <v>26.35</v>
      </c>
      <c r="C91">
        <v>7.2411850000000006</v>
      </c>
      <c r="D91">
        <f t="shared" si="2"/>
        <v>7.2411850000000007E-3</v>
      </c>
      <c r="E91" s="6">
        <f t="shared" si="3"/>
        <v>0.19080522475000003</v>
      </c>
    </row>
    <row r="92" spans="1:5" x14ac:dyDescent="0.25">
      <c r="A92" s="1">
        <v>43559.666666666664</v>
      </c>
      <c r="B92" s="2">
        <v>26.47</v>
      </c>
      <c r="C92">
        <v>6.0291989999999993</v>
      </c>
      <c r="D92">
        <f t="shared" si="2"/>
        <v>6.029198999999999E-3</v>
      </c>
      <c r="E92" s="6">
        <f t="shared" si="3"/>
        <v>0.15959289752999997</v>
      </c>
    </row>
    <row r="93" spans="1:5" x14ac:dyDescent="0.25">
      <c r="A93" s="1">
        <v>43559.708333333336</v>
      </c>
      <c r="B93" s="2">
        <v>26.58</v>
      </c>
      <c r="C93">
        <v>4.237978</v>
      </c>
      <c r="D93">
        <f t="shared" si="2"/>
        <v>4.2379779999999999E-3</v>
      </c>
      <c r="E93" s="6">
        <f t="shared" si="3"/>
        <v>0.11264545523999998</v>
      </c>
    </row>
    <row r="94" spans="1:5" x14ac:dyDescent="0.25">
      <c r="A94" s="1">
        <v>43559.75</v>
      </c>
      <c r="B94" s="2">
        <v>26.16</v>
      </c>
      <c r="C94">
        <v>2.0391859999999999</v>
      </c>
      <c r="D94">
        <f t="shared" si="2"/>
        <v>2.0391860000000001E-3</v>
      </c>
      <c r="E94" s="6">
        <f t="shared" si="3"/>
        <v>5.3345105760000004E-2</v>
      </c>
    </row>
    <row r="95" spans="1:5" x14ac:dyDescent="0.25">
      <c r="A95" s="1">
        <v>43559.791666666664</v>
      </c>
      <c r="B95" s="2">
        <v>31.69</v>
      </c>
      <c r="C95">
        <v>0.28628199999999998</v>
      </c>
      <c r="D95">
        <f t="shared" si="2"/>
        <v>2.8628200000000001E-4</v>
      </c>
      <c r="E95" s="6">
        <f t="shared" si="3"/>
        <v>9.0722765800000001E-3</v>
      </c>
    </row>
    <row r="96" spans="1:5" x14ac:dyDescent="0.25">
      <c r="A96" s="1">
        <v>43559.833333333336</v>
      </c>
      <c r="B96" s="2">
        <v>34.72</v>
      </c>
      <c r="C96">
        <v>0</v>
      </c>
      <c r="D96">
        <f t="shared" si="2"/>
        <v>0</v>
      </c>
      <c r="E96" s="6">
        <f t="shared" si="3"/>
        <v>0</v>
      </c>
    </row>
    <row r="97" spans="1:5" x14ac:dyDescent="0.25">
      <c r="A97" s="1">
        <v>43559.875</v>
      </c>
      <c r="B97" s="2">
        <v>30.89</v>
      </c>
      <c r="C97">
        <v>0</v>
      </c>
      <c r="D97">
        <f t="shared" si="2"/>
        <v>0</v>
      </c>
      <c r="E97" s="6">
        <f t="shared" si="3"/>
        <v>0</v>
      </c>
    </row>
    <row r="98" spans="1:5" x14ac:dyDescent="0.25">
      <c r="A98" s="1">
        <v>43559.916666666664</v>
      </c>
      <c r="B98" s="2">
        <v>24.83</v>
      </c>
      <c r="C98">
        <v>0</v>
      </c>
      <c r="D98">
        <f t="shared" si="2"/>
        <v>0</v>
      </c>
      <c r="E98" s="6">
        <f t="shared" si="3"/>
        <v>0</v>
      </c>
    </row>
    <row r="99" spans="1:5" x14ac:dyDescent="0.25">
      <c r="A99" s="1">
        <v>43559.958333333336</v>
      </c>
      <c r="B99" s="2">
        <v>23.41</v>
      </c>
      <c r="C99">
        <v>0</v>
      </c>
      <c r="D99">
        <f t="shared" si="2"/>
        <v>0</v>
      </c>
      <c r="E99" s="6">
        <f t="shared" si="3"/>
        <v>0</v>
      </c>
    </row>
    <row r="100" spans="1:5" x14ac:dyDescent="0.25">
      <c r="A100" s="1">
        <v>43560</v>
      </c>
      <c r="B100" s="2">
        <v>24.05</v>
      </c>
      <c r="C100">
        <v>0</v>
      </c>
      <c r="D100">
        <f t="shared" si="2"/>
        <v>0</v>
      </c>
      <c r="E100" s="6">
        <f t="shared" si="3"/>
        <v>0</v>
      </c>
    </row>
    <row r="101" spans="1:5" x14ac:dyDescent="0.25">
      <c r="A101" s="1">
        <v>43560.041666666664</v>
      </c>
      <c r="B101" s="2">
        <v>23.28</v>
      </c>
      <c r="C101">
        <v>0</v>
      </c>
      <c r="D101">
        <f t="shared" si="2"/>
        <v>0</v>
      </c>
      <c r="E101" s="6">
        <f t="shared" si="3"/>
        <v>0</v>
      </c>
    </row>
    <row r="102" spans="1:5" x14ac:dyDescent="0.25">
      <c r="A102" s="1">
        <v>43560.083333333336</v>
      </c>
      <c r="B102" s="2">
        <v>23.24</v>
      </c>
      <c r="C102">
        <v>0</v>
      </c>
      <c r="D102">
        <f t="shared" si="2"/>
        <v>0</v>
      </c>
      <c r="E102" s="6">
        <f t="shared" si="3"/>
        <v>0</v>
      </c>
    </row>
    <row r="103" spans="1:5" x14ac:dyDescent="0.25">
      <c r="A103" s="1">
        <v>43560.125</v>
      </c>
      <c r="B103" s="2">
        <v>23.3</v>
      </c>
      <c r="C103">
        <v>0</v>
      </c>
      <c r="D103">
        <f t="shared" si="2"/>
        <v>0</v>
      </c>
      <c r="E103" s="6">
        <f t="shared" si="3"/>
        <v>0</v>
      </c>
    </row>
    <row r="104" spans="1:5" x14ac:dyDescent="0.25">
      <c r="A104" s="1">
        <v>43560.166666666664</v>
      </c>
      <c r="B104" s="2">
        <v>24.15</v>
      </c>
      <c r="C104">
        <v>0</v>
      </c>
      <c r="D104">
        <f t="shared" si="2"/>
        <v>0</v>
      </c>
      <c r="E104" s="6">
        <f t="shared" si="3"/>
        <v>0</v>
      </c>
    </row>
    <row r="105" spans="1:5" x14ac:dyDescent="0.25">
      <c r="A105" s="1">
        <v>43560.208333333336</v>
      </c>
      <c r="B105" s="2">
        <v>26.18</v>
      </c>
      <c r="C105">
        <v>0</v>
      </c>
      <c r="D105">
        <f t="shared" si="2"/>
        <v>0</v>
      </c>
      <c r="E105" s="6">
        <f t="shared" si="3"/>
        <v>0</v>
      </c>
    </row>
    <row r="106" spans="1:5" x14ac:dyDescent="0.25">
      <c r="A106" s="1">
        <v>43560.25</v>
      </c>
      <c r="B106" s="2">
        <v>36.85</v>
      </c>
      <c r="C106">
        <v>0</v>
      </c>
      <c r="D106">
        <f t="shared" si="2"/>
        <v>0</v>
      </c>
      <c r="E106" s="6">
        <f t="shared" si="3"/>
        <v>0</v>
      </c>
    </row>
    <row r="107" spans="1:5" x14ac:dyDescent="0.25">
      <c r="A107" s="1">
        <v>43560.291666666664</v>
      </c>
      <c r="B107" s="2">
        <v>38.06</v>
      </c>
      <c r="C107">
        <v>0</v>
      </c>
      <c r="D107">
        <f t="shared" si="2"/>
        <v>0</v>
      </c>
      <c r="E107" s="6">
        <f t="shared" si="3"/>
        <v>0</v>
      </c>
    </row>
    <row r="108" spans="1:5" x14ac:dyDescent="0.25">
      <c r="A108" s="1">
        <v>43560.333333333336</v>
      </c>
      <c r="B108" s="2">
        <v>37.07</v>
      </c>
      <c r="C108">
        <v>0.38694200000000001</v>
      </c>
      <c r="D108">
        <f t="shared" si="2"/>
        <v>3.8694199999999998E-4</v>
      </c>
      <c r="E108" s="6">
        <f t="shared" si="3"/>
        <v>1.434393994E-2</v>
      </c>
    </row>
    <row r="109" spans="1:5" x14ac:dyDescent="0.25">
      <c r="A109" s="1">
        <v>43560.375</v>
      </c>
      <c r="B109" s="2">
        <v>37.799999999999997</v>
      </c>
      <c r="C109">
        <v>1.2739559999999999</v>
      </c>
      <c r="D109">
        <f t="shared" si="2"/>
        <v>1.2739559999999999E-3</v>
      </c>
      <c r="E109" s="6">
        <f t="shared" si="3"/>
        <v>4.8155536799999996E-2</v>
      </c>
    </row>
    <row r="110" spans="1:5" x14ac:dyDescent="0.25">
      <c r="A110" s="1">
        <v>43560.416666666664</v>
      </c>
      <c r="B110" s="2">
        <v>38.94</v>
      </c>
      <c r="C110">
        <v>3.99777</v>
      </c>
      <c r="D110">
        <f t="shared" si="2"/>
        <v>3.9977700000000003E-3</v>
      </c>
      <c r="E110" s="6">
        <f t="shared" si="3"/>
        <v>0.15567316380000001</v>
      </c>
    </row>
    <row r="111" spans="1:5" x14ac:dyDescent="0.25">
      <c r="A111" s="1">
        <v>43560.458333333336</v>
      </c>
      <c r="B111" s="2">
        <v>37.01</v>
      </c>
      <c r="C111">
        <v>3.020432</v>
      </c>
      <c r="D111">
        <f t="shared" si="2"/>
        <v>3.020432E-3</v>
      </c>
      <c r="E111" s="6">
        <f t="shared" si="3"/>
        <v>0.11178618831999999</v>
      </c>
    </row>
    <row r="112" spans="1:5" x14ac:dyDescent="0.25">
      <c r="A112" s="1">
        <v>43560.5</v>
      </c>
      <c r="B112" s="2">
        <v>36.76</v>
      </c>
      <c r="C112">
        <v>4.8392590000000002</v>
      </c>
      <c r="D112">
        <f t="shared" si="2"/>
        <v>4.8392590000000003E-3</v>
      </c>
      <c r="E112" s="6">
        <f t="shared" si="3"/>
        <v>0.17789116084000001</v>
      </c>
    </row>
    <row r="113" spans="1:5" x14ac:dyDescent="0.25">
      <c r="A113" s="1">
        <v>43560.541666666664</v>
      </c>
      <c r="B113" s="2">
        <v>36.409999999999997</v>
      </c>
      <c r="C113">
        <v>4.4441369999999996</v>
      </c>
      <c r="D113">
        <f t="shared" si="2"/>
        <v>4.4441369999999999E-3</v>
      </c>
      <c r="E113" s="6">
        <f t="shared" si="3"/>
        <v>0.16181102816999998</v>
      </c>
    </row>
    <row r="114" spans="1:5" x14ac:dyDescent="0.25">
      <c r="A114" s="1">
        <v>43560.583333333336</v>
      </c>
      <c r="B114" s="2">
        <v>35.11</v>
      </c>
      <c r="C114">
        <v>4.0164020000000002</v>
      </c>
      <c r="D114">
        <f t="shared" si="2"/>
        <v>4.0164020000000005E-3</v>
      </c>
      <c r="E114" s="6">
        <f t="shared" si="3"/>
        <v>0.14101587422</v>
      </c>
    </row>
    <row r="115" spans="1:5" x14ac:dyDescent="0.25">
      <c r="A115" s="1">
        <v>43560.625</v>
      </c>
      <c r="B115" s="2">
        <v>35.11</v>
      </c>
      <c r="C115">
        <v>4.6585460000000003</v>
      </c>
      <c r="D115">
        <f t="shared" si="2"/>
        <v>4.6585460000000004E-3</v>
      </c>
      <c r="E115" s="6">
        <f t="shared" si="3"/>
        <v>0.16356155006</v>
      </c>
    </row>
    <row r="116" spans="1:5" x14ac:dyDescent="0.25">
      <c r="A116" s="1">
        <v>43560.666666666664</v>
      </c>
      <c r="B116" s="2">
        <v>33.18</v>
      </c>
      <c r="C116">
        <v>4.7287169999999996</v>
      </c>
      <c r="D116">
        <f t="shared" si="2"/>
        <v>4.7287169999999995E-3</v>
      </c>
      <c r="E116" s="6">
        <f t="shared" si="3"/>
        <v>0.15689883005999999</v>
      </c>
    </row>
    <row r="117" spans="1:5" x14ac:dyDescent="0.25">
      <c r="A117" s="1">
        <v>43560.708333333336</v>
      </c>
      <c r="B117" s="2">
        <v>32.659999999999997</v>
      </c>
      <c r="C117">
        <v>2.7203780000000002</v>
      </c>
      <c r="D117">
        <f t="shared" si="2"/>
        <v>2.7203780000000003E-3</v>
      </c>
      <c r="E117" s="6">
        <f t="shared" si="3"/>
        <v>8.8847545479999998E-2</v>
      </c>
    </row>
    <row r="118" spans="1:5" x14ac:dyDescent="0.25">
      <c r="A118" s="1">
        <v>43560.75</v>
      </c>
      <c r="B118" s="2">
        <v>29.56</v>
      </c>
      <c r="C118">
        <v>2.123281</v>
      </c>
      <c r="D118">
        <f t="shared" si="2"/>
        <v>2.1232809999999999E-3</v>
      </c>
      <c r="E118" s="6">
        <f t="shared" si="3"/>
        <v>6.2764186359999988E-2</v>
      </c>
    </row>
    <row r="119" spans="1:5" x14ac:dyDescent="0.25">
      <c r="A119" s="1">
        <v>43560.791666666664</v>
      </c>
      <c r="B119" s="2">
        <v>35.71</v>
      </c>
      <c r="C119">
        <v>0.30338099999999996</v>
      </c>
      <c r="D119">
        <f t="shared" si="2"/>
        <v>3.0338099999999997E-4</v>
      </c>
      <c r="E119" s="6">
        <f t="shared" si="3"/>
        <v>1.0833735509999999E-2</v>
      </c>
    </row>
    <row r="120" spans="1:5" x14ac:dyDescent="0.25">
      <c r="A120" s="1">
        <v>43560.833333333336</v>
      </c>
      <c r="B120" s="2">
        <v>38.29</v>
      </c>
      <c r="C120">
        <v>0</v>
      </c>
      <c r="D120">
        <f t="shared" si="2"/>
        <v>0</v>
      </c>
      <c r="E120" s="6">
        <f t="shared" si="3"/>
        <v>0</v>
      </c>
    </row>
    <row r="121" spans="1:5" x14ac:dyDescent="0.25">
      <c r="A121" s="1">
        <v>43560.875</v>
      </c>
      <c r="B121" s="2">
        <v>33</v>
      </c>
      <c r="C121">
        <v>0</v>
      </c>
      <c r="D121">
        <f t="shared" si="2"/>
        <v>0</v>
      </c>
      <c r="E121" s="6">
        <f t="shared" si="3"/>
        <v>0</v>
      </c>
    </row>
    <row r="122" spans="1:5" x14ac:dyDescent="0.25">
      <c r="A122" s="1">
        <v>43560.916666666664</v>
      </c>
      <c r="B122" s="2">
        <v>27.43</v>
      </c>
      <c r="C122">
        <v>0</v>
      </c>
      <c r="D122">
        <f t="shared" si="2"/>
        <v>0</v>
      </c>
      <c r="E122" s="6">
        <f t="shared" si="3"/>
        <v>0</v>
      </c>
    </row>
    <row r="123" spans="1:5" x14ac:dyDescent="0.25">
      <c r="A123" s="1">
        <v>43560.958333333336</v>
      </c>
      <c r="B123" s="2">
        <v>25.08</v>
      </c>
      <c r="C123">
        <v>0</v>
      </c>
      <c r="D123">
        <f t="shared" si="2"/>
        <v>0</v>
      </c>
      <c r="E123" s="6">
        <f t="shared" si="3"/>
        <v>0</v>
      </c>
    </row>
    <row r="124" spans="1:5" x14ac:dyDescent="0.25">
      <c r="A124" s="1">
        <v>43561</v>
      </c>
      <c r="B124" s="2">
        <v>24.39</v>
      </c>
      <c r="C124">
        <v>0</v>
      </c>
      <c r="D124">
        <f t="shared" si="2"/>
        <v>0</v>
      </c>
      <c r="E124" s="6">
        <f t="shared" si="3"/>
        <v>0</v>
      </c>
    </row>
    <row r="125" spans="1:5" x14ac:dyDescent="0.25">
      <c r="A125" s="1">
        <v>43561.041666666664</v>
      </c>
      <c r="B125" s="2">
        <v>23.6</v>
      </c>
      <c r="C125">
        <v>0</v>
      </c>
      <c r="D125">
        <f t="shared" si="2"/>
        <v>0</v>
      </c>
      <c r="E125" s="6">
        <f t="shared" si="3"/>
        <v>0</v>
      </c>
    </row>
    <row r="126" spans="1:5" x14ac:dyDescent="0.25">
      <c r="A126" s="1">
        <v>43561.083333333336</v>
      </c>
      <c r="B126" s="2">
        <v>22.57</v>
      </c>
      <c r="C126">
        <v>0</v>
      </c>
      <c r="D126">
        <f t="shared" si="2"/>
        <v>0</v>
      </c>
      <c r="E126" s="6">
        <f t="shared" si="3"/>
        <v>0</v>
      </c>
    </row>
    <row r="127" spans="1:5" x14ac:dyDescent="0.25">
      <c r="A127" s="1">
        <v>43561.125</v>
      </c>
      <c r="B127" s="2">
        <v>22.09</v>
      </c>
      <c r="C127">
        <v>0</v>
      </c>
      <c r="D127">
        <f t="shared" si="2"/>
        <v>0</v>
      </c>
      <c r="E127" s="6">
        <f t="shared" si="3"/>
        <v>0</v>
      </c>
    </row>
    <row r="128" spans="1:5" x14ac:dyDescent="0.25">
      <c r="A128" s="1">
        <v>43561.166666666664</v>
      </c>
      <c r="B128" s="2">
        <v>21.62</v>
      </c>
      <c r="C128">
        <v>0</v>
      </c>
      <c r="D128">
        <f t="shared" si="2"/>
        <v>0</v>
      </c>
      <c r="E128" s="6">
        <f t="shared" si="3"/>
        <v>0</v>
      </c>
    </row>
    <row r="129" spans="1:5" x14ac:dyDescent="0.25">
      <c r="A129" s="1">
        <v>43561.208333333336</v>
      </c>
      <c r="B129" s="2">
        <v>23.34</v>
      </c>
      <c r="C129">
        <v>0</v>
      </c>
      <c r="D129">
        <f t="shared" si="2"/>
        <v>0</v>
      </c>
      <c r="E129" s="6">
        <f t="shared" si="3"/>
        <v>0</v>
      </c>
    </row>
    <row r="130" spans="1:5" x14ac:dyDescent="0.25">
      <c r="A130" s="1">
        <v>43561.25</v>
      </c>
      <c r="B130" s="2">
        <v>24.72</v>
      </c>
      <c r="C130">
        <v>0</v>
      </c>
      <c r="D130">
        <f t="shared" si="2"/>
        <v>0</v>
      </c>
      <c r="E130" s="6">
        <f t="shared" si="3"/>
        <v>0</v>
      </c>
    </row>
    <row r="131" spans="1:5" x14ac:dyDescent="0.25">
      <c r="A131" s="1">
        <v>43561.291666666664</v>
      </c>
      <c r="B131" s="2">
        <v>27.18</v>
      </c>
      <c r="C131">
        <v>3.2652E-2</v>
      </c>
      <c r="D131">
        <f t="shared" si="2"/>
        <v>3.2651999999999998E-5</v>
      </c>
      <c r="E131" s="6">
        <f t="shared" si="3"/>
        <v>8.8748135999999994E-4</v>
      </c>
    </row>
    <row r="132" spans="1:5" x14ac:dyDescent="0.25">
      <c r="A132" s="1">
        <v>43561.333333333336</v>
      </c>
      <c r="B132" s="2">
        <v>28.82</v>
      </c>
      <c r="C132">
        <v>1.1708620000000001</v>
      </c>
      <c r="D132">
        <f t="shared" si="2"/>
        <v>1.1708620000000002E-3</v>
      </c>
      <c r="E132" s="6">
        <f t="shared" si="3"/>
        <v>3.3744242840000008E-2</v>
      </c>
    </row>
    <row r="133" spans="1:5" x14ac:dyDescent="0.25">
      <c r="A133" s="1">
        <v>43561.375</v>
      </c>
      <c r="B133" s="2">
        <v>31.09</v>
      </c>
      <c r="C133">
        <v>3.1135429999999999</v>
      </c>
      <c r="D133">
        <f t="shared" si="2"/>
        <v>3.1135429999999999E-3</v>
      </c>
      <c r="E133" s="6">
        <f t="shared" si="3"/>
        <v>9.6800051870000001E-2</v>
      </c>
    </row>
    <row r="134" spans="1:5" x14ac:dyDescent="0.25">
      <c r="A134" s="1">
        <v>43561.416666666664</v>
      </c>
      <c r="B134" s="2">
        <v>30.55</v>
      </c>
      <c r="C134">
        <v>4.8038129999999999</v>
      </c>
      <c r="D134">
        <f t="shared" ref="D134:D197" si="4">C134/1000</f>
        <v>4.8038129999999997E-3</v>
      </c>
      <c r="E134" s="6">
        <f t="shared" ref="E134:E197" si="5">D134*B134</f>
        <v>0.14675648715</v>
      </c>
    </row>
    <row r="135" spans="1:5" x14ac:dyDescent="0.25">
      <c r="A135" s="1">
        <v>43561.458333333336</v>
      </c>
      <c r="B135" s="2">
        <v>28.77</v>
      </c>
      <c r="C135">
        <v>4.667351</v>
      </c>
      <c r="D135">
        <f t="shared" si="4"/>
        <v>4.6673510000000001E-3</v>
      </c>
      <c r="E135" s="6">
        <f t="shared" si="5"/>
        <v>0.13427968827</v>
      </c>
    </row>
    <row r="136" spans="1:5" x14ac:dyDescent="0.25">
      <c r="A136" s="1">
        <v>43561.5</v>
      </c>
      <c r="B136" s="2">
        <v>26.27</v>
      </c>
      <c r="C136">
        <v>5.0556029999999996</v>
      </c>
      <c r="D136">
        <f t="shared" si="4"/>
        <v>5.0556029999999997E-3</v>
      </c>
      <c r="E136" s="6">
        <f t="shared" si="5"/>
        <v>0.13281069080999999</v>
      </c>
    </row>
    <row r="137" spans="1:5" x14ac:dyDescent="0.25">
      <c r="A137" s="1">
        <v>43561.541666666664</v>
      </c>
      <c r="B137" s="2">
        <v>25.52</v>
      </c>
      <c r="C137">
        <v>3.8175780000000001</v>
      </c>
      <c r="D137">
        <f t="shared" si="4"/>
        <v>3.8175780000000003E-3</v>
      </c>
      <c r="E137" s="6">
        <f t="shared" si="5"/>
        <v>9.742459056000001E-2</v>
      </c>
    </row>
    <row r="138" spans="1:5" x14ac:dyDescent="0.25">
      <c r="A138" s="1">
        <v>43561.583333333336</v>
      </c>
      <c r="B138" s="2">
        <v>24.79</v>
      </c>
      <c r="C138">
        <v>4.0229720000000002</v>
      </c>
      <c r="D138">
        <f t="shared" si="4"/>
        <v>4.0229720000000005E-3</v>
      </c>
      <c r="E138" s="6">
        <f t="shared" si="5"/>
        <v>9.9729475880000015E-2</v>
      </c>
    </row>
    <row r="139" spans="1:5" x14ac:dyDescent="0.25">
      <c r="A139" s="1">
        <v>43561.625</v>
      </c>
      <c r="B139" s="2">
        <v>24.31</v>
      </c>
      <c r="C139">
        <v>3.3115670000000001</v>
      </c>
      <c r="D139">
        <f t="shared" si="4"/>
        <v>3.3115670000000001E-3</v>
      </c>
      <c r="E139" s="6">
        <f t="shared" si="5"/>
        <v>8.0504193769999996E-2</v>
      </c>
    </row>
    <row r="140" spans="1:5" x14ac:dyDescent="0.25">
      <c r="A140" s="1">
        <v>43561.666666666664</v>
      </c>
      <c r="B140" s="2">
        <v>24.7</v>
      </c>
      <c r="C140">
        <v>1.7878069999999999</v>
      </c>
      <c r="D140">
        <f t="shared" si="4"/>
        <v>1.787807E-3</v>
      </c>
      <c r="E140" s="6">
        <f t="shared" si="5"/>
        <v>4.41588329E-2</v>
      </c>
    </row>
    <row r="141" spans="1:5" x14ac:dyDescent="0.25">
      <c r="A141" s="1">
        <v>43561.708333333336</v>
      </c>
      <c r="B141" s="2">
        <v>24.56</v>
      </c>
      <c r="C141">
        <v>1.9806140000000001</v>
      </c>
      <c r="D141">
        <f t="shared" si="4"/>
        <v>1.9806139999999999E-3</v>
      </c>
      <c r="E141" s="6">
        <f t="shared" si="5"/>
        <v>4.8643879839999994E-2</v>
      </c>
    </row>
    <row r="142" spans="1:5" x14ac:dyDescent="0.25">
      <c r="A142" s="1">
        <v>43561.75</v>
      </c>
      <c r="B142" s="2">
        <v>24.9</v>
      </c>
      <c r="C142">
        <v>0.66030800000000001</v>
      </c>
      <c r="D142">
        <f t="shared" si="4"/>
        <v>6.6030799999999997E-4</v>
      </c>
      <c r="E142" s="6">
        <f t="shared" si="5"/>
        <v>1.6441669199999998E-2</v>
      </c>
    </row>
    <row r="143" spans="1:5" x14ac:dyDescent="0.25">
      <c r="A143" s="1">
        <v>43561.791666666664</v>
      </c>
      <c r="B143" s="2">
        <v>28.58</v>
      </c>
      <c r="C143">
        <v>8.0060000000000006E-2</v>
      </c>
      <c r="D143">
        <f t="shared" si="4"/>
        <v>8.0060000000000003E-5</v>
      </c>
      <c r="E143" s="6">
        <f t="shared" si="5"/>
        <v>2.2881147999999998E-3</v>
      </c>
    </row>
    <row r="144" spans="1:5" x14ac:dyDescent="0.25">
      <c r="A144" s="1">
        <v>43561.833333333336</v>
      </c>
      <c r="B144" s="2">
        <v>29.92</v>
      </c>
      <c r="C144">
        <v>0</v>
      </c>
      <c r="D144">
        <f t="shared" si="4"/>
        <v>0</v>
      </c>
      <c r="E144" s="6">
        <f t="shared" si="5"/>
        <v>0</v>
      </c>
    </row>
    <row r="145" spans="1:5" x14ac:dyDescent="0.25">
      <c r="A145" s="1">
        <v>43561.875</v>
      </c>
      <c r="B145" s="2">
        <v>26.79</v>
      </c>
      <c r="C145">
        <v>0</v>
      </c>
      <c r="D145">
        <f t="shared" si="4"/>
        <v>0</v>
      </c>
      <c r="E145" s="6">
        <f t="shared" si="5"/>
        <v>0</v>
      </c>
    </row>
    <row r="146" spans="1:5" x14ac:dyDescent="0.25">
      <c r="A146" s="1">
        <v>43561.916666666664</v>
      </c>
      <c r="B146" s="2">
        <v>23.74</v>
      </c>
      <c r="C146">
        <v>0</v>
      </c>
      <c r="D146">
        <f t="shared" si="4"/>
        <v>0</v>
      </c>
      <c r="E146" s="6">
        <f t="shared" si="5"/>
        <v>0</v>
      </c>
    </row>
    <row r="147" spans="1:5" x14ac:dyDescent="0.25">
      <c r="A147" s="1">
        <v>43561.958333333336</v>
      </c>
      <c r="B147" s="2">
        <v>21.6</v>
      </c>
      <c r="C147">
        <v>0</v>
      </c>
      <c r="D147">
        <f t="shared" si="4"/>
        <v>0</v>
      </c>
      <c r="E147" s="6">
        <f t="shared" si="5"/>
        <v>0</v>
      </c>
    </row>
    <row r="148" spans="1:5" x14ac:dyDescent="0.25">
      <c r="A148" s="1">
        <v>43562</v>
      </c>
      <c r="B148" s="2">
        <v>21.82</v>
      </c>
      <c r="C148">
        <v>0</v>
      </c>
      <c r="D148">
        <f t="shared" si="4"/>
        <v>0</v>
      </c>
      <c r="E148" s="6">
        <f t="shared" si="5"/>
        <v>0</v>
      </c>
    </row>
    <row r="149" spans="1:5" x14ac:dyDescent="0.25">
      <c r="A149" s="1">
        <v>43562.041666666664</v>
      </c>
      <c r="B149" s="2">
        <v>20.72</v>
      </c>
      <c r="C149">
        <v>0</v>
      </c>
      <c r="D149">
        <f t="shared" si="4"/>
        <v>0</v>
      </c>
      <c r="E149" s="6">
        <f t="shared" si="5"/>
        <v>0</v>
      </c>
    </row>
    <row r="150" spans="1:5" x14ac:dyDescent="0.25">
      <c r="A150" s="1">
        <v>43562.083333333336</v>
      </c>
      <c r="B150" s="2">
        <v>20.65</v>
      </c>
      <c r="C150">
        <v>0</v>
      </c>
      <c r="D150">
        <f t="shared" si="4"/>
        <v>0</v>
      </c>
      <c r="E150" s="6">
        <f t="shared" si="5"/>
        <v>0</v>
      </c>
    </row>
    <row r="151" spans="1:5" x14ac:dyDescent="0.25">
      <c r="A151" s="1">
        <v>43562.125</v>
      </c>
      <c r="B151" s="2">
        <v>19.57</v>
      </c>
      <c r="C151">
        <v>0</v>
      </c>
      <c r="D151">
        <f t="shared" si="4"/>
        <v>0</v>
      </c>
      <c r="E151" s="6">
        <f t="shared" si="5"/>
        <v>0</v>
      </c>
    </row>
    <row r="152" spans="1:5" x14ac:dyDescent="0.25">
      <c r="A152" s="1">
        <v>43562.166666666664</v>
      </c>
      <c r="B152" s="2">
        <v>20.100000000000001</v>
      </c>
      <c r="C152">
        <v>0</v>
      </c>
      <c r="D152">
        <f t="shared" si="4"/>
        <v>0</v>
      </c>
      <c r="E152" s="6">
        <f t="shared" si="5"/>
        <v>0</v>
      </c>
    </row>
    <row r="153" spans="1:5" x14ac:dyDescent="0.25">
      <c r="A153" s="1">
        <v>43562.208333333336</v>
      </c>
      <c r="B153" s="2">
        <v>20.75</v>
      </c>
      <c r="C153">
        <v>0</v>
      </c>
      <c r="D153">
        <f t="shared" si="4"/>
        <v>0</v>
      </c>
      <c r="E153" s="6">
        <f t="shared" si="5"/>
        <v>0</v>
      </c>
    </row>
    <row r="154" spans="1:5" x14ac:dyDescent="0.25">
      <c r="A154" s="1">
        <v>43562.25</v>
      </c>
      <c r="B154" s="2">
        <v>21.65</v>
      </c>
      <c r="C154">
        <v>0</v>
      </c>
      <c r="D154">
        <f t="shared" si="4"/>
        <v>0</v>
      </c>
      <c r="E154" s="6">
        <f t="shared" si="5"/>
        <v>0</v>
      </c>
    </row>
    <row r="155" spans="1:5" x14ac:dyDescent="0.25">
      <c r="A155" s="1">
        <v>43562.291666666664</v>
      </c>
      <c r="B155" s="2">
        <v>22.3</v>
      </c>
      <c r="C155">
        <v>0.17782200000000001</v>
      </c>
      <c r="D155">
        <f t="shared" si="4"/>
        <v>1.7782200000000001E-4</v>
      </c>
      <c r="E155" s="6">
        <f t="shared" si="5"/>
        <v>3.9654306E-3</v>
      </c>
    </row>
    <row r="156" spans="1:5" x14ac:dyDescent="0.25">
      <c r="A156" s="1">
        <v>43562.333333333336</v>
      </c>
      <c r="B156" s="2">
        <v>23.89</v>
      </c>
      <c r="C156">
        <v>1.890725</v>
      </c>
      <c r="D156">
        <f t="shared" si="4"/>
        <v>1.890725E-3</v>
      </c>
      <c r="E156" s="6">
        <f t="shared" si="5"/>
        <v>4.5169420250000002E-2</v>
      </c>
    </row>
    <row r="157" spans="1:5" x14ac:dyDescent="0.25">
      <c r="A157" s="1">
        <v>43562.375</v>
      </c>
      <c r="B157" s="2">
        <v>25.68</v>
      </c>
      <c r="C157">
        <v>2.548702</v>
      </c>
      <c r="D157">
        <f t="shared" si="4"/>
        <v>2.5487019999999999E-3</v>
      </c>
      <c r="E157" s="6">
        <f t="shared" si="5"/>
        <v>6.5450667359999992E-2</v>
      </c>
    </row>
    <row r="158" spans="1:5" x14ac:dyDescent="0.25">
      <c r="A158" s="1">
        <v>43562.416666666664</v>
      </c>
      <c r="B158" s="2">
        <v>25.51</v>
      </c>
      <c r="C158">
        <v>1.25847</v>
      </c>
      <c r="D158">
        <f t="shared" si="4"/>
        <v>1.25847E-3</v>
      </c>
      <c r="E158" s="6">
        <f t="shared" si="5"/>
        <v>3.2103569700000001E-2</v>
      </c>
    </row>
    <row r="159" spans="1:5" x14ac:dyDescent="0.25">
      <c r="A159" s="1">
        <v>43562.458333333336</v>
      </c>
      <c r="B159" s="2">
        <v>25.78</v>
      </c>
      <c r="C159">
        <v>2.8329789999999999</v>
      </c>
      <c r="D159">
        <f t="shared" si="4"/>
        <v>2.8329789999999998E-3</v>
      </c>
      <c r="E159" s="6">
        <f t="shared" si="5"/>
        <v>7.3034198620000004E-2</v>
      </c>
    </row>
    <row r="160" spans="1:5" x14ac:dyDescent="0.25">
      <c r="A160" s="1">
        <v>43562.5</v>
      </c>
      <c r="B160" s="2">
        <v>25.51</v>
      </c>
      <c r="C160">
        <v>3.9509050000000001</v>
      </c>
      <c r="D160">
        <f t="shared" si="4"/>
        <v>3.9509050000000002E-3</v>
      </c>
      <c r="E160" s="6">
        <f t="shared" si="5"/>
        <v>0.10078758655000002</v>
      </c>
    </row>
    <row r="161" spans="1:5" x14ac:dyDescent="0.25">
      <c r="A161" s="1">
        <v>43562.541666666664</v>
      </c>
      <c r="B161" s="2">
        <v>25.4</v>
      </c>
      <c r="C161">
        <v>2.525655</v>
      </c>
      <c r="D161">
        <f t="shared" si="4"/>
        <v>2.5256549999999999E-3</v>
      </c>
      <c r="E161" s="6">
        <f t="shared" si="5"/>
        <v>6.4151636999999997E-2</v>
      </c>
    </row>
    <row r="162" spans="1:5" x14ac:dyDescent="0.25">
      <c r="A162" s="1">
        <v>43562.583333333336</v>
      </c>
      <c r="B162" s="2">
        <v>25.49</v>
      </c>
      <c r="C162">
        <v>6.5685929999999999</v>
      </c>
      <c r="D162">
        <f t="shared" si="4"/>
        <v>6.5685930000000002E-3</v>
      </c>
      <c r="E162" s="6">
        <f t="shared" si="5"/>
        <v>0.16743343556999998</v>
      </c>
    </row>
    <row r="163" spans="1:5" x14ac:dyDescent="0.25">
      <c r="A163" s="1">
        <v>43562.625</v>
      </c>
      <c r="B163" s="2">
        <v>24.76</v>
      </c>
      <c r="C163">
        <v>6.0941809999999998</v>
      </c>
      <c r="D163">
        <f t="shared" si="4"/>
        <v>6.0941809999999997E-3</v>
      </c>
      <c r="E163" s="6">
        <f t="shared" si="5"/>
        <v>0.15089192156</v>
      </c>
    </row>
    <row r="164" spans="1:5" x14ac:dyDescent="0.25">
      <c r="A164" s="1">
        <v>43562.666666666664</v>
      </c>
      <c r="B164" s="2">
        <v>25.66</v>
      </c>
      <c r="C164">
        <v>2.8987469999999997</v>
      </c>
      <c r="D164">
        <f t="shared" si="4"/>
        <v>2.8987469999999997E-3</v>
      </c>
      <c r="E164" s="6">
        <f t="shared" si="5"/>
        <v>7.4381848019999988E-2</v>
      </c>
    </row>
    <row r="165" spans="1:5" x14ac:dyDescent="0.25">
      <c r="A165" s="1">
        <v>43562.708333333336</v>
      </c>
      <c r="B165" s="2">
        <v>26.71</v>
      </c>
      <c r="C165">
        <v>3.2147860000000001</v>
      </c>
      <c r="D165">
        <f t="shared" si="4"/>
        <v>3.2147860000000003E-3</v>
      </c>
      <c r="E165" s="6">
        <f t="shared" si="5"/>
        <v>8.5866934060000011E-2</v>
      </c>
    </row>
    <row r="166" spans="1:5" x14ac:dyDescent="0.25">
      <c r="A166" s="1">
        <v>43562.75</v>
      </c>
      <c r="B166" s="2">
        <v>26.26</v>
      </c>
      <c r="C166">
        <v>1.1058950000000001</v>
      </c>
      <c r="D166">
        <f t="shared" si="4"/>
        <v>1.105895E-3</v>
      </c>
      <c r="E166" s="6">
        <f t="shared" si="5"/>
        <v>2.90408027E-2</v>
      </c>
    </row>
    <row r="167" spans="1:5" x14ac:dyDescent="0.25">
      <c r="A167" s="1">
        <v>43562.791666666664</v>
      </c>
      <c r="B167" s="2">
        <v>31.48</v>
      </c>
      <c r="C167">
        <v>0.203954</v>
      </c>
      <c r="D167">
        <f t="shared" si="4"/>
        <v>2.0395400000000001E-4</v>
      </c>
      <c r="E167" s="6">
        <f t="shared" si="5"/>
        <v>6.4204719200000003E-3</v>
      </c>
    </row>
    <row r="168" spans="1:5" x14ac:dyDescent="0.25">
      <c r="A168" s="1">
        <v>43562.833333333336</v>
      </c>
      <c r="B168" s="2">
        <v>38.49</v>
      </c>
      <c r="C168">
        <v>0</v>
      </c>
      <c r="D168">
        <f t="shared" si="4"/>
        <v>0</v>
      </c>
      <c r="E168" s="6">
        <f t="shared" si="5"/>
        <v>0</v>
      </c>
    </row>
    <row r="169" spans="1:5" x14ac:dyDescent="0.25">
      <c r="A169" s="1">
        <v>43562.875</v>
      </c>
      <c r="B169" s="2">
        <v>30.27</v>
      </c>
      <c r="C169">
        <v>0</v>
      </c>
      <c r="D169">
        <f t="shared" si="4"/>
        <v>0</v>
      </c>
      <c r="E169" s="6">
        <f t="shared" si="5"/>
        <v>0</v>
      </c>
    </row>
    <row r="170" spans="1:5" x14ac:dyDescent="0.25">
      <c r="A170" s="1">
        <v>43562.916666666664</v>
      </c>
      <c r="B170" s="2">
        <v>24.98</v>
      </c>
      <c r="C170">
        <v>0</v>
      </c>
      <c r="D170">
        <f t="shared" si="4"/>
        <v>0</v>
      </c>
      <c r="E170" s="6">
        <f t="shared" si="5"/>
        <v>0</v>
      </c>
    </row>
    <row r="171" spans="1:5" x14ac:dyDescent="0.25">
      <c r="A171" s="1">
        <v>43562.958333333336</v>
      </c>
      <c r="B171" s="2">
        <v>23.4</v>
      </c>
      <c r="C171">
        <v>0</v>
      </c>
      <c r="D171">
        <f t="shared" si="4"/>
        <v>0</v>
      </c>
      <c r="E171" s="6">
        <f t="shared" si="5"/>
        <v>0</v>
      </c>
    </row>
    <row r="172" spans="1:5" x14ac:dyDescent="0.25">
      <c r="A172" s="1">
        <v>43563</v>
      </c>
      <c r="B172" s="2">
        <v>22.49</v>
      </c>
      <c r="C172">
        <v>0</v>
      </c>
      <c r="D172">
        <f t="shared" si="4"/>
        <v>0</v>
      </c>
      <c r="E172" s="6">
        <f t="shared" si="5"/>
        <v>0</v>
      </c>
    </row>
    <row r="173" spans="1:5" x14ac:dyDescent="0.25">
      <c r="A173" s="1">
        <v>43563.041666666664</v>
      </c>
      <c r="B173" s="2">
        <v>21.28</v>
      </c>
      <c r="C173">
        <v>0</v>
      </c>
      <c r="D173">
        <f t="shared" si="4"/>
        <v>0</v>
      </c>
      <c r="E173" s="6">
        <f t="shared" si="5"/>
        <v>0</v>
      </c>
    </row>
    <row r="174" spans="1:5" x14ac:dyDescent="0.25">
      <c r="A174" s="1">
        <v>43563.083333333336</v>
      </c>
      <c r="B174" s="2">
        <v>21.22</v>
      </c>
      <c r="C174">
        <v>0</v>
      </c>
      <c r="D174">
        <f t="shared" si="4"/>
        <v>0</v>
      </c>
      <c r="E174" s="6">
        <f t="shared" si="5"/>
        <v>0</v>
      </c>
    </row>
    <row r="175" spans="1:5" x14ac:dyDescent="0.25">
      <c r="A175" s="1">
        <v>43563.125</v>
      </c>
      <c r="B175" s="2">
        <v>21.06</v>
      </c>
      <c r="C175">
        <v>0</v>
      </c>
      <c r="D175">
        <f t="shared" si="4"/>
        <v>0</v>
      </c>
      <c r="E175" s="6">
        <f t="shared" si="5"/>
        <v>0</v>
      </c>
    </row>
    <row r="176" spans="1:5" x14ac:dyDescent="0.25">
      <c r="A176" s="1">
        <v>43563.166666666664</v>
      </c>
      <c r="B176" s="2">
        <v>21.26</v>
      </c>
      <c r="C176">
        <v>0</v>
      </c>
      <c r="D176">
        <f t="shared" si="4"/>
        <v>0</v>
      </c>
      <c r="E176" s="6">
        <f t="shared" si="5"/>
        <v>0</v>
      </c>
    </row>
    <row r="177" spans="1:5" x14ac:dyDescent="0.25">
      <c r="A177" s="1">
        <v>43563.208333333336</v>
      </c>
      <c r="B177" s="2">
        <v>24.32</v>
      </c>
      <c r="C177">
        <v>0</v>
      </c>
      <c r="D177">
        <f t="shared" si="4"/>
        <v>0</v>
      </c>
      <c r="E177" s="6">
        <f t="shared" si="5"/>
        <v>0</v>
      </c>
    </row>
    <row r="178" spans="1:5" x14ac:dyDescent="0.25">
      <c r="A178" s="1">
        <v>43563.25</v>
      </c>
      <c r="B178" s="2">
        <v>35.06</v>
      </c>
      <c r="C178">
        <v>0</v>
      </c>
      <c r="D178">
        <f t="shared" si="4"/>
        <v>0</v>
      </c>
      <c r="E178" s="6">
        <f t="shared" si="5"/>
        <v>0</v>
      </c>
    </row>
    <row r="179" spans="1:5" x14ac:dyDescent="0.25">
      <c r="A179" s="1">
        <v>43563.291666666664</v>
      </c>
      <c r="B179" s="2">
        <v>35.9</v>
      </c>
      <c r="C179">
        <v>0.18770699999999998</v>
      </c>
      <c r="D179">
        <f t="shared" si="4"/>
        <v>1.8770699999999998E-4</v>
      </c>
      <c r="E179" s="6">
        <f t="shared" si="5"/>
        <v>6.7386812999999995E-3</v>
      </c>
    </row>
    <row r="180" spans="1:5" x14ac:dyDescent="0.25">
      <c r="A180" s="1">
        <v>43563.333333333336</v>
      </c>
      <c r="B180" s="2">
        <v>36.32</v>
      </c>
      <c r="C180">
        <v>1.8776780000000002</v>
      </c>
      <c r="D180">
        <f t="shared" si="4"/>
        <v>1.8776780000000002E-3</v>
      </c>
      <c r="E180" s="6">
        <f t="shared" si="5"/>
        <v>6.8197264960000004E-2</v>
      </c>
    </row>
    <row r="181" spans="1:5" x14ac:dyDescent="0.25">
      <c r="A181" s="1">
        <v>43563.375</v>
      </c>
      <c r="B181" s="2">
        <v>38.06</v>
      </c>
      <c r="C181">
        <v>4.2221250000000001</v>
      </c>
      <c r="D181">
        <f t="shared" si="4"/>
        <v>4.2221250000000002E-3</v>
      </c>
      <c r="E181" s="6">
        <f t="shared" si="5"/>
        <v>0.1606940775</v>
      </c>
    </row>
    <row r="182" spans="1:5" x14ac:dyDescent="0.25">
      <c r="A182" s="1">
        <v>43563.416666666664</v>
      </c>
      <c r="B182" s="2">
        <v>38.83</v>
      </c>
      <c r="C182">
        <v>6.1454339999999998</v>
      </c>
      <c r="D182">
        <f t="shared" si="4"/>
        <v>6.145434E-3</v>
      </c>
      <c r="E182" s="6">
        <f t="shared" si="5"/>
        <v>0.23862720222</v>
      </c>
    </row>
    <row r="183" spans="1:5" x14ac:dyDescent="0.25">
      <c r="A183" s="1">
        <v>43563.458333333336</v>
      </c>
      <c r="B183" s="2">
        <v>39.840000000000003</v>
      </c>
      <c r="C183">
        <v>7.4818389999999999</v>
      </c>
      <c r="D183">
        <f t="shared" si="4"/>
        <v>7.4818389999999997E-3</v>
      </c>
      <c r="E183" s="6">
        <f t="shared" si="5"/>
        <v>0.29807646576000002</v>
      </c>
    </row>
    <row r="184" spans="1:5" x14ac:dyDescent="0.25">
      <c r="A184" s="1">
        <v>43563.5</v>
      </c>
      <c r="B184" s="2">
        <v>42.75</v>
      </c>
      <c r="C184">
        <v>6.5453729999999997</v>
      </c>
      <c r="D184">
        <f t="shared" si="4"/>
        <v>6.5453729999999993E-3</v>
      </c>
      <c r="E184" s="6">
        <f t="shared" si="5"/>
        <v>0.27981469574999995</v>
      </c>
    </row>
    <row r="185" spans="1:5" x14ac:dyDescent="0.25">
      <c r="A185" s="1">
        <v>43563.541666666664</v>
      </c>
      <c r="B185" s="2">
        <v>41.88</v>
      </c>
      <c r="C185">
        <v>7.0950280000000001</v>
      </c>
      <c r="D185">
        <f t="shared" si="4"/>
        <v>7.0950279999999998E-3</v>
      </c>
      <c r="E185" s="6">
        <f t="shared" si="5"/>
        <v>0.29713977264000002</v>
      </c>
    </row>
    <row r="186" spans="1:5" x14ac:dyDescent="0.25">
      <c r="A186" s="1">
        <v>43563.583333333336</v>
      </c>
      <c r="B186" s="2">
        <v>40.71</v>
      </c>
      <c r="C186">
        <v>6.8265000000000002</v>
      </c>
      <c r="D186">
        <f t="shared" si="4"/>
        <v>6.8265000000000001E-3</v>
      </c>
      <c r="E186" s="6">
        <f t="shared" si="5"/>
        <v>0.27790681500000003</v>
      </c>
    </row>
    <row r="187" spans="1:5" x14ac:dyDescent="0.25">
      <c r="A187" s="1">
        <v>43563.625</v>
      </c>
      <c r="B187" s="2">
        <v>38.89</v>
      </c>
      <c r="C187">
        <v>6.6319210000000002</v>
      </c>
      <c r="D187">
        <f t="shared" si="4"/>
        <v>6.6319209999999998E-3</v>
      </c>
      <c r="E187" s="6">
        <f t="shared" si="5"/>
        <v>0.25791540768999999</v>
      </c>
    </row>
    <row r="188" spans="1:5" x14ac:dyDescent="0.25">
      <c r="A188" s="1">
        <v>43563.666666666664</v>
      </c>
      <c r="B188" s="2">
        <v>39.270000000000003</v>
      </c>
      <c r="C188">
        <v>4.132161</v>
      </c>
      <c r="D188">
        <f t="shared" si="4"/>
        <v>4.1321609999999996E-3</v>
      </c>
      <c r="E188" s="6">
        <f t="shared" si="5"/>
        <v>0.16226996247</v>
      </c>
    </row>
    <row r="189" spans="1:5" x14ac:dyDescent="0.25">
      <c r="A189" s="1">
        <v>43563.708333333336</v>
      </c>
      <c r="B189" s="2">
        <v>38.700000000000003</v>
      </c>
      <c r="C189">
        <v>4.2534999999999998</v>
      </c>
      <c r="D189">
        <f t="shared" si="4"/>
        <v>4.2534999999999995E-3</v>
      </c>
      <c r="E189" s="6">
        <f t="shared" si="5"/>
        <v>0.16461044999999999</v>
      </c>
    </row>
    <row r="190" spans="1:5" x14ac:dyDescent="0.25">
      <c r="A190" s="1">
        <v>43563.75</v>
      </c>
      <c r="B190" s="2">
        <v>39.33</v>
      </c>
      <c r="C190">
        <v>2.0685160000000002</v>
      </c>
      <c r="D190">
        <f t="shared" si="4"/>
        <v>2.0685160000000003E-3</v>
      </c>
      <c r="E190" s="6">
        <f t="shared" si="5"/>
        <v>8.1354734280000007E-2</v>
      </c>
    </row>
    <row r="191" spans="1:5" x14ac:dyDescent="0.25">
      <c r="A191" s="1">
        <v>43563.791666666664</v>
      </c>
      <c r="B191" s="2">
        <v>41.38</v>
      </c>
      <c r="C191">
        <v>0.34133400000000003</v>
      </c>
      <c r="D191">
        <f t="shared" si="4"/>
        <v>3.4133400000000005E-4</v>
      </c>
      <c r="E191" s="6">
        <f t="shared" si="5"/>
        <v>1.4124400920000004E-2</v>
      </c>
    </row>
    <row r="192" spans="1:5" x14ac:dyDescent="0.25">
      <c r="A192" s="1">
        <v>43563.833333333336</v>
      </c>
      <c r="B192" s="2">
        <v>40.98</v>
      </c>
      <c r="C192">
        <v>0</v>
      </c>
      <c r="D192">
        <f t="shared" si="4"/>
        <v>0</v>
      </c>
      <c r="E192" s="6">
        <f t="shared" si="5"/>
        <v>0</v>
      </c>
    </row>
    <row r="193" spans="1:5" x14ac:dyDescent="0.25">
      <c r="A193" s="1">
        <v>43563.875</v>
      </c>
      <c r="B193" s="2">
        <v>38.229999999999997</v>
      </c>
      <c r="C193">
        <v>0</v>
      </c>
      <c r="D193">
        <f t="shared" si="4"/>
        <v>0</v>
      </c>
      <c r="E193" s="6">
        <f t="shared" si="5"/>
        <v>0</v>
      </c>
    </row>
    <row r="194" spans="1:5" x14ac:dyDescent="0.25">
      <c r="A194" s="1">
        <v>43563.916666666664</v>
      </c>
      <c r="B194" s="2">
        <v>28.36</v>
      </c>
      <c r="C194">
        <v>0</v>
      </c>
      <c r="D194">
        <f t="shared" si="4"/>
        <v>0</v>
      </c>
      <c r="E194" s="6">
        <f t="shared" si="5"/>
        <v>0</v>
      </c>
    </row>
    <row r="195" spans="1:5" x14ac:dyDescent="0.25">
      <c r="A195" s="1">
        <v>43563.958333333336</v>
      </c>
      <c r="B195" s="2">
        <v>24.77</v>
      </c>
      <c r="C195">
        <v>0</v>
      </c>
      <c r="D195">
        <f t="shared" si="4"/>
        <v>0</v>
      </c>
      <c r="E195" s="6">
        <f t="shared" si="5"/>
        <v>0</v>
      </c>
    </row>
    <row r="196" spans="1:5" x14ac:dyDescent="0.25">
      <c r="A196" s="1">
        <v>43564</v>
      </c>
      <c r="B196" s="2">
        <v>22.62</v>
      </c>
      <c r="C196">
        <v>0</v>
      </c>
      <c r="D196">
        <f t="shared" si="4"/>
        <v>0</v>
      </c>
      <c r="E196" s="6">
        <f t="shared" si="5"/>
        <v>0</v>
      </c>
    </row>
    <row r="197" spans="1:5" x14ac:dyDescent="0.25">
      <c r="A197" s="1">
        <v>43564.041666666664</v>
      </c>
      <c r="B197" s="2">
        <v>21.01</v>
      </c>
      <c r="C197">
        <v>0</v>
      </c>
      <c r="D197">
        <f t="shared" si="4"/>
        <v>0</v>
      </c>
      <c r="E197" s="6">
        <f t="shared" si="5"/>
        <v>0</v>
      </c>
    </row>
    <row r="198" spans="1:5" x14ac:dyDescent="0.25">
      <c r="A198" s="1">
        <v>43564.083333333336</v>
      </c>
      <c r="B198" s="2">
        <v>19.96</v>
      </c>
      <c r="C198">
        <v>0</v>
      </c>
      <c r="D198">
        <f t="shared" ref="D198:D261" si="6">C198/1000</f>
        <v>0</v>
      </c>
      <c r="E198" s="6">
        <f t="shared" ref="E198:E261" si="7">D198*B198</f>
        <v>0</v>
      </c>
    </row>
    <row r="199" spans="1:5" x14ac:dyDescent="0.25">
      <c r="A199" s="1">
        <v>43564.125</v>
      </c>
      <c r="B199" s="2">
        <v>19.97</v>
      </c>
      <c r="C199">
        <v>0</v>
      </c>
      <c r="D199">
        <f t="shared" si="6"/>
        <v>0</v>
      </c>
      <c r="E199" s="6">
        <f t="shared" si="7"/>
        <v>0</v>
      </c>
    </row>
    <row r="200" spans="1:5" x14ac:dyDescent="0.25">
      <c r="A200" s="1">
        <v>43564.166666666664</v>
      </c>
      <c r="B200" s="2">
        <v>20.46</v>
      </c>
      <c r="C200">
        <v>0</v>
      </c>
      <c r="D200">
        <f t="shared" si="6"/>
        <v>0</v>
      </c>
      <c r="E200" s="6">
        <f t="shared" si="7"/>
        <v>0</v>
      </c>
    </row>
    <row r="201" spans="1:5" x14ac:dyDescent="0.25">
      <c r="A201" s="1">
        <v>43564.208333333336</v>
      </c>
      <c r="B201" s="2">
        <v>24.39</v>
      </c>
      <c r="C201">
        <v>0</v>
      </c>
      <c r="D201">
        <f t="shared" si="6"/>
        <v>0</v>
      </c>
      <c r="E201" s="6">
        <f t="shared" si="7"/>
        <v>0</v>
      </c>
    </row>
    <row r="202" spans="1:5" x14ac:dyDescent="0.25">
      <c r="A202" s="1">
        <v>43564.25</v>
      </c>
      <c r="B202" s="2">
        <v>33.159999999999997</v>
      </c>
      <c r="C202">
        <v>0</v>
      </c>
      <c r="D202">
        <f t="shared" si="6"/>
        <v>0</v>
      </c>
      <c r="E202" s="6">
        <f t="shared" si="7"/>
        <v>0</v>
      </c>
    </row>
    <row r="203" spans="1:5" x14ac:dyDescent="0.25">
      <c r="A203" s="1">
        <v>43564.291666666664</v>
      </c>
      <c r="B203" s="2">
        <v>34.729999999999997</v>
      </c>
      <c r="C203">
        <v>0.21113499999999999</v>
      </c>
      <c r="D203">
        <f t="shared" si="6"/>
        <v>2.1113499999999999E-4</v>
      </c>
      <c r="E203" s="6">
        <f t="shared" si="7"/>
        <v>7.3327185499999989E-3</v>
      </c>
    </row>
    <row r="204" spans="1:5" x14ac:dyDescent="0.25">
      <c r="A204" s="1">
        <v>43564.333333333336</v>
      </c>
      <c r="B204" s="2">
        <v>31.13</v>
      </c>
      <c r="C204">
        <v>1.8637360000000001</v>
      </c>
      <c r="D204">
        <f t="shared" si="6"/>
        <v>1.863736E-3</v>
      </c>
      <c r="E204" s="6">
        <f t="shared" si="7"/>
        <v>5.8018101679999996E-2</v>
      </c>
    </row>
    <row r="205" spans="1:5" x14ac:dyDescent="0.25">
      <c r="A205" s="1">
        <v>43564.375</v>
      </c>
      <c r="B205" s="2">
        <v>31.16</v>
      </c>
      <c r="C205">
        <v>3.3606989999999999</v>
      </c>
      <c r="D205">
        <f t="shared" si="6"/>
        <v>3.360699E-3</v>
      </c>
      <c r="E205" s="6">
        <f t="shared" si="7"/>
        <v>0.10471938084</v>
      </c>
    </row>
    <row r="206" spans="1:5" x14ac:dyDescent="0.25">
      <c r="A206" s="1">
        <v>43564.416666666664</v>
      </c>
      <c r="B206" s="2">
        <v>32.64</v>
      </c>
      <c r="C206">
        <v>6.0181019999999998</v>
      </c>
      <c r="D206">
        <f t="shared" si="6"/>
        <v>6.018102E-3</v>
      </c>
      <c r="E206" s="6">
        <f t="shared" si="7"/>
        <v>0.19643084928000001</v>
      </c>
    </row>
    <row r="207" spans="1:5" x14ac:dyDescent="0.25">
      <c r="A207" s="1">
        <v>43564.458333333336</v>
      </c>
      <c r="B207" s="2">
        <v>32.03</v>
      </c>
      <c r="C207">
        <v>3.09389</v>
      </c>
      <c r="D207">
        <f t="shared" si="6"/>
        <v>3.0938900000000002E-3</v>
      </c>
      <c r="E207" s="6">
        <f t="shared" si="7"/>
        <v>9.9097296700000004E-2</v>
      </c>
    </row>
    <row r="208" spans="1:5" x14ac:dyDescent="0.25">
      <c r="A208" s="1">
        <v>43564.5</v>
      </c>
      <c r="B208" s="2">
        <v>32.96</v>
      </c>
      <c r="C208">
        <v>4.8316400000000002</v>
      </c>
      <c r="D208">
        <f t="shared" si="6"/>
        <v>4.8316399999999999E-3</v>
      </c>
      <c r="E208" s="6">
        <f t="shared" si="7"/>
        <v>0.1592508544</v>
      </c>
    </row>
    <row r="209" spans="1:5" x14ac:dyDescent="0.25">
      <c r="A209" s="1">
        <v>43564.541666666664</v>
      </c>
      <c r="B209" s="2">
        <v>33.4</v>
      </c>
      <c r="C209">
        <v>7.3804470000000002</v>
      </c>
      <c r="D209">
        <f t="shared" si="6"/>
        <v>7.380447E-3</v>
      </c>
      <c r="E209" s="6">
        <f t="shared" si="7"/>
        <v>0.2465069298</v>
      </c>
    </row>
    <row r="210" spans="1:5" x14ac:dyDescent="0.25">
      <c r="A210" s="1">
        <v>43564.583333333336</v>
      </c>
      <c r="B210" s="2">
        <v>32.880000000000003</v>
      </c>
      <c r="C210">
        <v>6.9911049999999992</v>
      </c>
      <c r="D210">
        <f t="shared" si="6"/>
        <v>6.9911049999999992E-3</v>
      </c>
      <c r="E210" s="6">
        <f t="shared" si="7"/>
        <v>0.22986753239999999</v>
      </c>
    </row>
    <row r="211" spans="1:5" x14ac:dyDescent="0.25">
      <c r="A211" s="1">
        <v>43564.625</v>
      </c>
      <c r="B211" s="2">
        <v>34.33</v>
      </c>
      <c r="C211">
        <v>5.922275</v>
      </c>
      <c r="D211">
        <f t="shared" si="6"/>
        <v>5.9222750000000003E-3</v>
      </c>
      <c r="E211" s="6">
        <f t="shared" si="7"/>
        <v>0.20331170074999999</v>
      </c>
    </row>
    <row r="212" spans="1:5" x14ac:dyDescent="0.25">
      <c r="A212" s="1">
        <v>43564.666666666664</v>
      </c>
      <c r="B212" s="2">
        <v>32.32</v>
      </c>
      <c r="C212">
        <v>5.1602899999999998</v>
      </c>
      <c r="D212">
        <f t="shared" si="6"/>
        <v>5.1602899999999997E-3</v>
      </c>
      <c r="E212" s="6">
        <f t="shared" si="7"/>
        <v>0.1667805728</v>
      </c>
    </row>
    <row r="213" spans="1:5" x14ac:dyDescent="0.25">
      <c r="A213" s="1">
        <v>43564.708333333336</v>
      </c>
      <c r="B213" s="2">
        <v>32.119999999999997</v>
      </c>
      <c r="C213">
        <v>4.1762949999999996</v>
      </c>
      <c r="D213">
        <f t="shared" si="6"/>
        <v>4.176295E-3</v>
      </c>
      <c r="E213" s="6">
        <f t="shared" si="7"/>
        <v>0.13414259539999998</v>
      </c>
    </row>
    <row r="214" spans="1:5" x14ac:dyDescent="0.25">
      <c r="A214" s="1">
        <v>43564.75</v>
      </c>
      <c r="B214" s="2">
        <v>31.25</v>
      </c>
      <c r="C214">
        <v>2.029782</v>
      </c>
      <c r="D214">
        <f t="shared" si="6"/>
        <v>2.0297819999999999E-3</v>
      </c>
      <c r="E214" s="6">
        <f t="shared" si="7"/>
        <v>6.3430687499999999E-2</v>
      </c>
    </row>
    <row r="215" spans="1:5" x14ac:dyDescent="0.25">
      <c r="A215" s="1">
        <v>43564.791666666664</v>
      </c>
      <c r="B215" s="2">
        <v>33.01</v>
      </c>
      <c r="C215">
        <v>0.33840100000000001</v>
      </c>
      <c r="D215">
        <f t="shared" si="6"/>
        <v>3.38401E-4</v>
      </c>
      <c r="E215" s="6">
        <f t="shared" si="7"/>
        <v>1.117061701E-2</v>
      </c>
    </row>
    <row r="216" spans="1:5" x14ac:dyDescent="0.25">
      <c r="A216" s="1">
        <v>43564.833333333336</v>
      </c>
      <c r="B216" s="2">
        <v>40.56</v>
      </c>
      <c r="C216">
        <v>0</v>
      </c>
      <c r="D216">
        <f t="shared" si="6"/>
        <v>0</v>
      </c>
      <c r="E216" s="6">
        <f t="shared" si="7"/>
        <v>0</v>
      </c>
    </row>
    <row r="217" spans="1:5" x14ac:dyDescent="0.25">
      <c r="A217" s="1">
        <v>43564.875</v>
      </c>
      <c r="B217" s="2">
        <v>35.99</v>
      </c>
      <c r="C217">
        <v>0</v>
      </c>
      <c r="D217">
        <f t="shared" si="6"/>
        <v>0</v>
      </c>
      <c r="E217" s="6">
        <f t="shared" si="7"/>
        <v>0</v>
      </c>
    </row>
    <row r="218" spans="1:5" x14ac:dyDescent="0.25">
      <c r="A218" s="1">
        <v>43564.916666666664</v>
      </c>
      <c r="B218" s="2">
        <v>26.27</v>
      </c>
      <c r="C218">
        <v>0</v>
      </c>
      <c r="D218">
        <f t="shared" si="6"/>
        <v>0</v>
      </c>
      <c r="E218" s="6">
        <f t="shared" si="7"/>
        <v>0</v>
      </c>
    </row>
    <row r="219" spans="1:5" x14ac:dyDescent="0.25">
      <c r="A219" s="1">
        <v>43564.958333333336</v>
      </c>
      <c r="B219" s="2">
        <v>23.6</v>
      </c>
      <c r="C219">
        <v>0</v>
      </c>
      <c r="D219">
        <f t="shared" si="6"/>
        <v>0</v>
      </c>
      <c r="E219" s="6">
        <f t="shared" si="7"/>
        <v>0</v>
      </c>
    </row>
    <row r="220" spans="1:5" x14ac:dyDescent="0.25">
      <c r="A220" s="1">
        <v>43565</v>
      </c>
      <c r="B220" s="2">
        <v>22.03</v>
      </c>
      <c r="C220">
        <v>0</v>
      </c>
      <c r="D220">
        <f t="shared" si="6"/>
        <v>0</v>
      </c>
      <c r="E220" s="6">
        <f t="shared" si="7"/>
        <v>0</v>
      </c>
    </row>
    <row r="221" spans="1:5" x14ac:dyDescent="0.25">
      <c r="A221" s="1">
        <v>43565.041666666664</v>
      </c>
      <c r="B221" s="2">
        <v>21.16</v>
      </c>
      <c r="C221">
        <v>0</v>
      </c>
      <c r="D221">
        <f t="shared" si="6"/>
        <v>0</v>
      </c>
      <c r="E221" s="6">
        <f t="shared" si="7"/>
        <v>0</v>
      </c>
    </row>
    <row r="222" spans="1:5" x14ac:dyDescent="0.25">
      <c r="A222" s="1">
        <v>43565.083333333336</v>
      </c>
      <c r="B222" s="2">
        <v>20.5</v>
      </c>
      <c r="C222">
        <v>0</v>
      </c>
      <c r="D222">
        <f t="shared" si="6"/>
        <v>0</v>
      </c>
      <c r="E222" s="6">
        <f t="shared" si="7"/>
        <v>0</v>
      </c>
    </row>
    <row r="223" spans="1:5" x14ac:dyDescent="0.25">
      <c r="A223" s="1">
        <v>43565.125</v>
      </c>
      <c r="B223" s="2">
        <v>20.350000000000001</v>
      </c>
      <c r="C223">
        <v>0</v>
      </c>
      <c r="D223">
        <f t="shared" si="6"/>
        <v>0</v>
      </c>
      <c r="E223" s="6">
        <f t="shared" si="7"/>
        <v>0</v>
      </c>
    </row>
    <row r="224" spans="1:5" x14ac:dyDescent="0.25">
      <c r="A224" s="1">
        <v>43565.166666666664</v>
      </c>
      <c r="B224" s="2">
        <v>21.16</v>
      </c>
      <c r="C224">
        <v>0</v>
      </c>
      <c r="D224">
        <f t="shared" si="6"/>
        <v>0</v>
      </c>
      <c r="E224" s="6">
        <f t="shared" si="7"/>
        <v>0</v>
      </c>
    </row>
    <row r="225" spans="1:5" x14ac:dyDescent="0.25">
      <c r="A225" s="1">
        <v>43565.208333333336</v>
      </c>
      <c r="B225" s="2">
        <v>24.06</v>
      </c>
      <c r="C225">
        <v>0</v>
      </c>
      <c r="D225">
        <f t="shared" si="6"/>
        <v>0</v>
      </c>
      <c r="E225" s="6">
        <f t="shared" si="7"/>
        <v>0</v>
      </c>
    </row>
    <row r="226" spans="1:5" x14ac:dyDescent="0.25">
      <c r="A226" s="1">
        <v>43565.25</v>
      </c>
      <c r="B226" s="2">
        <v>38.97</v>
      </c>
      <c r="C226">
        <v>0</v>
      </c>
      <c r="D226">
        <f t="shared" si="6"/>
        <v>0</v>
      </c>
      <c r="E226" s="6">
        <f t="shared" si="7"/>
        <v>0</v>
      </c>
    </row>
    <row r="227" spans="1:5" x14ac:dyDescent="0.25">
      <c r="A227" s="1">
        <v>43565.291666666664</v>
      </c>
      <c r="B227" s="2">
        <v>36.06</v>
      </c>
      <c r="C227">
        <v>0.217473</v>
      </c>
      <c r="D227">
        <f t="shared" si="6"/>
        <v>2.1747300000000001E-4</v>
      </c>
      <c r="E227" s="6">
        <f t="shared" si="7"/>
        <v>7.8420763800000001E-3</v>
      </c>
    </row>
    <row r="228" spans="1:5" x14ac:dyDescent="0.25">
      <c r="A228" s="1">
        <v>43565.333333333336</v>
      </c>
      <c r="B228" s="2">
        <v>31.54</v>
      </c>
      <c r="C228">
        <v>1.8548009999999999</v>
      </c>
      <c r="D228">
        <f t="shared" si="6"/>
        <v>1.8548009999999999E-3</v>
      </c>
      <c r="E228" s="6">
        <f t="shared" si="7"/>
        <v>5.8500423539999992E-2</v>
      </c>
    </row>
    <row r="229" spans="1:5" x14ac:dyDescent="0.25">
      <c r="A229" s="1">
        <v>43565.375</v>
      </c>
      <c r="B229" s="2">
        <v>30.19</v>
      </c>
      <c r="C229">
        <v>4.0355499999999997</v>
      </c>
      <c r="D229">
        <f t="shared" si="6"/>
        <v>4.0355499999999997E-3</v>
      </c>
      <c r="E229" s="6">
        <f t="shared" si="7"/>
        <v>0.1218332545</v>
      </c>
    </row>
    <row r="230" spans="1:5" x14ac:dyDescent="0.25">
      <c r="A230" s="1">
        <v>43565.416666666664</v>
      </c>
      <c r="B230" s="2">
        <v>29.65</v>
      </c>
      <c r="C230">
        <v>5.814838</v>
      </c>
      <c r="D230">
        <f t="shared" si="6"/>
        <v>5.8148380000000001E-3</v>
      </c>
      <c r="E230" s="6">
        <f t="shared" si="7"/>
        <v>0.17240994669999998</v>
      </c>
    </row>
    <row r="231" spans="1:5" x14ac:dyDescent="0.25">
      <c r="A231" s="1">
        <v>43565.458333333336</v>
      </c>
      <c r="B231" s="2">
        <v>29.67</v>
      </c>
      <c r="C231">
        <v>7.0372129999999995</v>
      </c>
      <c r="D231">
        <f t="shared" si="6"/>
        <v>7.0372129999999996E-3</v>
      </c>
      <c r="E231" s="6">
        <f t="shared" si="7"/>
        <v>0.20879410971000001</v>
      </c>
    </row>
    <row r="232" spans="1:5" x14ac:dyDescent="0.25">
      <c r="A232" s="1">
        <v>43565.5</v>
      </c>
      <c r="B232" s="2">
        <v>29.13</v>
      </c>
      <c r="C232">
        <v>7.7252200000000002</v>
      </c>
      <c r="D232">
        <f t="shared" si="6"/>
        <v>7.7252200000000005E-3</v>
      </c>
      <c r="E232" s="6">
        <f t="shared" si="7"/>
        <v>0.22503565860000002</v>
      </c>
    </row>
    <row r="233" spans="1:5" x14ac:dyDescent="0.25">
      <c r="A233" s="1">
        <v>43565.541666666664</v>
      </c>
      <c r="B233" s="2">
        <v>29.26</v>
      </c>
      <c r="C233">
        <v>7.9135439999999999</v>
      </c>
      <c r="D233">
        <f t="shared" si="6"/>
        <v>7.9135439999999998E-3</v>
      </c>
      <c r="E233" s="6">
        <f t="shared" si="7"/>
        <v>0.23155029744</v>
      </c>
    </row>
    <row r="234" spans="1:5" x14ac:dyDescent="0.25">
      <c r="A234" s="1">
        <v>43565.583333333336</v>
      </c>
      <c r="B234" s="2">
        <v>27.9</v>
      </c>
      <c r="C234">
        <v>6.9218120000000001</v>
      </c>
      <c r="D234">
        <f t="shared" si="6"/>
        <v>6.9218120000000003E-3</v>
      </c>
      <c r="E234" s="6">
        <f t="shared" si="7"/>
        <v>0.19311855480000001</v>
      </c>
    </row>
    <row r="235" spans="1:5" x14ac:dyDescent="0.25">
      <c r="A235" s="1">
        <v>43565.625</v>
      </c>
      <c r="B235" s="2">
        <v>27.63</v>
      </c>
      <c r="C235">
        <v>6.9498610000000003</v>
      </c>
      <c r="D235">
        <f t="shared" si="6"/>
        <v>6.9498609999999999E-3</v>
      </c>
      <c r="E235" s="6">
        <f t="shared" si="7"/>
        <v>0.19202465942999999</v>
      </c>
    </row>
    <row r="236" spans="1:5" x14ac:dyDescent="0.25">
      <c r="A236" s="1">
        <v>43565.666666666664</v>
      </c>
      <c r="B236" s="2">
        <v>27.11</v>
      </c>
      <c r="C236">
        <v>5.6842569999999997</v>
      </c>
      <c r="D236">
        <f t="shared" si="6"/>
        <v>5.6842569999999999E-3</v>
      </c>
      <c r="E236" s="6">
        <f t="shared" si="7"/>
        <v>0.15410020726999998</v>
      </c>
    </row>
    <row r="237" spans="1:5" x14ac:dyDescent="0.25">
      <c r="A237" s="1">
        <v>43565.708333333336</v>
      </c>
      <c r="B237" s="2">
        <v>27.96</v>
      </c>
      <c r="C237">
        <v>3.9988739999999998</v>
      </c>
      <c r="D237">
        <f t="shared" si="6"/>
        <v>3.9988739999999995E-3</v>
      </c>
      <c r="E237" s="6">
        <f t="shared" si="7"/>
        <v>0.11180851703999999</v>
      </c>
    </row>
    <row r="238" spans="1:5" x14ac:dyDescent="0.25">
      <c r="A238" s="1">
        <v>43565.75</v>
      </c>
      <c r="B238" s="2">
        <v>27.32</v>
      </c>
      <c r="C238">
        <v>1.4027510000000001</v>
      </c>
      <c r="D238">
        <f t="shared" si="6"/>
        <v>1.402751E-3</v>
      </c>
      <c r="E238" s="6">
        <f t="shared" si="7"/>
        <v>3.8323157320000002E-2</v>
      </c>
    </row>
    <row r="239" spans="1:5" x14ac:dyDescent="0.25">
      <c r="A239" s="1">
        <v>43565.791666666664</v>
      </c>
      <c r="B239" s="2">
        <v>30.62</v>
      </c>
      <c r="C239">
        <v>0.270505</v>
      </c>
      <c r="D239">
        <f t="shared" si="6"/>
        <v>2.7050499999999999E-4</v>
      </c>
      <c r="E239" s="6">
        <f t="shared" si="7"/>
        <v>8.2828630999999993E-3</v>
      </c>
    </row>
    <row r="240" spans="1:5" x14ac:dyDescent="0.25">
      <c r="A240" s="1">
        <v>43565.833333333336</v>
      </c>
      <c r="B240" s="2">
        <v>35.72</v>
      </c>
      <c r="C240">
        <v>0</v>
      </c>
      <c r="D240">
        <f t="shared" si="6"/>
        <v>0</v>
      </c>
      <c r="E240" s="6">
        <f t="shared" si="7"/>
        <v>0</v>
      </c>
    </row>
    <row r="241" spans="1:5" x14ac:dyDescent="0.25">
      <c r="A241" s="1">
        <v>43565.875</v>
      </c>
      <c r="B241" s="2">
        <v>30.31</v>
      </c>
      <c r="C241">
        <v>0</v>
      </c>
      <c r="D241">
        <f t="shared" si="6"/>
        <v>0</v>
      </c>
      <c r="E241" s="6">
        <f t="shared" si="7"/>
        <v>0</v>
      </c>
    </row>
    <row r="242" spans="1:5" x14ac:dyDescent="0.25">
      <c r="A242" s="1">
        <v>43565.916666666664</v>
      </c>
      <c r="B242" s="2">
        <v>24.86</v>
      </c>
      <c r="C242">
        <v>0</v>
      </c>
      <c r="D242">
        <f t="shared" si="6"/>
        <v>0</v>
      </c>
      <c r="E242" s="6">
        <f t="shared" si="7"/>
        <v>0</v>
      </c>
    </row>
    <row r="243" spans="1:5" x14ac:dyDescent="0.25">
      <c r="A243" s="1">
        <v>43565.958333333336</v>
      </c>
      <c r="B243" s="2">
        <v>22.03</v>
      </c>
      <c r="C243">
        <v>0</v>
      </c>
      <c r="D243">
        <f t="shared" si="6"/>
        <v>0</v>
      </c>
      <c r="E243" s="6">
        <f t="shared" si="7"/>
        <v>0</v>
      </c>
    </row>
    <row r="244" spans="1:5" x14ac:dyDescent="0.25">
      <c r="A244" s="1">
        <v>43566</v>
      </c>
      <c r="B244" s="2">
        <v>20.37</v>
      </c>
      <c r="C244">
        <v>0</v>
      </c>
      <c r="D244">
        <f t="shared" si="6"/>
        <v>0</v>
      </c>
      <c r="E244" s="6">
        <f t="shared" si="7"/>
        <v>0</v>
      </c>
    </row>
    <row r="245" spans="1:5" x14ac:dyDescent="0.25">
      <c r="A245" s="1">
        <v>43566.041666666664</v>
      </c>
      <c r="B245" s="2">
        <v>20.149999999999999</v>
      </c>
      <c r="C245">
        <v>0</v>
      </c>
      <c r="D245">
        <f t="shared" si="6"/>
        <v>0</v>
      </c>
      <c r="E245" s="6">
        <f t="shared" si="7"/>
        <v>0</v>
      </c>
    </row>
    <row r="246" spans="1:5" x14ac:dyDescent="0.25">
      <c r="A246" s="1">
        <v>43566.083333333336</v>
      </c>
      <c r="B246" s="2">
        <v>20.149999999999999</v>
      </c>
      <c r="C246">
        <v>0</v>
      </c>
      <c r="D246">
        <f t="shared" si="6"/>
        <v>0</v>
      </c>
      <c r="E246" s="6">
        <f t="shared" si="7"/>
        <v>0</v>
      </c>
    </row>
    <row r="247" spans="1:5" x14ac:dyDescent="0.25">
      <c r="A247" s="1">
        <v>43566.125</v>
      </c>
      <c r="B247" s="2">
        <v>20.23</v>
      </c>
      <c r="C247">
        <v>0</v>
      </c>
      <c r="D247">
        <f t="shared" si="6"/>
        <v>0</v>
      </c>
      <c r="E247" s="6">
        <f t="shared" si="7"/>
        <v>0</v>
      </c>
    </row>
    <row r="248" spans="1:5" x14ac:dyDescent="0.25">
      <c r="A248" s="1">
        <v>43566.166666666664</v>
      </c>
      <c r="B248" s="2">
        <v>21.01</v>
      </c>
      <c r="C248">
        <v>0</v>
      </c>
      <c r="D248">
        <f t="shared" si="6"/>
        <v>0</v>
      </c>
      <c r="E248" s="6">
        <f t="shared" si="7"/>
        <v>0</v>
      </c>
    </row>
    <row r="249" spans="1:5" x14ac:dyDescent="0.25">
      <c r="A249" s="1">
        <v>43566.208333333336</v>
      </c>
      <c r="B249" s="2">
        <v>23.38</v>
      </c>
      <c r="C249">
        <v>0</v>
      </c>
      <c r="D249">
        <f t="shared" si="6"/>
        <v>0</v>
      </c>
      <c r="E249" s="6">
        <f t="shared" si="7"/>
        <v>0</v>
      </c>
    </row>
    <row r="250" spans="1:5" x14ac:dyDescent="0.25">
      <c r="A250" s="1">
        <v>43566.25</v>
      </c>
      <c r="B250" s="2">
        <v>33.74</v>
      </c>
      <c r="C250">
        <v>0</v>
      </c>
      <c r="D250">
        <f t="shared" si="6"/>
        <v>0</v>
      </c>
      <c r="E250" s="6">
        <f t="shared" si="7"/>
        <v>0</v>
      </c>
    </row>
    <row r="251" spans="1:5" x14ac:dyDescent="0.25">
      <c r="A251" s="1">
        <v>43566.291666666664</v>
      </c>
      <c r="B251" s="2">
        <v>32.54</v>
      </c>
      <c r="C251">
        <v>0</v>
      </c>
      <c r="D251">
        <f t="shared" si="6"/>
        <v>0</v>
      </c>
      <c r="E251" s="6">
        <f t="shared" si="7"/>
        <v>0</v>
      </c>
    </row>
    <row r="252" spans="1:5" x14ac:dyDescent="0.25">
      <c r="A252" s="1">
        <v>43566.333333333336</v>
      </c>
      <c r="B252" s="2">
        <v>28.71</v>
      </c>
      <c r="C252">
        <v>0.17802099999999998</v>
      </c>
      <c r="D252">
        <f t="shared" si="6"/>
        <v>1.78021E-4</v>
      </c>
      <c r="E252" s="6">
        <f t="shared" si="7"/>
        <v>5.1109829099999999E-3</v>
      </c>
    </row>
    <row r="253" spans="1:5" x14ac:dyDescent="0.25">
      <c r="A253" s="1">
        <v>43566.375</v>
      </c>
      <c r="B253" s="2">
        <v>28.5</v>
      </c>
      <c r="C253">
        <v>0.72001700000000002</v>
      </c>
      <c r="D253">
        <f t="shared" si="6"/>
        <v>7.2001699999999999E-4</v>
      </c>
      <c r="E253" s="6">
        <f t="shared" si="7"/>
        <v>2.0520484499999998E-2</v>
      </c>
    </row>
    <row r="254" spans="1:5" x14ac:dyDescent="0.25">
      <c r="A254" s="1">
        <v>43566.416666666664</v>
      </c>
      <c r="B254" s="2">
        <v>28.39</v>
      </c>
      <c r="C254">
        <v>3.5669920000000004</v>
      </c>
      <c r="D254">
        <f t="shared" si="6"/>
        <v>3.5669920000000006E-3</v>
      </c>
      <c r="E254" s="6">
        <f t="shared" si="7"/>
        <v>0.10126690288000002</v>
      </c>
    </row>
    <row r="255" spans="1:5" x14ac:dyDescent="0.25">
      <c r="A255" s="1">
        <v>43566.458333333336</v>
      </c>
      <c r="B255" s="2">
        <v>27.7</v>
      </c>
      <c r="C255">
        <v>2.9332829999999999</v>
      </c>
      <c r="D255">
        <f t="shared" si="6"/>
        <v>2.9332830000000001E-3</v>
      </c>
      <c r="E255" s="6">
        <f t="shared" si="7"/>
        <v>8.1251939100000004E-2</v>
      </c>
    </row>
    <row r="256" spans="1:5" x14ac:dyDescent="0.25">
      <c r="A256" s="1">
        <v>43566.5</v>
      </c>
      <c r="B256" s="2">
        <v>28.46</v>
      </c>
      <c r="C256">
        <v>2.584625</v>
      </c>
      <c r="D256">
        <f t="shared" si="6"/>
        <v>2.5846250000000001E-3</v>
      </c>
      <c r="E256" s="6">
        <f t="shared" si="7"/>
        <v>7.3558427500000009E-2</v>
      </c>
    </row>
    <row r="257" spans="1:5" x14ac:dyDescent="0.25">
      <c r="A257" s="1">
        <v>43566.541666666664</v>
      </c>
      <c r="B257" s="2">
        <v>28.67</v>
      </c>
      <c r="C257">
        <v>0.83013199999999998</v>
      </c>
      <c r="D257">
        <f t="shared" si="6"/>
        <v>8.3013200000000003E-4</v>
      </c>
      <c r="E257" s="6">
        <f t="shared" si="7"/>
        <v>2.3799884440000002E-2</v>
      </c>
    </row>
    <row r="258" spans="1:5" x14ac:dyDescent="0.25">
      <c r="A258" s="1">
        <v>43566.583333333336</v>
      </c>
      <c r="B258" s="2">
        <v>29.67</v>
      </c>
      <c r="C258">
        <v>1.369113</v>
      </c>
      <c r="D258">
        <f t="shared" si="6"/>
        <v>1.3691129999999999E-3</v>
      </c>
      <c r="E258" s="6">
        <f t="shared" si="7"/>
        <v>4.062158271E-2</v>
      </c>
    </row>
    <row r="259" spans="1:5" x14ac:dyDescent="0.25">
      <c r="A259" s="1">
        <v>43566.625</v>
      </c>
      <c r="B259" s="2">
        <v>29.05</v>
      </c>
      <c r="C259">
        <v>0.58262099999999994</v>
      </c>
      <c r="D259">
        <f t="shared" si="6"/>
        <v>5.8262099999999996E-4</v>
      </c>
      <c r="E259" s="6">
        <f t="shared" si="7"/>
        <v>1.6925140049999999E-2</v>
      </c>
    </row>
    <row r="260" spans="1:5" x14ac:dyDescent="0.25">
      <c r="A260" s="1">
        <v>43566.666666666664</v>
      </c>
      <c r="B260" s="2">
        <v>27.94</v>
      </c>
      <c r="C260">
        <v>0.37670600000000004</v>
      </c>
      <c r="D260">
        <f t="shared" si="6"/>
        <v>3.7670600000000004E-4</v>
      </c>
      <c r="E260" s="6">
        <f t="shared" si="7"/>
        <v>1.0525165640000002E-2</v>
      </c>
    </row>
    <row r="261" spans="1:5" x14ac:dyDescent="0.25">
      <c r="A261" s="1">
        <v>43566.708333333336</v>
      </c>
      <c r="B261" s="2">
        <v>28.06</v>
      </c>
      <c r="C261">
        <v>0.659883</v>
      </c>
      <c r="D261">
        <f t="shared" si="6"/>
        <v>6.59883E-4</v>
      </c>
      <c r="E261" s="6">
        <f t="shared" si="7"/>
        <v>1.8516316979999999E-2</v>
      </c>
    </row>
    <row r="262" spans="1:5" x14ac:dyDescent="0.25">
      <c r="A262" s="1">
        <v>43566.75</v>
      </c>
      <c r="B262" s="2">
        <v>28.28</v>
      </c>
      <c r="C262">
        <v>1.379343</v>
      </c>
      <c r="D262">
        <f t="shared" ref="D262:D325" si="8">C262/1000</f>
        <v>1.3793429999999999E-3</v>
      </c>
      <c r="E262" s="6">
        <f t="shared" ref="E262:E325" si="9">D262*B262</f>
        <v>3.9007820039999995E-2</v>
      </c>
    </row>
    <row r="263" spans="1:5" x14ac:dyDescent="0.25">
      <c r="A263" s="1">
        <v>43566.791666666664</v>
      </c>
      <c r="B263" s="2">
        <v>29.24</v>
      </c>
      <c r="C263">
        <v>0.26066500000000004</v>
      </c>
      <c r="D263">
        <f t="shared" si="8"/>
        <v>2.6066500000000004E-4</v>
      </c>
      <c r="E263" s="6">
        <f t="shared" si="9"/>
        <v>7.6218446000000011E-3</v>
      </c>
    </row>
    <row r="264" spans="1:5" x14ac:dyDescent="0.25">
      <c r="A264" s="1">
        <v>43566.833333333336</v>
      </c>
      <c r="B264" s="2">
        <v>32.51</v>
      </c>
      <c r="C264">
        <v>0</v>
      </c>
      <c r="D264">
        <f t="shared" si="8"/>
        <v>0</v>
      </c>
      <c r="E264" s="6">
        <f t="shared" si="9"/>
        <v>0</v>
      </c>
    </row>
    <row r="265" spans="1:5" x14ac:dyDescent="0.25">
      <c r="A265" s="1">
        <v>43566.875</v>
      </c>
      <c r="B265" s="2">
        <v>30.53</v>
      </c>
      <c r="C265">
        <v>0</v>
      </c>
      <c r="D265">
        <f t="shared" si="8"/>
        <v>0</v>
      </c>
      <c r="E265" s="6">
        <f t="shared" si="9"/>
        <v>0</v>
      </c>
    </row>
    <row r="266" spans="1:5" x14ac:dyDescent="0.25">
      <c r="A266" s="1">
        <v>43566.916666666664</v>
      </c>
      <c r="B266" s="2">
        <v>23.21</v>
      </c>
      <c r="C266">
        <v>0</v>
      </c>
      <c r="D266">
        <f t="shared" si="8"/>
        <v>0</v>
      </c>
      <c r="E266" s="6">
        <f t="shared" si="9"/>
        <v>0</v>
      </c>
    </row>
    <row r="267" spans="1:5" x14ac:dyDescent="0.25">
      <c r="A267" s="1">
        <v>43566.958333333336</v>
      </c>
      <c r="B267" s="2">
        <v>20.3</v>
      </c>
      <c r="C267">
        <v>0</v>
      </c>
      <c r="D267">
        <f t="shared" si="8"/>
        <v>0</v>
      </c>
      <c r="E267" s="6">
        <f t="shared" si="9"/>
        <v>0</v>
      </c>
    </row>
    <row r="268" spans="1:5" x14ac:dyDescent="0.25">
      <c r="A268" s="1">
        <v>43567</v>
      </c>
      <c r="B268" s="2">
        <v>20.55</v>
      </c>
      <c r="C268">
        <v>0</v>
      </c>
      <c r="D268">
        <f t="shared" si="8"/>
        <v>0</v>
      </c>
      <c r="E268" s="6">
        <f t="shared" si="9"/>
        <v>0</v>
      </c>
    </row>
    <row r="269" spans="1:5" x14ac:dyDescent="0.25">
      <c r="A269" s="1">
        <v>43567.041666666664</v>
      </c>
      <c r="B269" s="2">
        <v>20.440000000000001</v>
      </c>
      <c r="C269">
        <v>0</v>
      </c>
      <c r="D269">
        <f t="shared" si="8"/>
        <v>0</v>
      </c>
      <c r="E269" s="6">
        <f t="shared" si="9"/>
        <v>0</v>
      </c>
    </row>
    <row r="270" spans="1:5" x14ac:dyDescent="0.25">
      <c r="A270" s="1">
        <v>43567.083333333336</v>
      </c>
      <c r="B270" s="2">
        <v>20.16</v>
      </c>
      <c r="C270">
        <v>0</v>
      </c>
      <c r="D270">
        <f t="shared" si="8"/>
        <v>0</v>
      </c>
      <c r="E270" s="6">
        <f t="shared" si="9"/>
        <v>0</v>
      </c>
    </row>
    <row r="271" spans="1:5" x14ac:dyDescent="0.25">
      <c r="A271" s="1">
        <v>43567.125</v>
      </c>
      <c r="B271" s="2">
        <v>20.25</v>
      </c>
      <c r="C271">
        <v>0</v>
      </c>
      <c r="D271">
        <f t="shared" si="8"/>
        <v>0</v>
      </c>
      <c r="E271" s="6">
        <f t="shared" si="9"/>
        <v>0</v>
      </c>
    </row>
    <row r="272" spans="1:5" x14ac:dyDescent="0.25">
      <c r="A272" s="1">
        <v>43567.166666666664</v>
      </c>
      <c r="B272" s="2">
        <v>21.77</v>
      </c>
      <c r="C272">
        <v>0</v>
      </c>
      <c r="D272">
        <f t="shared" si="8"/>
        <v>0</v>
      </c>
      <c r="E272" s="6">
        <f t="shared" si="9"/>
        <v>0</v>
      </c>
    </row>
    <row r="273" spans="1:5" x14ac:dyDescent="0.25">
      <c r="A273" s="1">
        <v>43567.208333333336</v>
      </c>
      <c r="B273" s="2">
        <v>26.13</v>
      </c>
      <c r="C273">
        <v>0</v>
      </c>
      <c r="D273">
        <f t="shared" si="8"/>
        <v>0</v>
      </c>
      <c r="E273" s="6">
        <f t="shared" si="9"/>
        <v>0</v>
      </c>
    </row>
    <row r="274" spans="1:5" x14ac:dyDescent="0.25">
      <c r="A274" s="1">
        <v>43567.25</v>
      </c>
      <c r="B274" s="2">
        <v>35.5</v>
      </c>
      <c r="C274">
        <v>0</v>
      </c>
      <c r="D274">
        <f t="shared" si="8"/>
        <v>0</v>
      </c>
      <c r="E274" s="6">
        <f t="shared" si="9"/>
        <v>0</v>
      </c>
    </row>
    <row r="275" spans="1:5" x14ac:dyDescent="0.25">
      <c r="A275" s="1">
        <v>43567.291666666664</v>
      </c>
      <c r="B275" s="2">
        <v>34.15</v>
      </c>
      <c r="C275">
        <v>6.7278000000000004E-2</v>
      </c>
      <c r="D275">
        <f t="shared" si="8"/>
        <v>6.7278000000000002E-5</v>
      </c>
      <c r="E275" s="6">
        <f t="shared" si="9"/>
        <v>2.2975436999999998E-3</v>
      </c>
    </row>
    <row r="276" spans="1:5" x14ac:dyDescent="0.25">
      <c r="A276" s="1">
        <v>43567.333333333336</v>
      </c>
      <c r="B276" s="2">
        <v>31.76</v>
      </c>
      <c r="C276">
        <v>1.3602239999999999</v>
      </c>
      <c r="D276">
        <f t="shared" si="8"/>
        <v>1.3602239999999999E-3</v>
      </c>
      <c r="E276" s="6">
        <f t="shared" si="9"/>
        <v>4.320071424E-2</v>
      </c>
    </row>
    <row r="277" spans="1:5" x14ac:dyDescent="0.25">
      <c r="A277" s="1">
        <v>43567.375</v>
      </c>
      <c r="B277" s="2">
        <v>31.03</v>
      </c>
      <c r="C277">
        <v>0.35390699999999997</v>
      </c>
      <c r="D277">
        <f t="shared" si="8"/>
        <v>3.5390699999999998E-4</v>
      </c>
      <c r="E277" s="6">
        <f t="shared" si="9"/>
        <v>1.098173421E-2</v>
      </c>
    </row>
    <row r="278" spans="1:5" x14ac:dyDescent="0.25">
      <c r="A278" s="1">
        <v>43567.416666666664</v>
      </c>
      <c r="B278" s="2">
        <v>32.33</v>
      </c>
      <c r="C278">
        <v>0.63504800000000006</v>
      </c>
      <c r="D278">
        <f t="shared" si="8"/>
        <v>6.3504800000000004E-4</v>
      </c>
      <c r="E278" s="6">
        <f t="shared" si="9"/>
        <v>2.053110184E-2</v>
      </c>
    </row>
    <row r="279" spans="1:5" x14ac:dyDescent="0.25">
      <c r="A279" s="1">
        <v>43567.458333333336</v>
      </c>
      <c r="B279" s="2">
        <v>32.119999999999997</v>
      </c>
      <c r="C279">
        <v>5.612616</v>
      </c>
      <c r="D279">
        <f t="shared" si="8"/>
        <v>5.612616E-3</v>
      </c>
      <c r="E279" s="6">
        <f t="shared" si="9"/>
        <v>0.18027722591999998</v>
      </c>
    </row>
    <row r="280" spans="1:5" x14ac:dyDescent="0.25">
      <c r="A280" s="1">
        <v>43567.5</v>
      </c>
      <c r="B280" s="2">
        <v>31.43</v>
      </c>
      <c r="C280">
        <v>1.1633659999999999</v>
      </c>
      <c r="D280">
        <f t="shared" si="8"/>
        <v>1.1633659999999999E-3</v>
      </c>
      <c r="E280" s="6">
        <f t="shared" si="9"/>
        <v>3.6564593379999996E-2</v>
      </c>
    </row>
    <row r="281" spans="1:5" x14ac:dyDescent="0.25">
      <c r="A281" s="1">
        <v>43567.541666666664</v>
      </c>
      <c r="B281" s="2">
        <v>32.94</v>
      </c>
      <c r="C281">
        <v>2.16743</v>
      </c>
      <c r="D281">
        <f t="shared" si="8"/>
        <v>2.1674300000000001E-3</v>
      </c>
      <c r="E281" s="6">
        <f t="shared" si="9"/>
        <v>7.1395144199999996E-2</v>
      </c>
    </row>
    <row r="282" spans="1:5" x14ac:dyDescent="0.25">
      <c r="A282" s="1">
        <v>43567.583333333336</v>
      </c>
      <c r="B282" s="2">
        <v>31.56</v>
      </c>
      <c r="C282">
        <v>1.6544829999999999</v>
      </c>
      <c r="D282">
        <f t="shared" si="8"/>
        <v>1.654483E-3</v>
      </c>
      <c r="E282" s="6">
        <f t="shared" si="9"/>
        <v>5.2215483479999998E-2</v>
      </c>
    </row>
    <row r="283" spans="1:5" x14ac:dyDescent="0.25">
      <c r="A283" s="1">
        <v>43567.625</v>
      </c>
      <c r="B283" s="2">
        <v>32</v>
      </c>
      <c r="C283">
        <v>2.453004</v>
      </c>
      <c r="D283">
        <f t="shared" si="8"/>
        <v>2.4530039999999999E-3</v>
      </c>
      <c r="E283" s="6">
        <f t="shared" si="9"/>
        <v>7.8496127999999998E-2</v>
      </c>
    </row>
    <row r="284" spans="1:5" x14ac:dyDescent="0.25">
      <c r="A284" s="1">
        <v>43567.666666666664</v>
      </c>
      <c r="B284" s="2">
        <v>30.32</v>
      </c>
      <c r="C284">
        <v>1.210853</v>
      </c>
      <c r="D284">
        <f t="shared" si="8"/>
        <v>1.210853E-3</v>
      </c>
      <c r="E284" s="6">
        <f t="shared" si="9"/>
        <v>3.6713062960000001E-2</v>
      </c>
    </row>
    <row r="285" spans="1:5" x14ac:dyDescent="0.25">
      <c r="A285" s="1">
        <v>43567.708333333336</v>
      </c>
      <c r="B285" s="2">
        <v>29.88</v>
      </c>
      <c r="C285">
        <v>1.5432819999999998</v>
      </c>
      <c r="D285">
        <f t="shared" si="8"/>
        <v>1.5432819999999998E-3</v>
      </c>
      <c r="E285" s="6">
        <f t="shared" si="9"/>
        <v>4.6113266159999992E-2</v>
      </c>
    </row>
    <row r="286" spans="1:5" x14ac:dyDescent="0.25">
      <c r="A286" s="1">
        <v>43567.75</v>
      </c>
      <c r="B286" s="2">
        <v>27.63</v>
      </c>
      <c r="C286">
        <v>0.72151599999999994</v>
      </c>
      <c r="D286">
        <f t="shared" si="8"/>
        <v>7.2151599999999995E-4</v>
      </c>
      <c r="E286" s="6">
        <f t="shared" si="9"/>
        <v>1.9935487079999998E-2</v>
      </c>
    </row>
    <row r="287" spans="1:5" x14ac:dyDescent="0.25">
      <c r="A287" s="1">
        <v>43567.791666666664</v>
      </c>
      <c r="B287" s="2">
        <v>29.3</v>
      </c>
      <c r="C287">
        <v>0</v>
      </c>
      <c r="D287">
        <f t="shared" si="8"/>
        <v>0</v>
      </c>
      <c r="E287" s="6">
        <f t="shared" si="9"/>
        <v>0</v>
      </c>
    </row>
    <row r="288" spans="1:5" x14ac:dyDescent="0.25">
      <c r="A288" s="1">
        <v>43567.833333333336</v>
      </c>
      <c r="B288" s="2">
        <v>32.17</v>
      </c>
      <c r="C288">
        <v>0</v>
      </c>
      <c r="D288">
        <f t="shared" si="8"/>
        <v>0</v>
      </c>
      <c r="E288" s="6">
        <f t="shared" si="9"/>
        <v>0</v>
      </c>
    </row>
    <row r="289" spans="1:5" x14ac:dyDescent="0.25">
      <c r="A289" s="1">
        <v>43567.875</v>
      </c>
      <c r="B289" s="2">
        <v>29.34</v>
      </c>
      <c r="C289">
        <v>0</v>
      </c>
      <c r="D289">
        <f t="shared" si="8"/>
        <v>0</v>
      </c>
      <c r="E289" s="6">
        <f t="shared" si="9"/>
        <v>0</v>
      </c>
    </row>
    <row r="290" spans="1:5" x14ac:dyDescent="0.25">
      <c r="A290" s="1">
        <v>43567.916666666664</v>
      </c>
      <c r="B290" s="2">
        <v>24.21</v>
      </c>
      <c r="C290">
        <v>0</v>
      </c>
      <c r="D290">
        <f t="shared" si="8"/>
        <v>0</v>
      </c>
      <c r="E290" s="6">
        <f t="shared" si="9"/>
        <v>0</v>
      </c>
    </row>
    <row r="291" spans="1:5" x14ac:dyDescent="0.25">
      <c r="A291" s="1">
        <v>43567.958333333336</v>
      </c>
      <c r="B291" s="2">
        <v>21.73</v>
      </c>
      <c r="C291">
        <v>0</v>
      </c>
      <c r="D291">
        <f t="shared" si="8"/>
        <v>0</v>
      </c>
      <c r="E291" s="6">
        <f t="shared" si="9"/>
        <v>0</v>
      </c>
    </row>
    <row r="292" spans="1:5" x14ac:dyDescent="0.25">
      <c r="A292" s="1">
        <v>43568</v>
      </c>
      <c r="B292" s="2">
        <v>21.85</v>
      </c>
      <c r="C292">
        <v>0</v>
      </c>
      <c r="D292">
        <f t="shared" si="8"/>
        <v>0</v>
      </c>
      <c r="E292" s="6">
        <f t="shared" si="9"/>
        <v>0</v>
      </c>
    </row>
    <row r="293" spans="1:5" x14ac:dyDescent="0.25">
      <c r="A293" s="1">
        <v>43568.041666666664</v>
      </c>
      <c r="B293" s="2">
        <v>21.54</v>
      </c>
      <c r="C293">
        <v>0</v>
      </c>
      <c r="D293">
        <f t="shared" si="8"/>
        <v>0</v>
      </c>
      <c r="E293" s="6">
        <f t="shared" si="9"/>
        <v>0</v>
      </c>
    </row>
    <row r="294" spans="1:5" x14ac:dyDescent="0.25">
      <c r="A294" s="1">
        <v>43568.083333333336</v>
      </c>
      <c r="B294" s="2">
        <v>20.47</v>
      </c>
      <c r="C294">
        <v>0</v>
      </c>
      <c r="D294">
        <f t="shared" si="8"/>
        <v>0</v>
      </c>
      <c r="E294" s="6">
        <f t="shared" si="9"/>
        <v>0</v>
      </c>
    </row>
    <row r="295" spans="1:5" x14ac:dyDescent="0.25">
      <c r="A295" s="1">
        <v>43568.125</v>
      </c>
      <c r="B295" s="2">
        <v>21.17</v>
      </c>
      <c r="C295">
        <v>0</v>
      </c>
      <c r="D295">
        <f t="shared" si="8"/>
        <v>0</v>
      </c>
      <c r="E295" s="6">
        <f t="shared" si="9"/>
        <v>0</v>
      </c>
    </row>
    <row r="296" spans="1:5" x14ac:dyDescent="0.25">
      <c r="A296" s="1">
        <v>43568.166666666664</v>
      </c>
      <c r="B296" s="2">
        <v>21.99</v>
      </c>
      <c r="C296">
        <v>0</v>
      </c>
      <c r="D296">
        <f t="shared" si="8"/>
        <v>0</v>
      </c>
      <c r="E296" s="6">
        <f t="shared" si="9"/>
        <v>0</v>
      </c>
    </row>
    <row r="297" spans="1:5" x14ac:dyDescent="0.25">
      <c r="A297" s="1">
        <v>43568.208333333336</v>
      </c>
      <c r="B297" s="2">
        <v>23.67</v>
      </c>
      <c r="C297">
        <v>0</v>
      </c>
      <c r="D297">
        <f t="shared" si="8"/>
        <v>0</v>
      </c>
      <c r="E297" s="6">
        <f t="shared" si="9"/>
        <v>0</v>
      </c>
    </row>
    <row r="298" spans="1:5" x14ac:dyDescent="0.25">
      <c r="A298" s="1">
        <v>43568.25</v>
      </c>
      <c r="B298" s="2">
        <v>32.64</v>
      </c>
      <c r="C298">
        <v>0</v>
      </c>
      <c r="D298">
        <f t="shared" si="8"/>
        <v>0</v>
      </c>
      <c r="E298" s="6">
        <f t="shared" si="9"/>
        <v>0</v>
      </c>
    </row>
    <row r="299" spans="1:5" x14ac:dyDescent="0.25">
      <c r="A299" s="1">
        <v>43568.291666666664</v>
      </c>
      <c r="B299" s="2">
        <v>33.57</v>
      </c>
      <c r="C299">
        <v>0.26554300000000003</v>
      </c>
      <c r="D299">
        <f t="shared" si="8"/>
        <v>2.6554300000000003E-4</v>
      </c>
      <c r="E299" s="6">
        <f t="shared" si="9"/>
        <v>8.9142785100000017E-3</v>
      </c>
    </row>
    <row r="300" spans="1:5" x14ac:dyDescent="0.25">
      <c r="A300" s="1">
        <v>43568.333333333336</v>
      </c>
      <c r="B300" s="2">
        <v>32.31</v>
      </c>
      <c r="C300">
        <v>1.964963</v>
      </c>
      <c r="D300">
        <f t="shared" si="8"/>
        <v>1.9649630000000001E-3</v>
      </c>
      <c r="E300" s="6">
        <f t="shared" si="9"/>
        <v>6.3487954530000015E-2</v>
      </c>
    </row>
    <row r="301" spans="1:5" x14ac:dyDescent="0.25">
      <c r="A301" s="1">
        <v>43568.375</v>
      </c>
      <c r="B301" s="2">
        <v>33.5</v>
      </c>
      <c r="C301">
        <v>4.1474020000000005</v>
      </c>
      <c r="D301">
        <f t="shared" si="8"/>
        <v>4.1474020000000006E-3</v>
      </c>
      <c r="E301" s="6">
        <f t="shared" si="9"/>
        <v>0.13893796700000002</v>
      </c>
    </row>
    <row r="302" spans="1:5" x14ac:dyDescent="0.25">
      <c r="A302" s="1">
        <v>43568.416666666664</v>
      </c>
      <c r="B302" s="2">
        <v>34.51</v>
      </c>
      <c r="C302">
        <v>5.9395720000000001</v>
      </c>
      <c r="D302">
        <f t="shared" si="8"/>
        <v>5.9395719999999997E-3</v>
      </c>
      <c r="E302" s="6">
        <f t="shared" si="9"/>
        <v>0.20497462971999997</v>
      </c>
    </row>
    <row r="303" spans="1:5" x14ac:dyDescent="0.25">
      <c r="A303" s="1">
        <v>43568.458333333336</v>
      </c>
      <c r="B303" s="2">
        <v>34.619999999999997</v>
      </c>
      <c r="C303">
        <v>7.2055069999999999</v>
      </c>
      <c r="D303">
        <f t="shared" si="8"/>
        <v>7.2055069999999999E-3</v>
      </c>
      <c r="E303" s="6">
        <f t="shared" si="9"/>
        <v>0.24945465233999997</v>
      </c>
    </row>
    <row r="304" spans="1:5" x14ac:dyDescent="0.25">
      <c r="A304" s="1">
        <v>43568.5</v>
      </c>
      <c r="B304" s="2">
        <v>33.46</v>
      </c>
      <c r="C304">
        <v>7.8358319999999999</v>
      </c>
      <c r="D304">
        <f t="shared" si="8"/>
        <v>7.8358319999999992E-3</v>
      </c>
      <c r="E304" s="6">
        <f t="shared" si="9"/>
        <v>0.26218693871999998</v>
      </c>
    </row>
    <row r="305" spans="1:5" x14ac:dyDescent="0.25">
      <c r="A305" s="1">
        <v>43568.541666666664</v>
      </c>
      <c r="B305" s="2">
        <v>32.29</v>
      </c>
      <c r="C305">
        <v>8.037998</v>
      </c>
      <c r="D305">
        <f t="shared" si="8"/>
        <v>8.0379979999999993E-3</v>
      </c>
      <c r="E305" s="6">
        <f t="shared" si="9"/>
        <v>0.25954695541999995</v>
      </c>
    </row>
    <row r="306" spans="1:5" x14ac:dyDescent="0.25">
      <c r="A306" s="1">
        <v>43568.583333333336</v>
      </c>
      <c r="B306" s="2">
        <v>33.11</v>
      </c>
      <c r="C306">
        <v>7.7772160000000001</v>
      </c>
      <c r="D306">
        <f t="shared" si="8"/>
        <v>7.777216E-3</v>
      </c>
      <c r="E306" s="6">
        <f t="shared" si="9"/>
        <v>0.25750362175999997</v>
      </c>
    </row>
    <row r="307" spans="1:5" x14ac:dyDescent="0.25">
      <c r="A307" s="1">
        <v>43568.625</v>
      </c>
      <c r="B307" s="2">
        <v>34.74</v>
      </c>
      <c r="C307">
        <v>6.9741540000000004</v>
      </c>
      <c r="D307">
        <f t="shared" si="8"/>
        <v>6.9741540000000006E-3</v>
      </c>
      <c r="E307" s="6">
        <f t="shared" si="9"/>
        <v>0.24228210996000005</v>
      </c>
    </row>
    <row r="308" spans="1:5" x14ac:dyDescent="0.25">
      <c r="A308" s="1">
        <v>43568.666666666664</v>
      </c>
      <c r="B308" s="2">
        <v>34.08</v>
      </c>
      <c r="C308">
        <v>5.7191729999999996</v>
      </c>
      <c r="D308">
        <f t="shared" si="8"/>
        <v>5.7191729999999993E-3</v>
      </c>
      <c r="E308" s="6">
        <f t="shared" si="9"/>
        <v>0.19490941583999996</v>
      </c>
    </row>
    <row r="309" spans="1:5" x14ac:dyDescent="0.25">
      <c r="A309" s="1">
        <v>43568.708333333336</v>
      </c>
      <c r="B309" s="2">
        <v>32.700000000000003</v>
      </c>
      <c r="C309">
        <v>3.999047</v>
      </c>
      <c r="D309">
        <f t="shared" si="8"/>
        <v>3.9990470000000004E-3</v>
      </c>
      <c r="E309" s="6">
        <f t="shared" si="9"/>
        <v>0.13076883690000002</v>
      </c>
    </row>
    <row r="310" spans="1:5" x14ac:dyDescent="0.25">
      <c r="A310" s="1">
        <v>43568.75</v>
      </c>
      <c r="B310" s="2">
        <v>31.94</v>
      </c>
      <c r="C310">
        <v>1.4208889999999998</v>
      </c>
      <c r="D310">
        <f t="shared" si="8"/>
        <v>1.4208889999999998E-3</v>
      </c>
      <c r="E310" s="6">
        <f t="shared" si="9"/>
        <v>4.5383194659999994E-2</v>
      </c>
    </row>
    <row r="311" spans="1:5" x14ac:dyDescent="0.25">
      <c r="A311" s="1">
        <v>43568.791666666664</v>
      </c>
      <c r="B311" s="2">
        <v>33.19</v>
      </c>
      <c r="C311">
        <v>0.30537700000000001</v>
      </c>
      <c r="D311">
        <f t="shared" si="8"/>
        <v>3.0537700000000001E-4</v>
      </c>
      <c r="E311" s="6">
        <f t="shared" si="9"/>
        <v>1.013546263E-2</v>
      </c>
    </row>
    <row r="312" spans="1:5" x14ac:dyDescent="0.25">
      <c r="A312" s="1">
        <v>43568.833333333336</v>
      </c>
      <c r="B312" s="2">
        <v>36.68</v>
      </c>
      <c r="C312">
        <v>0</v>
      </c>
      <c r="D312">
        <f t="shared" si="8"/>
        <v>0</v>
      </c>
      <c r="E312" s="6">
        <f t="shared" si="9"/>
        <v>0</v>
      </c>
    </row>
    <row r="313" spans="1:5" x14ac:dyDescent="0.25">
      <c r="A313" s="1">
        <v>43568.875</v>
      </c>
      <c r="B313" s="2">
        <v>31.15</v>
      </c>
      <c r="C313">
        <v>0</v>
      </c>
      <c r="D313">
        <f t="shared" si="8"/>
        <v>0</v>
      </c>
      <c r="E313" s="6">
        <f t="shared" si="9"/>
        <v>0</v>
      </c>
    </row>
    <row r="314" spans="1:5" x14ac:dyDescent="0.25">
      <c r="A314" s="1">
        <v>43568.916666666664</v>
      </c>
      <c r="B314" s="2">
        <v>25.3</v>
      </c>
      <c r="C314">
        <v>0</v>
      </c>
      <c r="D314">
        <f t="shared" si="8"/>
        <v>0</v>
      </c>
      <c r="E314" s="6">
        <f t="shared" si="9"/>
        <v>0</v>
      </c>
    </row>
    <row r="315" spans="1:5" x14ac:dyDescent="0.25">
      <c r="A315" s="1">
        <v>43568.958333333336</v>
      </c>
      <c r="B315" s="2">
        <v>22.95</v>
      </c>
      <c r="C315">
        <v>0</v>
      </c>
      <c r="D315">
        <f t="shared" si="8"/>
        <v>0</v>
      </c>
      <c r="E315" s="6">
        <f t="shared" si="9"/>
        <v>0</v>
      </c>
    </row>
    <row r="316" spans="1:5" x14ac:dyDescent="0.25">
      <c r="A316" s="1">
        <v>43569</v>
      </c>
      <c r="B316" s="2">
        <v>21.39</v>
      </c>
      <c r="C316">
        <v>0</v>
      </c>
      <c r="D316">
        <f t="shared" si="8"/>
        <v>0</v>
      </c>
      <c r="E316" s="6">
        <f t="shared" si="9"/>
        <v>0</v>
      </c>
    </row>
    <row r="317" spans="1:5" x14ac:dyDescent="0.25">
      <c r="A317" s="1">
        <v>43569.041666666664</v>
      </c>
      <c r="B317" s="2">
        <v>21.22</v>
      </c>
      <c r="C317">
        <v>0</v>
      </c>
      <c r="D317">
        <f t="shared" si="8"/>
        <v>0</v>
      </c>
      <c r="E317" s="6">
        <f t="shared" si="9"/>
        <v>0</v>
      </c>
    </row>
    <row r="318" spans="1:5" x14ac:dyDescent="0.25">
      <c r="A318" s="1">
        <v>43569.083333333336</v>
      </c>
      <c r="B318" s="2">
        <v>21.16</v>
      </c>
      <c r="C318">
        <v>0</v>
      </c>
      <c r="D318">
        <f t="shared" si="8"/>
        <v>0</v>
      </c>
      <c r="E318" s="6">
        <f t="shared" si="9"/>
        <v>0</v>
      </c>
    </row>
    <row r="319" spans="1:5" x14ac:dyDescent="0.25">
      <c r="A319" s="1">
        <v>43569.125</v>
      </c>
      <c r="B319" s="2">
        <v>20.93</v>
      </c>
      <c r="C319">
        <v>0</v>
      </c>
      <c r="D319">
        <f t="shared" si="8"/>
        <v>0</v>
      </c>
      <c r="E319" s="6">
        <f t="shared" si="9"/>
        <v>0</v>
      </c>
    </row>
    <row r="320" spans="1:5" x14ac:dyDescent="0.25">
      <c r="A320" s="1">
        <v>43569.166666666664</v>
      </c>
      <c r="B320" s="2">
        <v>21.07</v>
      </c>
      <c r="C320">
        <v>0</v>
      </c>
      <c r="D320">
        <f t="shared" si="8"/>
        <v>0</v>
      </c>
      <c r="E320" s="6">
        <f t="shared" si="9"/>
        <v>0</v>
      </c>
    </row>
    <row r="321" spans="1:5" x14ac:dyDescent="0.25">
      <c r="A321" s="1">
        <v>43569.208333333336</v>
      </c>
      <c r="B321" s="2">
        <v>21.43</v>
      </c>
      <c r="C321">
        <v>0</v>
      </c>
      <c r="D321">
        <f t="shared" si="8"/>
        <v>0</v>
      </c>
      <c r="E321" s="6">
        <f t="shared" si="9"/>
        <v>0</v>
      </c>
    </row>
    <row r="322" spans="1:5" x14ac:dyDescent="0.25">
      <c r="A322" s="1">
        <v>43569.25</v>
      </c>
      <c r="B322" s="2">
        <v>24.46</v>
      </c>
      <c r="C322">
        <v>0</v>
      </c>
      <c r="D322">
        <f t="shared" si="8"/>
        <v>0</v>
      </c>
      <c r="E322" s="6">
        <f t="shared" si="9"/>
        <v>0</v>
      </c>
    </row>
    <row r="323" spans="1:5" x14ac:dyDescent="0.25">
      <c r="A323" s="1">
        <v>43569.291666666664</v>
      </c>
      <c r="B323" s="2">
        <v>27.14</v>
      </c>
      <c r="C323">
        <v>2.666E-3</v>
      </c>
      <c r="D323">
        <f t="shared" si="8"/>
        <v>2.666E-6</v>
      </c>
      <c r="E323" s="6">
        <f t="shared" si="9"/>
        <v>7.2355239999999997E-5</v>
      </c>
    </row>
    <row r="324" spans="1:5" x14ac:dyDescent="0.25">
      <c r="A324" s="1">
        <v>43569.333333333336</v>
      </c>
      <c r="B324" s="2">
        <v>27.96</v>
      </c>
      <c r="C324">
        <v>0.17172800000000002</v>
      </c>
      <c r="D324">
        <f t="shared" si="8"/>
        <v>1.7172800000000001E-4</v>
      </c>
      <c r="E324" s="6">
        <f t="shared" si="9"/>
        <v>4.8015148800000006E-3</v>
      </c>
    </row>
    <row r="325" spans="1:5" x14ac:dyDescent="0.25">
      <c r="A325" s="1">
        <v>43569.375</v>
      </c>
      <c r="B325" s="2">
        <v>29.91</v>
      </c>
      <c r="C325">
        <v>0.82560500000000003</v>
      </c>
      <c r="D325">
        <f t="shared" si="8"/>
        <v>8.2560499999999998E-4</v>
      </c>
      <c r="E325" s="6">
        <f t="shared" si="9"/>
        <v>2.4693845549999999E-2</v>
      </c>
    </row>
    <row r="326" spans="1:5" x14ac:dyDescent="0.25">
      <c r="A326" s="1">
        <v>43569.416666666664</v>
      </c>
      <c r="B326" s="2">
        <v>30.69</v>
      </c>
      <c r="C326">
        <v>0.74967399999999995</v>
      </c>
      <c r="D326">
        <f t="shared" ref="D326:D389" si="10">C326/1000</f>
        <v>7.4967399999999998E-4</v>
      </c>
      <c r="E326" s="6">
        <f t="shared" ref="E326:E389" si="11">D326*B326</f>
        <v>2.3007495060000001E-2</v>
      </c>
    </row>
    <row r="327" spans="1:5" x14ac:dyDescent="0.25">
      <c r="A327" s="1">
        <v>43569.458333333336</v>
      </c>
      <c r="B327" s="2">
        <v>32.04</v>
      </c>
      <c r="C327">
        <v>1.0559419999999999</v>
      </c>
      <c r="D327">
        <f t="shared" si="10"/>
        <v>1.055942E-3</v>
      </c>
      <c r="E327" s="6">
        <f t="shared" si="11"/>
        <v>3.3832381680000002E-2</v>
      </c>
    </row>
    <row r="328" spans="1:5" x14ac:dyDescent="0.25">
      <c r="A328" s="1">
        <v>43569.5</v>
      </c>
      <c r="B328" s="2">
        <v>31.14</v>
      </c>
      <c r="C328">
        <v>1.1826880000000002</v>
      </c>
      <c r="D328">
        <f t="shared" si="10"/>
        <v>1.1826880000000001E-3</v>
      </c>
      <c r="E328" s="6">
        <f t="shared" si="11"/>
        <v>3.6828904320000001E-2</v>
      </c>
    </row>
    <row r="329" spans="1:5" x14ac:dyDescent="0.25">
      <c r="A329" s="1">
        <v>43569.541666666664</v>
      </c>
      <c r="B329" s="2">
        <v>30.47</v>
      </c>
      <c r="C329">
        <v>1.693152</v>
      </c>
      <c r="D329">
        <f t="shared" si="10"/>
        <v>1.6931520000000001E-3</v>
      </c>
      <c r="E329" s="6">
        <f t="shared" si="11"/>
        <v>5.159034144E-2</v>
      </c>
    </row>
    <row r="330" spans="1:5" x14ac:dyDescent="0.25">
      <c r="A330" s="1">
        <v>43569.583333333336</v>
      </c>
      <c r="B330" s="2">
        <v>30.57</v>
      </c>
      <c r="C330">
        <v>1.754953</v>
      </c>
      <c r="D330">
        <f t="shared" si="10"/>
        <v>1.7549530000000001E-3</v>
      </c>
      <c r="E330" s="6">
        <f t="shared" si="11"/>
        <v>5.3648913210000003E-2</v>
      </c>
    </row>
    <row r="331" spans="1:5" x14ac:dyDescent="0.25">
      <c r="A331" s="1">
        <v>43569.625</v>
      </c>
      <c r="B331" s="2">
        <v>31.05</v>
      </c>
      <c r="C331">
        <v>0.87206100000000009</v>
      </c>
      <c r="D331">
        <f t="shared" si="10"/>
        <v>8.7206100000000004E-4</v>
      </c>
      <c r="E331" s="6">
        <f t="shared" si="11"/>
        <v>2.7077494050000001E-2</v>
      </c>
    </row>
    <row r="332" spans="1:5" x14ac:dyDescent="0.25">
      <c r="A332" s="1">
        <v>43569.666666666664</v>
      </c>
      <c r="B332" s="2">
        <v>32.549999999999997</v>
      </c>
      <c r="C332">
        <v>0.636683</v>
      </c>
      <c r="D332">
        <f t="shared" si="10"/>
        <v>6.3668299999999998E-4</v>
      </c>
      <c r="E332" s="6">
        <f t="shared" si="11"/>
        <v>2.0724031649999999E-2</v>
      </c>
    </row>
    <row r="333" spans="1:5" x14ac:dyDescent="0.25">
      <c r="A333" s="1">
        <v>43569.708333333336</v>
      </c>
      <c r="B333" s="2">
        <v>33.1</v>
      </c>
      <c r="C333">
        <v>0.35645199999999999</v>
      </c>
      <c r="D333">
        <f t="shared" si="10"/>
        <v>3.5645199999999999E-4</v>
      </c>
      <c r="E333" s="6">
        <f t="shared" si="11"/>
        <v>1.17985612E-2</v>
      </c>
    </row>
    <row r="334" spans="1:5" x14ac:dyDescent="0.25">
      <c r="A334" s="1">
        <v>43569.75</v>
      </c>
      <c r="B334" s="2">
        <v>32.61</v>
      </c>
      <c r="C334">
        <v>0.32506999999999997</v>
      </c>
      <c r="D334">
        <f t="shared" si="10"/>
        <v>3.2506999999999995E-4</v>
      </c>
      <c r="E334" s="6">
        <f t="shared" si="11"/>
        <v>1.0600532699999998E-2</v>
      </c>
    </row>
    <row r="335" spans="1:5" x14ac:dyDescent="0.25">
      <c r="A335" s="1">
        <v>43569.791666666664</v>
      </c>
      <c r="B335" s="2">
        <v>35.090000000000003</v>
      </c>
      <c r="C335">
        <v>0</v>
      </c>
      <c r="D335">
        <f t="shared" si="10"/>
        <v>0</v>
      </c>
      <c r="E335" s="6">
        <f t="shared" si="11"/>
        <v>0</v>
      </c>
    </row>
    <row r="336" spans="1:5" x14ac:dyDescent="0.25">
      <c r="A336" s="1">
        <v>43569.833333333336</v>
      </c>
      <c r="B336" s="2">
        <v>39.39</v>
      </c>
      <c r="C336">
        <v>0</v>
      </c>
      <c r="D336">
        <f t="shared" si="10"/>
        <v>0</v>
      </c>
      <c r="E336" s="6">
        <f t="shared" si="11"/>
        <v>0</v>
      </c>
    </row>
    <row r="337" spans="1:5" x14ac:dyDescent="0.25">
      <c r="A337" s="1">
        <v>43569.875</v>
      </c>
      <c r="B337" s="2">
        <v>32.799999999999997</v>
      </c>
      <c r="C337">
        <v>0</v>
      </c>
      <c r="D337">
        <f t="shared" si="10"/>
        <v>0</v>
      </c>
      <c r="E337" s="6">
        <f t="shared" si="11"/>
        <v>0</v>
      </c>
    </row>
    <row r="338" spans="1:5" x14ac:dyDescent="0.25">
      <c r="A338" s="1">
        <v>43569.916666666664</v>
      </c>
      <c r="B338" s="2">
        <v>26.56</v>
      </c>
      <c r="C338">
        <v>0</v>
      </c>
      <c r="D338">
        <f t="shared" si="10"/>
        <v>0</v>
      </c>
      <c r="E338" s="6">
        <f t="shared" si="11"/>
        <v>0</v>
      </c>
    </row>
    <row r="339" spans="1:5" x14ac:dyDescent="0.25">
      <c r="A339" s="1">
        <v>43569.958333333336</v>
      </c>
      <c r="B339" s="2">
        <v>24.99</v>
      </c>
      <c r="C339">
        <v>0</v>
      </c>
      <c r="D339">
        <f t="shared" si="10"/>
        <v>0</v>
      </c>
      <c r="E339" s="6">
        <f t="shared" si="11"/>
        <v>0</v>
      </c>
    </row>
    <row r="340" spans="1:5" x14ac:dyDescent="0.25">
      <c r="A340" s="1">
        <v>43570</v>
      </c>
      <c r="B340" s="2">
        <v>23.8</v>
      </c>
      <c r="C340">
        <v>0</v>
      </c>
      <c r="D340">
        <f t="shared" si="10"/>
        <v>0</v>
      </c>
      <c r="E340" s="6">
        <f t="shared" si="11"/>
        <v>0</v>
      </c>
    </row>
    <row r="341" spans="1:5" x14ac:dyDescent="0.25">
      <c r="A341" s="1">
        <v>43570.041666666664</v>
      </c>
      <c r="B341" s="2">
        <v>23.77</v>
      </c>
      <c r="C341">
        <v>0</v>
      </c>
      <c r="D341">
        <f t="shared" si="10"/>
        <v>0</v>
      </c>
      <c r="E341" s="6">
        <f t="shared" si="11"/>
        <v>0</v>
      </c>
    </row>
    <row r="342" spans="1:5" x14ac:dyDescent="0.25">
      <c r="A342" s="1">
        <v>43570.083333333336</v>
      </c>
      <c r="B342" s="2">
        <v>23.36</v>
      </c>
      <c r="C342">
        <v>0</v>
      </c>
      <c r="D342">
        <f t="shared" si="10"/>
        <v>0</v>
      </c>
      <c r="E342" s="6">
        <f t="shared" si="11"/>
        <v>0</v>
      </c>
    </row>
    <row r="343" spans="1:5" x14ac:dyDescent="0.25">
      <c r="A343" s="1">
        <v>43570.125</v>
      </c>
      <c r="B343" s="2">
        <v>23.63</v>
      </c>
      <c r="C343">
        <v>0</v>
      </c>
      <c r="D343">
        <f t="shared" si="10"/>
        <v>0</v>
      </c>
      <c r="E343" s="6">
        <f t="shared" si="11"/>
        <v>0</v>
      </c>
    </row>
    <row r="344" spans="1:5" x14ac:dyDescent="0.25">
      <c r="A344" s="1">
        <v>43570.166666666664</v>
      </c>
      <c r="B344" s="2">
        <v>24.68</v>
      </c>
      <c r="C344">
        <v>0</v>
      </c>
      <c r="D344">
        <f t="shared" si="10"/>
        <v>0</v>
      </c>
      <c r="E344" s="6">
        <f t="shared" si="11"/>
        <v>0</v>
      </c>
    </row>
    <row r="345" spans="1:5" x14ac:dyDescent="0.25">
      <c r="A345" s="1">
        <v>43570.208333333336</v>
      </c>
      <c r="B345" s="2">
        <v>28.59</v>
      </c>
      <c r="C345">
        <v>0</v>
      </c>
      <c r="D345">
        <f t="shared" si="10"/>
        <v>0</v>
      </c>
      <c r="E345" s="6">
        <f t="shared" si="11"/>
        <v>0</v>
      </c>
    </row>
    <row r="346" spans="1:5" x14ac:dyDescent="0.25">
      <c r="A346" s="1">
        <v>43570.25</v>
      </c>
      <c r="B346" s="2">
        <v>47.6</v>
      </c>
      <c r="C346">
        <v>0</v>
      </c>
      <c r="D346">
        <f t="shared" si="10"/>
        <v>0</v>
      </c>
      <c r="E346" s="6">
        <f t="shared" si="11"/>
        <v>0</v>
      </c>
    </row>
    <row r="347" spans="1:5" x14ac:dyDescent="0.25">
      <c r="A347" s="1">
        <v>43570.291666666664</v>
      </c>
      <c r="B347" s="2">
        <v>50.85</v>
      </c>
      <c r="C347">
        <v>0</v>
      </c>
      <c r="D347">
        <f t="shared" si="10"/>
        <v>0</v>
      </c>
      <c r="E347" s="6">
        <f t="shared" si="11"/>
        <v>0</v>
      </c>
    </row>
    <row r="348" spans="1:5" x14ac:dyDescent="0.25">
      <c r="A348" s="1">
        <v>43570.333333333336</v>
      </c>
      <c r="B348" s="2">
        <v>46.48</v>
      </c>
      <c r="C348">
        <v>2.1667000000000002E-2</v>
      </c>
      <c r="D348">
        <f t="shared" si="10"/>
        <v>2.1667000000000001E-5</v>
      </c>
      <c r="E348" s="6">
        <f t="shared" si="11"/>
        <v>1.0070821600000001E-3</v>
      </c>
    </row>
    <row r="349" spans="1:5" x14ac:dyDescent="0.25">
      <c r="A349" s="1">
        <v>43570.375</v>
      </c>
      <c r="B349" s="2">
        <v>44.46</v>
      </c>
      <c r="C349">
        <v>0.12654199999999999</v>
      </c>
      <c r="D349">
        <f t="shared" si="10"/>
        <v>1.26542E-4</v>
      </c>
      <c r="E349" s="6">
        <f t="shared" si="11"/>
        <v>5.6260573199999999E-3</v>
      </c>
    </row>
    <row r="350" spans="1:5" x14ac:dyDescent="0.25">
      <c r="A350" s="1">
        <v>43570.416666666664</v>
      </c>
      <c r="B350" s="2">
        <v>43.42</v>
      </c>
      <c r="C350">
        <v>0.52204499999999998</v>
      </c>
      <c r="D350">
        <f t="shared" si="10"/>
        <v>5.2204499999999995E-4</v>
      </c>
      <c r="E350" s="6">
        <f t="shared" si="11"/>
        <v>2.26671939E-2</v>
      </c>
    </row>
    <row r="351" spans="1:5" x14ac:dyDescent="0.25">
      <c r="A351" s="1">
        <v>43570.458333333336</v>
      </c>
      <c r="B351" s="2">
        <v>42.75</v>
      </c>
      <c r="C351">
        <v>1.1386259999999999</v>
      </c>
      <c r="D351">
        <f t="shared" si="10"/>
        <v>1.138626E-3</v>
      </c>
      <c r="E351" s="6">
        <f t="shared" si="11"/>
        <v>4.8676261499999998E-2</v>
      </c>
    </row>
    <row r="352" spans="1:5" x14ac:dyDescent="0.25">
      <c r="A352" s="1">
        <v>43570.5</v>
      </c>
      <c r="B352" s="2">
        <v>42.53</v>
      </c>
      <c r="C352">
        <v>1.1718360000000001</v>
      </c>
      <c r="D352">
        <f t="shared" si="10"/>
        <v>1.1718360000000001E-3</v>
      </c>
      <c r="E352" s="6">
        <f t="shared" si="11"/>
        <v>4.9838185080000007E-2</v>
      </c>
    </row>
    <row r="353" spans="1:5" x14ac:dyDescent="0.25">
      <c r="A353" s="1">
        <v>43570.541666666664</v>
      </c>
      <c r="B353" s="2">
        <v>41.4</v>
      </c>
      <c r="C353">
        <v>2.7164969999999999</v>
      </c>
      <c r="D353">
        <f t="shared" si="10"/>
        <v>2.716497E-3</v>
      </c>
      <c r="E353" s="6">
        <f t="shared" si="11"/>
        <v>0.11246297579999999</v>
      </c>
    </row>
    <row r="354" spans="1:5" x14ac:dyDescent="0.25">
      <c r="A354" s="1">
        <v>43570.583333333336</v>
      </c>
      <c r="B354" s="2">
        <v>37.15</v>
      </c>
      <c r="C354">
        <v>1.66906</v>
      </c>
      <c r="D354">
        <f t="shared" si="10"/>
        <v>1.66906E-3</v>
      </c>
      <c r="E354" s="6">
        <f t="shared" si="11"/>
        <v>6.2005578999999998E-2</v>
      </c>
    </row>
    <row r="355" spans="1:5" x14ac:dyDescent="0.25">
      <c r="A355" s="1">
        <v>43570.625</v>
      </c>
      <c r="B355" s="2">
        <v>35.549999999999997</v>
      </c>
      <c r="C355">
        <v>0.65606299999999995</v>
      </c>
      <c r="D355">
        <f t="shared" si="10"/>
        <v>6.5606299999999992E-4</v>
      </c>
      <c r="E355" s="6">
        <f t="shared" si="11"/>
        <v>2.3323039649999995E-2</v>
      </c>
    </row>
    <row r="356" spans="1:5" x14ac:dyDescent="0.25">
      <c r="A356" s="1">
        <v>43570.666666666664</v>
      </c>
      <c r="B356" s="2">
        <v>34.44</v>
      </c>
      <c r="C356">
        <v>0.38521</v>
      </c>
      <c r="D356">
        <f t="shared" si="10"/>
        <v>3.8520999999999998E-4</v>
      </c>
      <c r="E356" s="6">
        <f t="shared" si="11"/>
        <v>1.3266632399999999E-2</v>
      </c>
    </row>
    <row r="357" spans="1:5" x14ac:dyDescent="0.25">
      <c r="A357" s="1">
        <v>43570.708333333336</v>
      </c>
      <c r="B357" s="2">
        <v>34.43</v>
      </c>
      <c r="C357">
        <v>4.9472000000000002E-2</v>
      </c>
      <c r="D357">
        <f t="shared" si="10"/>
        <v>4.9472000000000003E-5</v>
      </c>
      <c r="E357" s="6">
        <f t="shared" si="11"/>
        <v>1.7033209600000002E-3</v>
      </c>
    </row>
    <row r="358" spans="1:5" x14ac:dyDescent="0.25">
      <c r="A358" s="1">
        <v>43570.75</v>
      </c>
      <c r="B358" s="2">
        <v>33.549999999999997</v>
      </c>
      <c r="C358">
        <v>3.0722000000000003E-2</v>
      </c>
      <c r="D358">
        <f t="shared" si="10"/>
        <v>3.0722000000000002E-5</v>
      </c>
      <c r="E358" s="6">
        <f t="shared" si="11"/>
        <v>1.0307230999999999E-3</v>
      </c>
    </row>
    <row r="359" spans="1:5" x14ac:dyDescent="0.25">
      <c r="A359" s="1">
        <v>43570.791666666664</v>
      </c>
      <c r="B359" s="2">
        <v>38.33</v>
      </c>
      <c r="C359">
        <v>0.15301200000000001</v>
      </c>
      <c r="D359">
        <f t="shared" si="10"/>
        <v>1.53012E-4</v>
      </c>
      <c r="E359" s="6">
        <f t="shared" si="11"/>
        <v>5.86494996E-3</v>
      </c>
    </row>
    <row r="360" spans="1:5" x14ac:dyDescent="0.25">
      <c r="A360" s="1">
        <v>43570.833333333336</v>
      </c>
      <c r="B360" s="2">
        <v>42.61</v>
      </c>
      <c r="C360">
        <v>0</v>
      </c>
      <c r="D360">
        <f t="shared" si="10"/>
        <v>0</v>
      </c>
      <c r="E360" s="6">
        <f t="shared" si="11"/>
        <v>0</v>
      </c>
    </row>
    <row r="361" spans="1:5" x14ac:dyDescent="0.25">
      <c r="A361" s="1">
        <v>43570.875</v>
      </c>
      <c r="B361" s="2">
        <v>34.46</v>
      </c>
      <c r="C361">
        <v>0</v>
      </c>
      <c r="D361">
        <f t="shared" si="10"/>
        <v>0</v>
      </c>
      <c r="E361" s="6">
        <f t="shared" si="11"/>
        <v>0</v>
      </c>
    </row>
    <row r="362" spans="1:5" x14ac:dyDescent="0.25">
      <c r="A362" s="1">
        <v>43570.916666666664</v>
      </c>
      <c r="B362" s="2">
        <v>28.49</v>
      </c>
      <c r="C362">
        <v>0</v>
      </c>
      <c r="D362">
        <f t="shared" si="10"/>
        <v>0</v>
      </c>
      <c r="E362" s="6">
        <f t="shared" si="11"/>
        <v>0</v>
      </c>
    </row>
    <row r="363" spans="1:5" x14ac:dyDescent="0.25">
      <c r="A363" s="1">
        <v>43570.958333333336</v>
      </c>
      <c r="B363" s="2">
        <v>25.06</v>
      </c>
      <c r="C363">
        <v>0</v>
      </c>
      <c r="D363">
        <f t="shared" si="10"/>
        <v>0</v>
      </c>
      <c r="E363" s="6">
        <f t="shared" si="11"/>
        <v>0</v>
      </c>
    </row>
    <row r="364" spans="1:5" x14ac:dyDescent="0.25">
      <c r="A364" s="1">
        <v>43571</v>
      </c>
      <c r="B364" s="2">
        <v>22.33</v>
      </c>
      <c r="C364">
        <v>0</v>
      </c>
      <c r="D364">
        <f t="shared" si="10"/>
        <v>0</v>
      </c>
      <c r="E364" s="6">
        <f t="shared" si="11"/>
        <v>0</v>
      </c>
    </row>
    <row r="365" spans="1:5" x14ac:dyDescent="0.25">
      <c r="A365" s="1">
        <v>43571.041666666664</v>
      </c>
      <c r="B365" s="2">
        <v>22.53</v>
      </c>
      <c r="C365">
        <v>0</v>
      </c>
      <c r="D365">
        <f t="shared" si="10"/>
        <v>0</v>
      </c>
      <c r="E365" s="6">
        <f t="shared" si="11"/>
        <v>0</v>
      </c>
    </row>
    <row r="366" spans="1:5" x14ac:dyDescent="0.25">
      <c r="A366" s="1">
        <v>43571.083333333336</v>
      </c>
      <c r="B366" s="2">
        <v>22.33</v>
      </c>
      <c r="C366">
        <v>0</v>
      </c>
      <c r="D366">
        <f t="shared" si="10"/>
        <v>0</v>
      </c>
      <c r="E366" s="6">
        <f t="shared" si="11"/>
        <v>0</v>
      </c>
    </row>
    <row r="367" spans="1:5" x14ac:dyDescent="0.25">
      <c r="A367" s="1">
        <v>43571.125</v>
      </c>
      <c r="B367" s="2">
        <v>22.83</v>
      </c>
      <c r="C367">
        <v>0</v>
      </c>
      <c r="D367">
        <f t="shared" si="10"/>
        <v>0</v>
      </c>
      <c r="E367" s="6">
        <f t="shared" si="11"/>
        <v>0</v>
      </c>
    </row>
    <row r="368" spans="1:5" x14ac:dyDescent="0.25">
      <c r="A368" s="1">
        <v>43571.166666666664</v>
      </c>
      <c r="B368" s="2">
        <v>24.34</v>
      </c>
      <c r="C368">
        <v>0</v>
      </c>
      <c r="D368">
        <f t="shared" si="10"/>
        <v>0</v>
      </c>
      <c r="E368" s="6">
        <f t="shared" si="11"/>
        <v>0</v>
      </c>
    </row>
    <row r="369" spans="1:5" x14ac:dyDescent="0.25">
      <c r="A369" s="1">
        <v>43571.208333333336</v>
      </c>
      <c r="B369" s="2">
        <v>30</v>
      </c>
      <c r="C369">
        <v>0</v>
      </c>
      <c r="D369">
        <f t="shared" si="10"/>
        <v>0</v>
      </c>
      <c r="E369" s="6">
        <f t="shared" si="11"/>
        <v>0</v>
      </c>
    </row>
    <row r="370" spans="1:5" x14ac:dyDescent="0.25">
      <c r="A370" s="1">
        <v>43571.25</v>
      </c>
      <c r="B370" s="2">
        <v>53.22</v>
      </c>
      <c r="C370">
        <v>0</v>
      </c>
      <c r="D370">
        <f t="shared" si="10"/>
        <v>0</v>
      </c>
      <c r="E370" s="6">
        <f t="shared" si="11"/>
        <v>0</v>
      </c>
    </row>
    <row r="371" spans="1:5" x14ac:dyDescent="0.25">
      <c r="A371" s="1">
        <v>43571.291666666664</v>
      </c>
      <c r="B371" s="2">
        <v>50.94</v>
      </c>
      <c r="C371">
        <v>0.247752</v>
      </c>
      <c r="D371">
        <f t="shared" si="10"/>
        <v>2.4775200000000001E-4</v>
      </c>
      <c r="E371" s="6">
        <f t="shared" si="11"/>
        <v>1.262048688E-2</v>
      </c>
    </row>
    <row r="372" spans="1:5" x14ac:dyDescent="0.25">
      <c r="A372" s="1">
        <v>43571.333333333336</v>
      </c>
      <c r="B372" s="2">
        <v>42.14</v>
      </c>
      <c r="C372">
        <v>2.091707</v>
      </c>
      <c r="D372">
        <f t="shared" si="10"/>
        <v>2.0917069999999999E-3</v>
      </c>
      <c r="E372" s="6">
        <f t="shared" si="11"/>
        <v>8.8144532979999995E-2</v>
      </c>
    </row>
    <row r="373" spans="1:5" x14ac:dyDescent="0.25">
      <c r="A373" s="1">
        <v>43571.375</v>
      </c>
      <c r="B373" s="2">
        <v>37.65</v>
      </c>
      <c r="C373">
        <v>4.3812160000000002</v>
      </c>
      <c r="D373">
        <f t="shared" si="10"/>
        <v>4.3812160000000003E-3</v>
      </c>
      <c r="E373" s="6">
        <f t="shared" si="11"/>
        <v>0.1649527824</v>
      </c>
    </row>
    <row r="374" spans="1:5" x14ac:dyDescent="0.25">
      <c r="A374" s="1">
        <v>43571.416666666664</v>
      </c>
      <c r="B374" s="2">
        <v>35.159999999999997</v>
      </c>
      <c r="C374">
        <v>6.1938959999999996</v>
      </c>
      <c r="D374">
        <f t="shared" si="10"/>
        <v>6.193896E-3</v>
      </c>
      <c r="E374" s="6">
        <f t="shared" si="11"/>
        <v>0.21777738335999997</v>
      </c>
    </row>
    <row r="375" spans="1:5" x14ac:dyDescent="0.25">
      <c r="A375" s="1">
        <v>43571.458333333336</v>
      </c>
      <c r="B375" s="2">
        <v>34.79</v>
      </c>
      <c r="C375">
        <v>7.463508</v>
      </c>
      <c r="D375">
        <f t="shared" si="10"/>
        <v>7.4635079999999998E-3</v>
      </c>
      <c r="E375" s="6">
        <f t="shared" si="11"/>
        <v>0.25965544332000001</v>
      </c>
    </row>
    <row r="376" spans="1:5" x14ac:dyDescent="0.25">
      <c r="A376" s="1">
        <v>43571.5</v>
      </c>
      <c r="B376" s="2">
        <v>34.65</v>
      </c>
      <c r="C376">
        <v>8.1765939999999997</v>
      </c>
      <c r="D376">
        <f t="shared" si="10"/>
        <v>8.1765939999999988E-3</v>
      </c>
      <c r="E376" s="6">
        <f t="shared" si="11"/>
        <v>0.28331898209999995</v>
      </c>
    </row>
    <row r="377" spans="1:5" x14ac:dyDescent="0.25">
      <c r="A377" s="1">
        <v>43571.541666666664</v>
      </c>
      <c r="B377" s="2">
        <v>33.71</v>
      </c>
      <c r="C377">
        <v>8.3838610000000013</v>
      </c>
      <c r="D377">
        <f t="shared" si="10"/>
        <v>8.3838610000000011E-3</v>
      </c>
      <c r="E377" s="6">
        <f t="shared" si="11"/>
        <v>0.28261995431000003</v>
      </c>
    </row>
    <row r="378" spans="1:5" x14ac:dyDescent="0.25">
      <c r="A378" s="1">
        <v>43571.583333333336</v>
      </c>
      <c r="B378" s="2">
        <v>32.68</v>
      </c>
      <c r="C378">
        <v>8.0946999999999996</v>
      </c>
      <c r="D378">
        <f t="shared" si="10"/>
        <v>8.0946999999999998E-3</v>
      </c>
      <c r="E378" s="6">
        <f t="shared" si="11"/>
        <v>0.26453479600000002</v>
      </c>
    </row>
    <row r="379" spans="1:5" x14ac:dyDescent="0.25">
      <c r="A379" s="1">
        <v>43571.625</v>
      </c>
      <c r="B379" s="2">
        <v>31.89</v>
      </c>
      <c r="C379">
        <v>7.3157709999999998</v>
      </c>
      <c r="D379">
        <f t="shared" si="10"/>
        <v>7.3157709999999996E-3</v>
      </c>
      <c r="E379" s="6">
        <f t="shared" si="11"/>
        <v>0.23329993719</v>
      </c>
    </row>
    <row r="380" spans="1:5" x14ac:dyDescent="0.25">
      <c r="A380" s="1">
        <v>43571.666666666664</v>
      </c>
      <c r="B380" s="2">
        <v>31.98</v>
      </c>
      <c r="C380">
        <v>6.0795110000000001</v>
      </c>
      <c r="D380">
        <f t="shared" si="10"/>
        <v>6.0795110000000001E-3</v>
      </c>
      <c r="E380" s="6">
        <f t="shared" si="11"/>
        <v>0.19442276178000001</v>
      </c>
    </row>
    <row r="381" spans="1:5" x14ac:dyDescent="0.25">
      <c r="A381" s="1">
        <v>43571.708333333336</v>
      </c>
      <c r="B381" s="2">
        <v>31.88</v>
      </c>
      <c r="C381">
        <v>4.33847</v>
      </c>
      <c r="D381">
        <f t="shared" si="10"/>
        <v>4.3384699999999997E-3</v>
      </c>
      <c r="E381" s="6">
        <f t="shared" si="11"/>
        <v>0.13831042359999998</v>
      </c>
    </row>
    <row r="382" spans="1:5" x14ac:dyDescent="0.25">
      <c r="A382" s="1">
        <v>43571.75</v>
      </c>
      <c r="B382" s="2">
        <v>30.94</v>
      </c>
      <c r="C382">
        <v>2.1703079999999999</v>
      </c>
      <c r="D382">
        <f t="shared" si="10"/>
        <v>2.1703079999999997E-3</v>
      </c>
      <c r="E382" s="6">
        <f t="shared" si="11"/>
        <v>6.7149329519999995E-2</v>
      </c>
    </row>
    <row r="383" spans="1:5" x14ac:dyDescent="0.25">
      <c r="A383" s="1">
        <v>43571.791666666664</v>
      </c>
      <c r="B383" s="2">
        <v>32.869999999999997</v>
      </c>
      <c r="C383">
        <v>0.35964999999999997</v>
      </c>
      <c r="D383">
        <f t="shared" si="10"/>
        <v>3.5964999999999999E-4</v>
      </c>
      <c r="E383" s="6">
        <f t="shared" si="11"/>
        <v>1.1821695499999998E-2</v>
      </c>
    </row>
    <row r="384" spans="1:5" x14ac:dyDescent="0.25">
      <c r="A384" s="1">
        <v>43571.833333333336</v>
      </c>
      <c r="B384" s="2">
        <v>39.19</v>
      </c>
      <c r="C384">
        <v>0</v>
      </c>
      <c r="D384">
        <f t="shared" si="10"/>
        <v>0</v>
      </c>
      <c r="E384" s="6">
        <f t="shared" si="11"/>
        <v>0</v>
      </c>
    </row>
    <row r="385" spans="1:5" x14ac:dyDescent="0.25">
      <c r="A385" s="1">
        <v>43571.875</v>
      </c>
      <c r="B385" s="2">
        <v>34.18</v>
      </c>
      <c r="C385">
        <v>0</v>
      </c>
      <c r="D385">
        <f t="shared" si="10"/>
        <v>0</v>
      </c>
      <c r="E385" s="6">
        <f t="shared" si="11"/>
        <v>0</v>
      </c>
    </row>
    <row r="386" spans="1:5" x14ac:dyDescent="0.25">
      <c r="A386" s="1">
        <v>43571.916666666664</v>
      </c>
      <c r="B386" s="2">
        <v>26.03</v>
      </c>
      <c r="C386">
        <v>0</v>
      </c>
      <c r="D386">
        <f t="shared" si="10"/>
        <v>0</v>
      </c>
      <c r="E386" s="6">
        <f t="shared" si="11"/>
        <v>0</v>
      </c>
    </row>
    <row r="387" spans="1:5" x14ac:dyDescent="0.25">
      <c r="A387" s="1">
        <v>43571.958333333336</v>
      </c>
      <c r="B387" s="2">
        <v>21.9</v>
      </c>
      <c r="C387">
        <v>0</v>
      </c>
      <c r="D387">
        <f t="shared" si="10"/>
        <v>0</v>
      </c>
      <c r="E387" s="6">
        <f t="shared" si="11"/>
        <v>0</v>
      </c>
    </row>
    <row r="388" spans="1:5" x14ac:dyDescent="0.25">
      <c r="A388" s="1">
        <v>43572</v>
      </c>
      <c r="B388" s="2">
        <v>22.08</v>
      </c>
      <c r="C388">
        <v>0</v>
      </c>
      <c r="D388">
        <f t="shared" si="10"/>
        <v>0</v>
      </c>
      <c r="E388" s="6">
        <f t="shared" si="11"/>
        <v>0</v>
      </c>
    </row>
    <row r="389" spans="1:5" x14ac:dyDescent="0.25">
      <c r="A389" s="1">
        <v>43572.041666666664</v>
      </c>
      <c r="B389" s="2">
        <v>22.23</v>
      </c>
      <c r="C389">
        <v>0</v>
      </c>
      <c r="D389">
        <f t="shared" si="10"/>
        <v>0</v>
      </c>
      <c r="E389" s="6">
        <f t="shared" si="11"/>
        <v>0</v>
      </c>
    </row>
    <row r="390" spans="1:5" x14ac:dyDescent="0.25">
      <c r="A390" s="1">
        <v>43572.083333333336</v>
      </c>
      <c r="B390" s="2">
        <v>22.15</v>
      </c>
      <c r="C390">
        <v>0</v>
      </c>
      <c r="D390">
        <f t="shared" ref="D390:D453" si="12">C390/1000</f>
        <v>0</v>
      </c>
      <c r="E390" s="6">
        <f t="shared" ref="E390:E453" si="13">D390*B390</f>
        <v>0</v>
      </c>
    </row>
    <row r="391" spans="1:5" x14ac:dyDescent="0.25">
      <c r="A391" s="1">
        <v>43572.125</v>
      </c>
      <c r="B391" s="2">
        <v>22.27</v>
      </c>
      <c r="C391">
        <v>0</v>
      </c>
      <c r="D391">
        <f t="shared" si="12"/>
        <v>0</v>
      </c>
      <c r="E391" s="6">
        <f t="shared" si="13"/>
        <v>0</v>
      </c>
    </row>
    <row r="392" spans="1:5" x14ac:dyDescent="0.25">
      <c r="A392" s="1">
        <v>43572.166666666664</v>
      </c>
      <c r="B392" s="2">
        <v>25.29</v>
      </c>
      <c r="C392">
        <v>0</v>
      </c>
      <c r="D392">
        <f t="shared" si="12"/>
        <v>0</v>
      </c>
      <c r="E392" s="6">
        <f t="shared" si="13"/>
        <v>0</v>
      </c>
    </row>
    <row r="393" spans="1:5" x14ac:dyDescent="0.25">
      <c r="A393" s="1">
        <v>43572.208333333336</v>
      </c>
      <c r="B393" s="2">
        <v>29.15</v>
      </c>
      <c r="C393">
        <v>0</v>
      </c>
      <c r="D393">
        <f t="shared" si="12"/>
        <v>0</v>
      </c>
      <c r="E393" s="6">
        <f t="shared" si="13"/>
        <v>0</v>
      </c>
    </row>
    <row r="394" spans="1:5" x14ac:dyDescent="0.25">
      <c r="A394" s="1">
        <v>43572.25</v>
      </c>
      <c r="B394" s="2">
        <v>45.15</v>
      </c>
      <c r="C394">
        <v>0</v>
      </c>
      <c r="D394">
        <f t="shared" si="12"/>
        <v>0</v>
      </c>
      <c r="E394" s="6">
        <f t="shared" si="13"/>
        <v>0</v>
      </c>
    </row>
    <row r="395" spans="1:5" x14ac:dyDescent="0.25">
      <c r="A395" s="1">
        <v>43572.291666666664</v>
      </c>
      <c r="B395" s="2">
        <v>43.69</v>
      </c>
      <c r="C395">
        <v>0.294875</v>
      </c>
      <c r="D395">
        <f t="shared" si="12"/>
        <v>2.94875E-4</v>
      </c>
      <c r="E395" s="6">
        <f t="shared" si="13"/>
        <v>1.2883088749999999E-2</v>
      </c>
    </row>
    <row r="396" spans="1:5" x14ac:dyDescent="0.25">
      <c r="A396" s="1">
        <v>43572.333333333336</v>
      </c>
      <c r="B396" s="2">
        <v>40.659999999999997</v>
      </c>
      <c r="C396">
        <v>2.1012959999999996</v>
      </c>
      <c r="D396">
        <f t="shared" si="12"/>
        <v>2.1012959999999995E-3</v>
      </c>
      <c r="E396" s="6">
        <f t="shared" si="13"/>
        <v>8.5438695359999969E-2</v>
      </c>
    </row>
    <row r="397" spans="1:5" x14ac:dyDescent="0.25">
      <c r="A397" s="1">
        <v>43572.375</v>
      </c>
      <c r="B397" s="2">
        <v>39.119999999999997</v>
      </c>
      <c r="C397">
        <v>4.3084030000000002</v>
      </c>
      <c r="D397">
        <f t="shared" si="12"/>
        <v>4.3084030000000006E-3</v>
      </c>
      <c r="E397" s="6">
        <f t="shared" si="13"/>
        <v>0.16854472536000001</v>
      </c>
    </row>
    <row r="398" spans="1:5" x14ac:dyDescent="0.25">
      <c r="A398" s="1">
        <v>43572.416666666664</v>
      </c>
      <c r="B398" s="2">
        <v>38.590000000000003</v>
      </c>
      <c r="C398">
        <v>6.0225349999999995</v>
      </c>
      <c r="D398">
        <f t="shared" si="12"/>
        <v>6.0225349999999999E-3</v>
      </c>
      <c r="E398" s="6">
        <f t="shared" si="13"/>
        <v>0.23240962565000001</v>
      </c>
    </row>
    <row r="399" spans="1:5" x14ac:dyDescent="0.25">
      <c r="A399" s="1">
        <v>43572.458333333336</v>
      </c>
      <c r="B399" s="2">
        <v>38.520000000000003</v>
      </c>
      <c r="C399">
        <v>7.2585410000000001</v>
      </c>
      <c r="D399">
        <f t="shared" si="12"/>
        <v>7.2585410000000003E-3</v>
      </c>
      <c r="E399" s="6">
        <f t="shared" si="13"/>
        <v>0.27959899932000004</v>
      </c>
    </row>
    <row r="400" spans="1:5" x14ac:dyDescent="0.25">
      <c r="A400" s="1">
        <v>43572.5</v>
      </c>
      <c r="B400" s="2">
        <v>39.74</v>
      </c>
      <c r="C400">
        <v>7.8917510000000002</v>
      </c>
      <c r="D400">
        <f t="shared" si="12"/>
        <v>7.8917510000000007E-3</v>
      </c>
      <c r="E400" s="6">
        <f t="shared" si="13"/>
        <v>0.31361818474000003</v>
      </c>
    </row>
    <row r="401" spans="1:5" x14ac:dyDescent="0.25">
      <c r="A401" s="1">
        <v>43572.541666666664</v>
      </c>
      <c r="B401" s="2">
        <v>39.33</v>
      </c>
      <c r="C401">
        <v>8.0672370000000004</v>
      </c>
      <c r="D401">
        <f t="shared" si="12"/>
        <v>8.0672369999999997E-3</v>
      </c>
      <c r="E401" s="6">
        <f t="shared" si="13"/>
        <v>0.31728443121</v>
      </c>
    </row>
    <row r="402" spans="1:5" x14ac:dyDescent="0.25">
      <c r="A402" s="1">
        <v>43572.583333333336</v>
      </c>
      <c r="B402" s="2">
        <v>37.76</v>
      </c>
      <c r="C402">
        <v>7.809628</v>
      </c>
      <c r="D402">
        <f t="shared" si="12"/>
        <v>7.8096279999999999E-3</v>
      </c>
      <c r="E402" s="6">
        <f t="shared" si="13"/>
        <v>0.29489155328</v>
      </c>
    </row>
    <row r="403" spans="1:5" x14ac:dyDescent="0.25">
      <c r="A403" s="1">
        <v>43572.625</v>
      </c>
      <c r="B403" s="2">
        <v>37.840000000000003</v>
      </c>
      <c r="C403">
        <v>7.0493950000000005</v>
      </c>
      <c r="D403">
        <f t="shared" si="12"/>
        <v>7.0493950000000008E-3</v>
      </c>
      <c r="E403" s="6">
        <f t="shared" si="13"/>
        <v>0.26674910680000008</v>
      </c>
    </row>
    <row r="404" spans="1:5" x14ac:dyDescent="0.25">
      <c r="A404" s="1">
        <v>43572.666666666664</v>
      </c>
      <c r="B404" s="2">
        <v>36.96</v>
      </c>
      <c r="C404">
        <v>5.8213169999999996</v>
      </c>
      <c r="D404">
        <f t="shared" si="12"/>
        <v>5.8213169999999995E-3</v>
      </c>
      <c r="E404" s="6">
        <f t="shared" si="13"/>
        <v>0.21515587631999999</v>
      </c>
    </row>
    <row r="405" spans="1:5" x14ac:dyDescent="0.25">
      <c r="A405" s="1">
        <v>43572.708333333336</v>
      </c>
      <c r="B405" s="2">
        <v>35.479999999999997</v>
      </c>
      <c r="C405">
        <v>4.1251130000000007</v>
      </c>
      <c r="D405">
        <f t="shared" si="12"/>
        <v>4.1251130000000006E-3</v>
      </c>
      <c r="E405" s="6">
        <f t="shared" si="13"/>
        <v>0.14635900924</v>
      </c>
    </row>
    <row r="406" spans="1:5" x14ac:dyDescent="0.25">
      <c r="A406" s="1">
        <v>43572.75</v>
      </c>
      <c r="B406" s="2">
        <v>32.590000000000003</v>
      </c>
      <c r="C406">
        <v>2.069944</v>
      </c>
      <c r="D406">
        <f t="shared" si="12"/>
        <v>2.0699440000000002E-3</v>
      </c>
      <c r="E406" s="6">
        <f t="shared" si="13"/>
        <v>6.7459474960000015E-2</v>
      </c>
    </row>
    <row r="407" spans="1:5" x14ac:dyDescent="0.25">
      <c r="A407" s="1">
        <v>43572.791666666664</v>
      </c>
      <c r="B407" s="2">
        <v>32.6</v>
      </c>
      <c r="C407">
        <v>0.37068099999999998</v>
      </c>
      <c r="D407">
        <f t="shared" si="12"/>
        <v>3.7068099999999998E-4</v>
      </c>
      <c r="E407" s="6">
        <f t="shared" si="13"/>
        <v>1.2084200599999999E-2</v>
      </c>
    </row>
    <row r="408" spans="1:5" x14ac:dyDescent="0.25">
      <c r="A408" s="1">
        <v>43572.833333333336</v>
      </c>
      <c r="B408" s="2">
        <v>37.94</v>
      </c>
      <c r="C408">
        <v>0</v>
      </c>
      <c r="D408">
        <f t="shared" si="12"/>
        <v>0</v>
      </c>
      <c r="E408" s="6">
        <f t="shared" si="13"/>
        <v>0</v>
      </c>
    </row>
    <row r="409" spans="1:5" x14ac:dyDescent="0.25">
      <c r="A409" s="1">
        <v>43572.875</v>
      </c>
      <c r="B409" s="2">
        <v>32.61</v>
      </c>
      <c r="C409">
        <v>0</v>
      </c>
      <c r="D409">
        <f t="shared" si="12"/>
        <v>0</v>
      </c>
      <c r="E409" s="6">
        <f t="shared" si="13"/>
        <v>0</v>
      </c>
    </row>
    <row r="410" spans="1:5" x14ac:dyDescent="0.25">
      <c r="A410" s="1">
        <v>43572.916666666664</v>
      </c>
      <c r="B410" s="2">
        <v>25.87</v>
      </c>
      <c r="C410">
        <v>0</v>
      </c>
      <c r="D410">
        <f t="shared" si="12"/>
        <v>0</v>
      </c>
      <c r="E410" s="6">
        <f t="shared" si="13"/>
        <v>0</v>
      </c>
    </row>
    <row r="411" spans="1:5" x14ac:dyDescent="0.25">
      <c r="A411" s="1">
        <v>43572.958333333336</v>
      </c>
      <c r="B411" s="2">
        <v>22.85</v>
      </c>
      <c r="C411">
        <v>0</v>
      </c>
      <c r="D411">
        <f t="shared" si="12"/>
        <v>0</v>
      </c>
      <c r="E411" s="6">
        <f t="shared" si="13"/>
        <v>0</v>
      </c>
    </row>
    <row r="412" spans="1:5" x14ac:dyDescent="0.25">
      <c r="A412" s="1">
        <v>43573</v>
      </c>
      <c r="B412" s="2">
        <v>19.62</v>
      </c>
      <c r="C412">
        <v>0</v>
      </c>
      <c r="D412">
        <f t="shared" si="12"/>
        <v>0</v>
      </c>
      <c r="E412" s="6">
        <f t="shared" si="13"/>
        <v>0</v>
      </c>
    </row>
    <row r="413" spans="1:5" x14ac:dyDescent="0.25">
      <c r="A413" s="1">
        <v>43573.041666666664</v>
      </c>
      <c r="B413" s="2">
        <v>19.59</v>
      </c>
      <c r="C413">
        <v>0</v>
      </c>
      <c r="D413">
        <f t="shared" si="12"/>
        <v>0</v>
      </c>
      <c r="E413" s="6">
        <f t="shared" si="13"/>
        <v>0</v>
      </c>
    </row>
    <row r="414" spans="1:5" x14ac:dyDescent="0.25">
      <c r="A414" s="1">
        <v>43573.083333333336</v>
      </c>
      <c r="B414" s="2">
        <v>19.399999999999999</v>
      </c>
      <c r="C414">
        <v>0</v>
      </c>
      <c r="D414">
        <f t="shared" si="12"/>
        <v>0</v>
      </c>
      <c r="E414" s="6">
        <f t="shared" si="13"/>
        <v>0</v>
      </c>
    </row>
    <row r="415" spans="1:5" x14ac:dyDescent="0.25">
      <c r="A415" s="1">
        <v>43573.125</v>
      </c>
      <c r="B415" s="2">
        <v>20.100000000000001</v>
      </c>
      <c r="C415">
        <v>0</v>
      </c>
      <c r="D415">
        <f t="shared" si="12"/>
        <v>0</v>
      </c>
      <c r="E415" s="6">
        <f t="shared" si="13"/>
        <v>0</v>
      </c>
    </row>
    <row r="416" spans="1:5" x14ac:dyDescent="0.25">
      <c r="A416" s="1">
        <v>43573.166666666664</v>
      </c>
      <c r="B416" s="2">
        <v>20.71</v>
      </c>
      <c r="C416">
        <v>0</v>
      </c>
      <c r="D416">
        <f t="shared" si="12"/>
        <v>0</v>
      </c>
      <c r="E416" s="6">
        <f t="shared" si="13"/>
        <v>0</v>
      </c>
    </row>
    <row r="417" spans="1:5" x14ac:dyDescent="0.25">
      <c r="A417" s="1">
        <v>43573.208333333336</v>
      </c>
      <c r="B417" s="2">
        <v>24.21</v>
      </c>
      <c r="C417">
        <v>0</v>
      </c>
      <c r="D417">
        <f t="shared" si="12"/>
        <v>0</v>
      </c>
      <c r="E417" s="6">
        <f t="shared" si="13"/>
        <v>0</v>
      </c>
    </row>
    <row r="418" spans="1:5" x14ac:dyDescent="0.25">
      <c r="A418" s="1">
        <v>43573.25</v>
      </c>
      <c r="B418" s="2">
        <v>35.33</v>
      </c>
      <c r="C418">
        <v>0</v>
      </c>
      <c r="D418">
        <f t="shared" si="12"/>
        <v>0</v>
      </c>
      <c r="E418" s="6">
        <f t="shared" si="13"/>
        <v>0</v>
      </c>
    </row>
    <row r="419" spans="1:5" x14ac:dyDescent="0.25">
      <c r="A419" s="1">
        <v>43573.291666666664</v>
      </c>
      <c r="B419" s="2">
        <v>32.770000000000003</v>
      </c>
      <c r="C419">
        <v>0.267376</v>
      </c>
      <c r="D419">
        <f t="shared" si="12"/>
        <v>2.67376E-4</v>
      </c>
      <c r="E419" s="6">
        <f t="shared" si="13"/>
        <v>8.7619115200000004E-3</v>
      </c>
    </row>
    <row r="420" spans="1:5" x14ac:dyDescent="0.25">
      <c r="A420" s="1">
        <v>43573.333333333336</v>
      </c>
      <c r="B420" s="2">
        <v>30.76</v>
      </c>
      <c r="C420">
        <v>0.55725599999999997</v>
      </c>
      <c r="D420">
        <f t="shared" si="12"/>
        <v>5.5725600000000001E-4</v>
      </c>
      <c r="E420" s="6">
        <f t="shared" si="13"/>
        <v>1.714119456E-2</v>
      </c>
    </row>
    <row r="421" spans="1:5" x14ac:dyDescent="0.25">
      <c r="A421" s="1">
        <v>43573.375</v>
      </c>
      <c r="B421" s="2">
        <v>30.89</v>
      </c>
      <c r="C421">
        <v>1.7285870000000001</v>
      </c>
      <c r="D421">
        <f t="shared" si="12"/>
        <v>1.7285870000000002E-3</v>
      </c>
      <c r="E421" s="6">
        <f t="shared" si="13"/>
        <v>5.3396052430000007E-2</v>
      </c>
    </row>
    <row r="422" spans="1:5" x14ac:dyDescent="0.25">
      <c r="A422" s="1">
        <v>43573.416666666664</v>
      </c>
      <c r="B422" s="2">
        <v>30.38</v>
      </c>
      <c r="C422">
        <v>3.009973</v>
      </c>
      <c r="D422">
        <f t="shared" si="12"/>
        <v>3.009973E-3</v>
      </c>
      <c r="E422" s="6">
        <f t="shared" si="13"/>
        <v>9.1442979739999999E-2</v>
      </c>
    </row>
    <row r="423" spans="1:5" x14ac:dyDescent="0.25">
      <c r="A423" s="1">
        <v>43573.458333333336</v>
      </c>
      <c r="B423" s="2">
        <v>33.119999999999997</v>
      </c>
      <c r="C423">
        <v>1.599647</v>
      </c>
      <c r="D423">
        <f t="shared" si="12"/>
        <v>1.599647E-3</v>
      </c>
      <c r="E423" s="6">
        <f t="shared" si="13"/>
        <v>5.2980308639999994E-2</v>
      </c>
    </row>
    <row r="424" spans="1:5" x14ac:dyDescent="0.25">
      <c r="A424" s="1">
        <v>43573.5</v>
      </c>
      <c r="B424" s="2">
        <v>34.86</v>
      </c>
      <c r="C424">
        <v>3.2219189999999998</v>
      </c>
      <c r="D424">
        <f t="shared" si="12"/>
        <v>3.2219189999999997E-3</v>
      </c>
      <c r="E424" s="6">
        <f t="shared" si="13"/>
        <v>0.11231609633999999</v>
      </c>
    </row>
    <row r="425" spans="1:5" x14ac:dyDescent="0.25">
      <c r="A425" s="1">
        <v>43573.541666666664</v>
      </c>
      <c r="B425" s="2">
        <v>35.82</v>
      </c>
      <c r="C425">
        <v>6.0617640000000002</v>
      </c>
      <c r="D425">
        <f t="shared" si="12"/>
        <v>6.0617639999999999E-3</v>
      </c>
      <c r="E425" s="6">
        <f t="shared" si="13"/>
        <v>0.21713238647999999</v>
      </c>
    </row>
    <row r="426" spans="1:5" x14ac:dyDescent="0.25">
      <c r="A426" s="1">
        <v>43573.583333333336</v>
      </c>
      <c r="B426" s="2">
        <v>37.76</v>
      </c>
      <c r="C426">
        <v>3.904061</v>
      </c>
      <c r="D426">
        <f t="shared" si="12"/>
        <v>3.9040609999999999E-3</v>
      </c>
      <c r="E426" s="6">
        <f t="shared" si="13"/>
        <v>0.14741734335999998</v>
      </c>
    </row>
    <row r="427" spans="1:5" x14ac:dyDescent="0.25">
      <c r="A427" s="1">
        <v>43573.625</v>
      </c>
      <c r="B427" s="2">
        <v>37.450000000000003</v>
      </c>
      <c r="C427">
        <v>3.481786</v>
      </c>
      <c r="D427">
        <f t="shared" si="12"/>
        <v>3.4817860000000002E-3</v>
      </c>
      <c r="E427" s="6">
        <f t="shared" si="13"/>
        <v>0.13039288570000002</v>
      </c>
    </row>
    <row r="428" spans="1:5" x14ac:dyDescent="0.25">
      <c r="A428" s="1">
        <v>43573.666666666664</v>
      </c>
      <c r="B428" s="2">
        <v>36.479999999999997</v>
      </c>
      <c r="C428">
        <v>3.6878629999999997</v>
      </c>
      <c r="D428">
        <f t="shared" si="12"/>
        <v>3.6878629999999996E-3</v>
      </c>
      <c r="E428" s="6">
        <f t="shared" si="13"/>
        <v>0.13453324223999996</v>
      </c>
    </row>
    <row r="429" spans="1:5" x14ac:dyDescent="0.25">
      <c r="A429" s="1">
        <v>43573.708333333336</v>
      </c>
      <c r="B429" s="2">
        <v>35.54</v>
      </c>
      <c r="C429">
        <v>1.4671559999999999</v>
      </c>
      <c r="D429">
        <f t="shared" si="12"/>
        <v>1.4671559999999998E-3</v>
      </c>
      <c r="E429" s="6">
        <f t="shared" si="13"/>
        <v>5.2142724239999994E-2</v>
      </c>
    </row>
    <row r="430" spans="1:5" x14ac:dyDescent="0.25">
      <c r="A430" s="1">
        <v>43573.75</v>
      </c>
      <c r="B430" s="2">
        <v>31.73</v>
      </c>
      <c r="C430">
        <v>0.71410000000000007</v>
      </c>
      <c r="D430">
        <f t="shared" si="12"/>
        <v>7.1410000000000006E-4</v>
      </c>
      <c r="E430" s="6">
        <f t="shared" si="13"/>
        <v>2.2658393000000002E-2</v>
      </c>
    </row>
    <row r="431" spans="1:5" x14ac:dyDescent="0.25">
      <c r="A431" s="1">
        <v>43573.791666666664</v>
      </c>
      <c r="B431" s="2">
        <v>32</v>
      </c>
      <c r="C431">
        <v>0.38595699999999999</v>
      </c>
      <c r="D431">
        <f t="shared" si="12"/>
        <v>3.8595699999999998E-4</v>
      </c>
      <c r="E431" s="6">
        <f t="shared" si="13"/>
        <v>1.2350623999999999E-2</v>
      </c>
    </row>
    <row r="432" spans="1:5" x14ac:dyDescent="0.25">
      <c r="A432" s="1">
        <v>43573.833333333336</v>
      </c>
      <c r="B432" s="2">
        <v>36.89</v>
      </c>
      <c r="C432">
        <v>0</v>
      </c>
      <c r="D432">
        <f t="shared" si="12"/>
        <v>0</v>
      </c>
      <c r="E432" s="6">
        <f t="shared" si="13"/>
        <v>0</v>
      </c>
    </row>
    <row r="433" spans="1:5" x14ac:dyDescent="0.25">
      <c r="A433" s="1">
        <v>43573.875</v>
      </c>
      <c r="B433" s="2">
        <v>30.49</v>
      </c>
      <c r="C433">
        <v>0</v>
      </c>
      <c r="D433">
        <f t="shared" si="12"/>
        <v>0</v>
      </c>
      <c r="E433" s="6">
        <f t="shared" si="13"/>
        <v>0</v>
      </c>
    </row>
    <row r="434" spans="1:5" x14ac:dyDescent="0.25">
      <c r="A434" s="1">
        <v>43573.916666666664</v>
      </c>
      <c r="B434" s="2">
        <v>23.84</v>
      </c>
      <c r="C434">
        <v>0</v>
      </c>
      <c r="D434">
        <f t="shared" si="12"/>
        <v>0</v>
      </c>
      <c r="E434" s="6">
        <f t="shared" si="13"/>
        <v>0</v>
      </c>
    </row>
    <row r="435" spans="1:5" x14ac:dyDescent="0.25">
      <c r="A435" s="1">
        <v>43573.958333333336</v>
      </c>
      <c r="B435" s="2">
        <v>20.52</v>
      </c>
      <c r="C435">
        <v>0</v>
      </c>
      <c r="D435">
        <f t="shared" si="12"/>
        <v>0</v>
      </c>
      <c r="E435" s="6">
        <f t="shared" si="13"/>
        <v>0</v>
      </c>
    </row>
    <row r="436" spans="1:5" x14ac:dyDescent="0.25">
      <c r="A436" s="1">
        <v>43574</v>
      </c>
      <c r="B436" s="2">
        <v>19.22</v>
      </c>
      <c r="C436">
        <v>0</v>
      </c>
      <c r="D436">
        <f t="shared" si="12"/>
        <v>0</v>
      </c>
      <c r="E436" s="6">
        <f t="shared" si="13"/>
        <v>0</v>
      </c>
    </row>
    <row r="437" spans="1:5" x14ac:dyDescent="0.25">
      <c r="A437" s="1">
        <v>43574.041666666664</v>
      </c>
      <c r="B437" s="2">
        <v>18.84</v>
      </c>
      <c r="C437">
        <v>0</v>
      </c>
      <c r="D437">
        <f t="shared" si="12"/>
        <v>0</v>
      </c>
      <c r="E437" s="6">
        <f t="shared" si="13"/>
        <v>0</v>
      </c>
    </row>
    <row r="438" spans="1:5" x14ac:dyDescent="0.25">
      <c r="A438" s="1">
        <v>43574.083333333336</v>
      </c>
      <c r="B438" s="2">
        <v>18.510000000000002</v>
      </c>
      <c r="C438">
        <v>0</v>
      </c>
      <c r="D438">
        <f t="shared" si="12"/>
        <v>0</v>
      </c>
      <c r="E438" s="6">
        <f t="shared" si="13"/>
        <v>0</v>
      </c>
    </row>
    <row r="439" spans="1:5" x14ac:dyDescent="0.25">
      <c r="A439" s="1">
        <v>43574.125</v>
      </c>
      <c r="B439" s="2">
        <v>18.329999999999998</v>
      </c>
      <c r="C439">
        <v>0</v>
      </c>
      <c r="D439">
        <f t="shared" si="12"/>
        <v>0</v>
      </c>
      <c r="E439" s="6">
        <f t="shared" si="13"/>
        <v>0</v>
      </c>
    </row>
    <row r="440" spans="1:5" x14ac:dyDescent="0.25">
      <c r="A440" s="1">
        <v>43574.166666666664</v>
      </c>
      <c r="B440" s="2">
        <v>18.989999999999998</v>
      </c>
      <c r="C440">
        <v>0</v>
      </c>
      <c r="D440">
        <f t="shared" si="12"/>
        <v>0</v>
      </c>
      <c r="E440" s="6">
        <f t="shared" si="13"/>
        <v>0</v>
      </c>
    </row>
    <row r="441" spans="1:5" x14ac:dyDescent="0.25">
      <c r="A441" s="1">
        <v>43574.208333333336</v>
      </c>
      <c r="B441" s="2">
        <v>20.11</v>
      </c>
      <c r="C441">
        <v>0</v>
      </c>
      <c r="D441">
        <f t="shared" si="12"/>
        <v>0</v>
      </c>
      <c r="E441" s="6">
        <f t="shared" si="13"/>
        <v>0</v>
      </c>
    </row>
    <row r="442" spans="1:5" x14ac:dyDescent="0.25">
      <c r="A442" s="1">
        <v>43574.25</v>
      </c>
      <c r="B442" s="2">
        <v>28.88</v>
      </c>
      <c r="C442">
        <v>0</v>
      </c>
      <c r="D442">
        <f t="shared" si="12"/>
        <v>0</v>
      </c>
      <c r="E442" s="6">
        <f t="shared" si="13"/>
        <v>0</v>
      </c>
    </row>
    <row r="443" spans="1:5" x14ac:dyDescent="0.25">
      <c r="A443" s="1">
        <v>43574.291666666664</v>
      </c>
      <c r="B443" s="2">
        <v>28.29</v>
      </c>
      <c r="C443">
        <v>8.4707999999999992E-2</v>
      </c>
      <c r="D443">
        <f t="shared" si="12"/>
        <v>8.4707999999999989E-5</v>
      </c>
      <c r="E443" s="6">
        <f t="shared" si="13"/>
        <v>2.3963893199999997E-3</v>
      </c>
    </row>
    <row r="444" spans="1:5" x14ac:dyDescent="0.25">
      <c r="A444" s="1">
        <v>43574.333333333336</v>
      </c>
      <c r="B444" s="2">
        <v>29.2</v>
      </c>
      <c r="C444">
        <v>0.42912599999999995</v>
      </c>
      <c r="D444">
        <f t="shared" si="12"/>
        <v>4.2912599999999994E-4</v>
      </c>
      <c r="E444" s="6">
        <f t="shared" si="13"/>
        <v>1.2530479199999998E-2</v>
      </c>
    </row>
    <row r="445" spans="1:5" x14ac:dyDescent="0.25">
      <c r="A445" s="1">
        <v>43574.375</v>
      </c>
      <c r="B445" s="2">
        <v>28.36</v>
      </c>
      <c r="C445">
        <v>0.73719699999999999</v>
      </c>
      <c r="D445">
        <f t="shared" si="12"/>
        <v>7.3719699999999998E-4</v>
      </c>
      <c r="E445" s="6">
        <f t="shared" si="13"/>
        <v>2.0906906919999999E-2</v>
      </c>
    </row>
    <row r="446" spans="1:5" x14ac:dyDescent="0.25">
      <c r="A446" s="1">
        <v>43574.416666666664</v>
      </c>
      <c r="B446" s="2">
        <v>29.56</v>
      </c>
      <c r="C446">
        <v>1.485665</v>
      </c>
      <c r="D446">
        <f t="shared" si="12"/>
        <v>1.4856649999999999E-3</v>
      </c>
      <c r="E446" s="6">
        <f t="shared" si="13"/>
        <v>4.3916257399999999E-2</v>
      </c>
    </row>
    <row r="447" spans="1:5" x14ac:dyDescent="0.25">
      <c r="A447" s="1">
        <v>43574.458333333336</v>
      </c>
      <c r="B447" s="2">
        <v>28.6</v>
      </c>
      <c r="C447">
        <v>1.806964</v>
      </c>
      <c r="D447">
        <f t="shared" si="12"/>
        <v>1.8069640000000001E-3</v>
      </c>
      <c r="E447" s="6">
        <f t="shared" si="13"/>
        <v>5.1679170400000009E-2</v>
      </c>
    </row>
    <row r="448" spans="1:5" x14ac:dyDescent="0.25">
      <c r="A448" s="1">
        <v>43574.5</v>
      </c>
      <c r="B448" s="2">
        <v>29.9</v>
      </c>
      <c r="C448">
        <v>1.0871169999999999</v>
      </c>
      <c r="D448">
        <f t="shared" si="12"/>
        <v>1.0871169999999999E-3</v>
      </c>
      <c r="E448" s="6">
        <f t="shared" si="13"/>
        <v>3.2504798299999992E-2</v>
      </c>
    </row>
    <row r="449" spans="1:5" x14ac:dyDescent="0.25">
      <c r="A449" s="1">
        <v>43574.541666666664</v>
      </c>
      <c r="B449" s="2">
        <v>28.73</v>
      </c>
      <c r="C449">
        <v>1.3882380000000001</v>
      </c>
      <c r="D449">
        <f t="shared" si="12"/>
        <v>1.3882380000000002E-3</v>
      </c>
      <c r="E449" s="6">
        <f t="shared" si="13"/>
        <v>3.9884077740000003E-2</v>
      </c>
    </row>
    <row r="450" spans="1:5" x14ac:dyDescent="0.25">
      <c r="A450" s="1">
        <v>43574.583333333336</v>
      </c>
      <c r="B450" s="2">
        <v>28.84</v>
      </c>
      <c r="C450">
        <v>1.842549</v>
      </c>
      <c r="D450">
        <f t="shared" si="12"/>
        <v>1.842549E-3</v>
      </c>
      <c r="E450" s="6">
        <f t="shared" si="13"/>
        <v>5.3139113160000001E-2</v>
      </c>
    </row>
    <row r="451" spans="1:5" x14ac:dyDescent="0.25">
      <c r="A451" s="1">
        <v>43574.625</v>
      </c>
      <c r="B451" s="2">
        <v>28.11</v>
      </c>
      <c r="C451">
        <v>1.0167140000000001</v>
      </c>
      <c r="D451">
        <f t="shared" si="12"/>
        <v>1.0167140000000002E-3</v>
      </c>
      <c r="E451" s="6">
        <f t="shared" si="13"/>
        <v>2.8579830540000004E-2</v>
      </c>
    </row>
    <row r="452" spans="1:5" x14ac:dyDescent="0.25">
      <c r="A452" s="1">
        <v>43574.666666666664</v>
      </c>
      <c r="B452" s="2">
        <v>26.63</v>
      </c>
      <c r="C452">
        <v>1.1850999999999998</v>
      </c>
      <c r="D452">
        <f t="shared" si="12"/>
        <v>1.1850999999999999E-3</v>
      </c>
      <c r="E452" s="6">
        <f t="shared" si="13"/>
        <v>3.1559212999999996E-2</v>
      </c>
    </row>
    <row r="453" spans="1:5" x14ac:dyDescent="0.25">
      <c r="A453" s="1">
        <v>43574.708333333336</v>
      </c>
      <c r="B453" s="2">
        <v>25.83</v>
      </c>
      <c r="C453">
        <v>0.73063599999999995</v>
      </c>
      <c r="D453">
        <f t="shared" si="12"/>
        <v>7.30636E-4</v>
      </c>
      <c r="E453" s="6">
        <f t="shared" si="13"/>
        <v>1.8872327879999998E-2</v>
      </c>
    </row>
    <row r="454" spans="1:5" x14ac:dyDescent="0.25">
      <c r="A454" s="1">
        <v>43574.75</v>
      </c>
      <c r="B454" s="2">
        <v>25.34</v>
      </c>
      <c r="C454">
        <v>0.25803100000000001</v>
      </c>
      <c r="D454">
        <f t="shared" ref="D454:D517" si="14">C454/1000</f>
        <v>2.5803100000000004E-4</v>
      </c>
      <c r="E454" s="6">
        <f t="shared" ref="E454:E517" si="15">D454*B454</f>
        <v>6.5385055400000013E-3</v>
      </c>
    </row>
    <row r="455" spans="1:5" x14ac:dyDescent="0.25">
      <c r="A455" s="1">
        <v>43574.791666666664</v>
      </c>
      <c r="B455" s="2">
        <v>28.33</v>
      </c>
      <c r="C455">
        <v>0.40498200000000001</v>
      </c>
      <c r="D455">
        <f t="shared" si="14"/>
        <v>4.0498200000000002E-4</v>
      </c>
      <c r="E455" s="6">
        <f t="shared" si="15"/>
        <v>1.1473140059999999E-2</v>
      </c>
    </row>
    <row r="456" spans="1:5" x14ac:dyDescent="0.25">
      <c r="A456" s="1">
        <v>43574.833333333336</v>
      </c>
      <c r="B456" s="2">
        <v>30.18</v>
      </c>
      <c r="C456">
        <v>0</v>
      </c>
      <c r="D456">
        <f t="shared" si="14"/>
        <v>0</v>
      </c>
      <c r="E456" s="6">
        <f t="shared" si="15"/>
        <v>0</v>
      </c>
    </row>
    <row r="457" spans="1:5" x14ac:dyDescent="0.25">
      <c r="A457" s="1">
        <v>43574.875</v>
      </c>
      <c r="B457" s="2">
        <v>25.92</v>
      </c>
      <c r="C457">
        <v>0</v>
      </c>
      <c r="D457">
        <f t="shared" si="14"/>
        <v>0</v>
      </c>
      <c r="E457" s="6">
        <f t="shared" si="15"/>
        <v>0</v>
      </c>
    </row>
    <row r="458" spans="1:5" x14ac:dyDescent="0.25">
      <c r="A458" s="1">
        <v>43574.916666666664</v>
      </c>
      <c r="B458" s="2">
        <v>21.98</v>
      </c>
      <c r="C458">
        <v>0</v>
      </c>
      <c r="D458">
        <f t="shared" si="14"/>
        <v>0</v>
      </c>
      <c r="E458" s="6">
        <f t="shared" si="15"/>
        <v>0</v>
      </c>
    </row>
    <row r="459" spans="1:5" x14ac:dyDescent="0.25">
      <c r="A459" s="1">
        <v>43574.958333333336</v>
      </c>
      <c r="B459" s="2">
        <v>19.97</v>
      </c>
      <c r="C459">
        <v>0</v>
      </c>
      <c r="D459">
        <f t="shared" si="14"/>
        <v>0</v>
      </c>
      <c r="E459" s="6">
        <f t="shared" si="15"/>
        <v>0</v>
      </c>
    </row>
    <row r="460" spans="1:5" x14ac:dyDescent="0.25">
      <c r="A460" s="1">
        <v>43575</v>
      </c>
      <c r="B460" s="2">
        <v>18.739999999999998</v>
      </c>
      <c r="C460">
        <v>0</v>
      </c>
      <c r="D460">
        <f t="shared" si="14"/>
        <v>0</v>
      </c>
      <c r="E460" s="6">
        <f t="shared" si="15"/>
        <v>0</v>
      </c>
    </row>
    <row r="461" spans="1:5" x14ac:dyDescent="0.25">
      <c r="A461" s="1">
        <v>43575.041666666664</v>
      </c>
      <c r="B461" s="2">
        <v>18.54</v>
      </c>
      <c r="C461">
        <v>0</v>
      </c>
      <c r="D461">
        <f t="shared" si="14"/>
        <v>0</v>
      </c>
      <c r="E461" s="6">
        <f t="shared" si="15"/>
        <v>0</v>
      </c>
    </row>
    <row r="462" spans="1:5" x14ac:dyDescent="0.25">
      <c r="A462" s="1">
        <v>43575.083333333336</v>
      </c>
      <c r="B462" s="2">
        <v>17.739999999999998</v>
      </c>
      <c r="C462">
        <v>0</v>
      </c>
      <c r="D462">
        <f t="shared" si="14"/>
        <v>0</v>
      </c>
      <c r="E462" s="6">
        <f t="shared" si="15"/>
        <v>0</v>
      </c>
    </row>
    <row r="463" spans="1:5" x14ac:dyDescent="0.25">
      <c r="A463" s="1">
        <v>43575.125</v>
      </c>
      <c r="B463" s="2">
        <v>17.73</v>
      </c>
      <c r="C463">
        <v>0</v>
      </c>
      <c r="D463">
        <f t="shared" si="14"/>
        <v>0</v>
      </c>
      <c r="E463" s="6">
        <f t="shared" si="15"/>
        <v>0</v>
      </c>
    </row>
    <row r="464" spans="1:5" x14ac:dyDescent="0.25">
      <c r="A464" s="1">
        <v>43575.166666666664</v>
      </c>
      <c r="B464" s="2">
        <v>17.88</v>
      </c>
      <c r="C464">
        <v>0</v>
      </c>
      <c r="D464">
        <f t="shared" si="14"/>
        <v>0</v>
      </c>
      <c r="E464" s="6">
        <f t="shared" si="15"/>
        <v>0</v>
      </c>
    </row>
    <row r="465" spans="1:5" x14ac:dyDescent="0.25">
      <c r="A465" s="1">
        <v>43575.208333333336</v>
      </c>
      <c r="B465" s="2">
        <v>18.559999999999999</v>
      </c>
      <c r="C465">
        <v>0</v>
      </c>
      <c r="D465">
        <f t="shared" si="14"/>
        <v>0</v>
      </c>
      <c r="E465" s="6">
        <f t="shared" si="15"/>
        <v>0</v>
      </c>
    </row>
    <row r="466" spans="1:5" x14ac:dyDescent="0.25">
      <c r="A466" s="1">
        <v>43575.25</v>
      </c>
      <c r="B466" s="2">
        <v>20.71</v>
      </c>
      <c r="C466">
        <v>0</v>
      </c>
      <c r="D466">
        <f t="shared" si="14"/>
        <v>0</v>
      </c>
      <c r="E466" s="6">
        <f t="shared" si="15"/>
        <v>0</v>
      </c>
    </row>
    <row r="467" spans="1:5" x14ac:dyDescent="0.25">
      <c r="A467" s="1">
        <v>43575.291666666664</v>
      </c>
      <c r="B467" s="2">
        <v>22.28</v>
      </c>
      <c r="C467">
        <v>0.37252800000000003</v>
      </c>
      <c r="D467">
        <f t="shared" si="14"/>
        <v>3.7252800000000001E-4</v>
      </c>
      <c r="E467" s="6">
        <f t="shared" si="15"/>
        <v>8.2999238400000008E-3</v>
      </c>
    </row>
    <row r="468" spans="1:5" x14ac:dyDescent="0.25">
      <c r="A468" s="1">
        <v>43575.333333333336</v>
      </c>
      <c r="B468" s="2">
        <v>24.06</v>
      </c>
      <c r="C468">
        <v>2.0479729999999998</v>
      </c>
      <c r="D468">
        <f t="shared" si="14"/>
        <v>2.0479729999999998E-3</v>
      </c>
      <c r="E468" s="6">
        <f t="shared" si="15"/>
        <v>4.9274230379999992E-2</v>
      </c>
    </row>
    <row r="469" spans="1:5" x14ac:dyDescent="0.25">
      <c r="A469" s="1">
        <v>43575.375</v>
      </c>
      <c r="B469" s="2">
        <v>25.18</v>
      </c>
      <c r="C469">
        <v>4.1162039999999998</v>
      </c>
      <c r="D469">
        <f t="shared" si="14"/>
        <v>4.116204E-3</v>
      </c>
      <c r="E469" s="6">
        <f t="shared" si="15"/>
        <v>0.10364601672</v>
      </c>
    </row>
    <row r="470" spans="1:5" x14ac:dyDescent="0.25">
      <c r="A470" s="1">
        <v>43575.416666666664</v>
      </c>
      <c r="B470" s="2">
        <v>25.6</v>
      </c>
      <c r="C470">
        <v>5.7820010000000002</v>
      </c>
      <c r="D470">
        <f t="shared" si="14"/>
        <v>5.7820010000000002E-3</v>
      </c>
      <c r="E470" s="6">
        <f t="shared" si="15"/>
        <v>0.1480192256</v>
      </c>
    </row>
    <row r="471" spans="1:5" x14ac:dyDescent="0.25">
      <c r="A471" s="1">
        <v>43575.458333333336</v>
      </c>
      <c r="B471" s="2">
        <v>25.16</v>
      </c>
      <c r="C471">
        <v>4.7447929999999996</v>
      </c>
      <c r="D471">
        <f t="shared" si="14"/>
        <v>4.7447929999999998E-3</v>
      </c>
      <c r="E471" s="6">
        <f t="shared" si="15"/>
        <v>0.11937899187999999</v>
      </c>
    </row>
    <row r="472" spans="1:5" x14ac:dyDescent="0.25">
      <c r="A472" s="1">
        <v>43575.5</v>
      </c>
      <c r="B472" s="2">
        <v>24.32</v>
      </c>
      <c r="C472">
        <v>5.1846760000000005</v>
      </c>
      <c r="D472">
        <f t="shared" si="14"/>
        <v>5.1846760000000009E-3</v>
      </c>
      <c r="E472" s="6">
        <f t="shared" si="15"/>
        <v>0.12609132032000003</v>
      </c>
    </row>
    <row r="473" spans="1:5" x14ac:dyDescent="0.25">
      <c r="A473" s="1">
        <v>43575.541666666664</v>
      </c>
      <c r="B473" s="2">
        <v>22.86</v>
      </c>
      <c r="C473">
        <v>7.9200919999999995</v>
      </c>
      <c r="D473">
        <f t="shared" si="14"/>
        <v>7.9200920000000001E-3</v>
      </c>
      <c r="E473" s="6">
        <f t="shared" si="15"/>
        <v>0.18105330312000001</v>
      </c>
    </row>
    <row r="474" spans="1:5" x14ac:dyDescent="0.25">
      <c r="A474" s="1">
        <v>43575.583333333336</v>
      </c>
      <c r="B474" s="2">
        <v>22.19</v>
      </c>
      <c r="C474">
        <v>7.5186989999999998</v>
      </c>
      <c r="D474">
        <f t="shared" si="14"/>
        <v>7.5186990000000002E-3</v>
      </c>
      <c r="E474" s="6">
        <f t="shared" si="15"/>
        <v>0.16683993081000001</v>
      </c>
    </row>
    <row r="475" spans="1:5" x14ac:dyDescent="0.25">
      <c r="A475" s="1">
        <v>43575.625</v>
      </c>
      <c r="B475" s="2">
        <v>22.19</v>
      </c>
      <c r="C475">
        <v>6.8625550000000004</v>
      </c>
      <c r="D475">
        <f t="shared" si="14"/>
        <v>6.8625550000000002E-3</v>
      </c>
      <c r="E475" s="6">
        <f t="shared" si="15"/>
        <v>0.15228009545000001</v>
      </c>
    </row>
    <row r="476" spans="1:5" x14ac:dyDescent="0.25">
      <c r="A476" s="1">
        <v>43575.666666666664</v>
      </c>
      <c r="B476" s="2">
        <v>22.02</v>
      </c>
      <c r="C476">
        <v>5.7088419999999998</v>
      </c>
      <c r="D476">
        <f t="shared" si="14"/>
        <v>5.7088419999999996E-3</v>
      </c>
      <c r="E476" s="6">
        <f t="shared" si="15"/>
        <v>0.12570870083999999</v>
      </c>
    </row>
    <row r="477" spans="1:5" x14ac:dyDescent="0.25">
      <c r="A477" s="1">
        <v>43575.708333333336</v>
      </c>
      <c r="B477" s="2">
        <v>23.28</v>
      </c>
      <c r="C477">
        <v>4.0676600000000001</v>
      </c>
      <c r="D477">
        <f t="shared" si="14"/>
        <v>4.0676599999999999E-3</v>
      </c>
      <c r="E477" s="6">
        <f t="shared" si="15"/>
        <v>9.4695124800000002E-2</v>
      </c>
    </row>
    <row r="478" spans="1:5" x14ac:dyDescent="0.25">
      <c r="A478" s="1">
        <v>43575.75</v>
      </c>
      <c r="B478" s="2">
        <v>23.07</v>
      </c>
      <c r="C478">
        <v>2.077026</v>
      </c>
      <c r="D478">
        <f t="shared" si="14"/>
        <v>2.077026E-3</v>
      </c>
      <c r="E478" s="6">
        <f t="shared" si="15"/>
        <v>4.7916989819999999E-2</v>
      </c>
    </row>
    <row r="479" spans="1:5" x14ac:dyDescent="0.25">
      <c r="A479" s="1">
        <v>43575.791666666664</v>
      </c>
      <c r="B479" s="2">
        <v>24.84</v>
      </c>
      <c r="C479">
        <v>0.38992300000000002</v>
      </c>
      <c r="D479">
        <f t="shared" si="14"/>
        <v>3.8992300000000003E-4</v>
      </c>
      <c r="E479" s="6">
        <f t="shared" si="15"/>
        <v>9.6856873200000006E-3</v>
      </c>
    </row>
    <row r="480" spans="1:5" x14ac:dyDescent="0.25">
      <c r="A480" s="1">
        <v>43575.833333333336</v>
      </c>
      <c r="B480" s="2">
        <v>28.2</v>
      </c>
      <c r="C480">
        <v>0</v>
      </c>
      <c r="D480">
        <f t="shared" si="14"/>
        <v>0</v>
      </c>
      <c r="E480" s="6">
        <f t="shared" si="15"/>
        <v>0</v>
      </c>
    </row>
    <row r="481" spans="1:5" x14ac:dyDescent="0.25">
      <c r="A481" s="1">
        <v>43575.875</v>
      </c>
      <c r="B481" s="2">
        <v>26.04</v>
      </c>
      <c r="C481">
        <v>0</v>
      </c>
      <c r="D481">
        <f t="shared" si="14"/>
        <v>0</v>
      </c>
      <c r="E481" s="6">
        <f t="shared" si="15"/>
        <v>0</v>
      </c>
    </row>
    <row r="482" spans="1:5" x14ac:dyDescent="0.25">
      <c r="A482" s="1">
        <v>43575.916666666664</v>
      </c>
      <c r="B482" s="2">
        <v>22.04</v>
      </c>
      <c r="C482">
        <v>0</v>
      </c>
      <c r="D482">
        <f t="shared" si="14"/>
        <v>0</v>
      </c>
      <c r="E482" s="6">
        <f t="shared" si="15"/>
        <v>0</v>
      </c>
    </row>
    <row r="483" spans="1:5" x14ac:dyDescent="0.25">
      <c r="A483" s="1">
        <v>43575.958333333336</v>
      </c>
      <c r="B483" s="2">
        <v>20.58</v>
      </c>
      <c r="C483">
        <v>0</v>
      </c>
      <c r="D483">
        <f t="shared" si="14"/>
        <v>0</v>
      </c>
      <c r="E483" s="6">
        <f t="shared" si="15"/>
        <v>0</v>
      </c>
    </row>
    <row r="484" spans="1:5" x14ac:dyDescent="0.25">
      <c r="A484" s="1">
        <v>43576</v>
      </c>
      <c r="B484" s="2">
        <v>19.38</v>
      </c>
      <c r="C484">
        <v>0</v>
      </c>
      <c r="D484">
        <f t="shared" si="14"/>
        <v>0</v>
      </c>
      <c r="E484" s="6">
        <f t="shared" si="15"/>
        <v>0</v>
      </c>
    </row>
    <row r="485" spans="1:5" x14ac:dyDescent="0.25">
      <c r="A485" s="1">
        <v>43576.041666666664</v>
      </c>
      <c r="B485" s="2">
        <v>19.47</v>
      </c>
      <c r="C485">
        <v>0</v>
      </c>
      <c r="D485">
        <f t="shared" si="14"/>
        <v>0</v>
      </c>
      <c r="E485" s="6">
        <f t="shared" si="15"/>
        <v>0</v>
      </c>
    </row>
    <row r="486" spans="1:5" x14ac:dyDescent="0.25">
      <c r="A486" s="1">
        <v>43576.083333333336</v>
      </c>
      <c r="B486" s="2">
        <v>18.989999999999998</v>
      </c>
      <c r="C486">
        <v>0</v>
      </c>
      <c r="D486">
        <f t="shared" si="14"/>
        <v>0</v>
      </c>
      <c r="E486" s="6">
        <f t="shared" si="15"/>
        <v>0</v>
      </c>
    </row>
    <row r="487" spans="1:5" x14ac:dyDescent="0.25">
      <c r="A487" s="1">
        <v>43576.125</v>
      </c>
      <c r="B487" s="2">
        <v>18.18</v>
      </c>
      <c r="C487">
        <v>0</v>
      </c>
      <c r="D487">
        <f t="shared" si="14"/>
        <v>0</v>
      </c>
      <c r="E487" s="6">
        <f t="shared" si="15"/>
        <v>0</v>
      </c>
    </row>
    <row r="488" spans="1:5" x14ac:dyDescent="0.25">
      <c r="A488" s="1">
        <v>43576.166666666664</v>
      </c>
      <c r="B488" s="2">
        <v>18.14</v>
      </c>
      <c r="C488">
        <v>0</v>
      </c>
      <c r="D488">
        <f t="shared" si="14"/>
        <v>0</v>
      </c>
      <c r="E488" s="6">
        <f t="shared" si="15"/>
        <v>0</v>
      </c>
    </row>
    <row r="489" spans="1:5" x14ac:dyDescent="0.25">
      <c r="A489" s="1">
        <v>43576.208333333336</v>
      </c>
      <c r="B489" s="2">
        <v>18.010000000000002</v>
      </c>
      <c r="C489">
        <v>0</v>
      </c>
      <c r="D489">
        <f t="shared" si="14"/>
        <v>0</v>
      </c>
      <c r="E489" s="6">
        <f t="shared" si="15"/>
        <v>0</v>
      </c>
    </row>
    <row r="490" spans="1:5" x14ac:dyDescent="0.25">
      <c r="A490" s="1">
        <v>43576.25</v>
      </c>
      <c r="B490" s="2">
        <v>19.77</v>
      </c>
      <c r="C490">
        <v>0</v>
      </c>
      <c r="D490">
        <f t="shared" si="14"/>
        <v>0</v>
      </c>
      <c r="E490" s="6">
        <f t="shared" si="15"/>
        <v>0</v>
      </c>
    </row>
    <row r="491" spans="1:5" x14ac:dyDescent="0.25">
      <c r="A491" s="1">
        <v>43576.291666666664</v>
      </c>
      <c r="B491" s="2">
        <v>20.420000000000002</v>
      </c>
      <c r="C491">
        <v>0.34785700000000003</v>
      </c>
      <c r="D491">
        <f t="shared" si="14"/>
        <v>3.4785700000000003E-4</v>
      </c>
      <c r="E491" s="6">
        <f t="shared" si="15"/>
        <v>7.1032399400000014E-3</v>
      </c>
    </row>
    <row r="492" spans="1:5" x14ac:dyDescent="0.25">
      <c r="A492" s="1">
        <v>43576.333333333336</v>
      </c>
      <c r="B492" s="2">
        <v>22.52</v>
      </c>
      <c r="C492">
        <v>2.0836439999999996</v>
      </c>
      <c r="D492">
        <f t="shared" si="14"/>
        <v>2.0836439999999995E-3</v>
      </c>
      <c r="E492" s="6">
        <f t="shared" si="15"/>
        <v>4.6923662879999987E-2</v>
      </c>
    </row>
    <row r="493" spans="1:5" x14ac:dyDescent="0.25">
      <c r="A493" s="1">
        <v>43576.375</v>
      </c>
      <c r="B493" s="2">
        <v>23.27</v>
      </c>
      <c r="C493">
        <v>4.1514389999999999</v>
      </c>
      <c r="D493">
        <f t="shared" si="14"/>
        <v>4.1514389999999998E-3</v>
      </c>
      <c r="E493" s="6">
        <f t="shared" si="15"/>
        <v>9.6603985529999992E-2</v>
      </c>
    </row>
    <row r="494" spans="1:5" x14ac:dyDescent="0.25">
      <c r="A494" s="1">
        <v>43576.416666666664</v>
      </c>
      <c r="B494" s="2">
        <v>23.31</v>
      </c>
      <c r="C494">
        <v>5.7789840000000003</v>
      </c>
      <c r="D494">
        <f t="shared" si="14"/>
        <v>5.778984E-3</v>
      </c>
      <c r="E494" s="6">
        <f t="shared" si="15"/>
        <v>0.13470811703999999</v>
      </c>
    </row>
    <row r="495" spans="1:5" x14ac:dyDescent="0.25">
      <c r="A495" s="1">
        <v>43576.458333333336</v>
      </c>
      <c r="B495" s="2">
        <v>22.41</v>
      </c>
      <c r="C495">
        <v>6.900487</v>
      </c>
      <c r="D495">
        <f t="shared" si="14"/>
        <v>6.9004870000000003E-3</v>
      </c>
      <c r="E495" s="6">
        <f t="shared" si="15"/>
        <v>0.15463991367000002</v>
      </c>
    </row>
    <row r="496" spans="1:5" x14ac:dyDescent="0.25">
      <c r="A496" s="1">
        <v>43576.5</v>
      </c>
      <c r="B496" s="2">
        <v>22.05</v>
      </c>
      <c r="C496">
        <v>7.5418120000000002</v>
      </c>
      <c r="D496">
        <f t="shared" si="14"/>
        <v>7.5418120000000002E-3</v>
      </c>
      <c r="E496" s="6">
        <f t="shared" si="15"/>
        <v>0.16629695460000002</v>
      </c>
    </row>
    <row r="497" spans="1:5" x14ac:dyDescent="0.25">
      <c r="A497" s="1">
        <v>43576.541666666664</v>
      </c>
      <c r="B497" s="2">
        <v>21</v>
      </c>
      <c r="C497">
        <v>7.7154920000000002</v>
      </c>
      <c r="D497">
        <f t="shared" si="14"/>
        <v>7.715492E-3</v>
      </c>
      <c r="E497" s="6">
        <f t="shared" si="15"/>
        <v>0.16202533199999999</v>
      </c>
    </row>
    <row r="498" spans="1:5" x14ac:dyDescent="0.25">
      <c r="A498" s="1">
        <v>43576.583333333336</v>
      </c>
      <c r="B498" s="2">
        <v>20.65</v>
      </c>
      <c r="C498">
        <v>7.4391350000000003</v>
      </c>
      <c r="D498">
        <f t="shared" si="14"/>
        <v>7.4391350000000004E-3</v>
      </c>
      <c r="E498" s="6">
        <f t="shared" si="15"/>
        <v>0.15361813774999999</v>
      </c>
    </row>
    <row r="499" spans="1:5" x14ac:dyDescent="0.25">
      <c r="A499" s="1">
        <v>43576.625</v>
      </c>
      <c r="B499" s="2">
        <v>20.88</v>
      </c>
      <c r="C499">
        <v>6.7591029999999996</v>
      </c>
      <c r="D499">
        <f t="shared" si="14"/>
        <v>6.7591029999999998E-3</v>
      </c>
      <c r="E499" s="6">
        <f t="shared" si="15"/>
        <v>0.14113007063999999</v>
      </c>
    </row>
    <row r="500" spans="1:5" x14ac:dyDescent="0.25">
      <c r="A500" s="1">
        <v>43576.666666666664</v>
      </c>
      <c r="B500" s="2">
        <v>21.09</v>
      </c>
      <c r="C500">
        <v>5.6489350000000007</v>
      </c>
      <c r="D500">
        <f t="shared" si="14"/>
        <v>5.6489350000000008E-3</v>
      </c>
      <c r="E500" s="6">
        <f t="shared" si="15"/>
        <v>0.11913603915000001</v>
      </c>
    </row>
    <row r="501" spans="1:5" x14ac:dyDescent="0.25">
      <c r="A501" s="1">
        <v>43576.708333333336</v>
      </c>
      <c r="B501" s="2">
        <v>21.26</v>
      </c>
      <c r="C501">
        <v>4.0115300000000005</v>
      </c>
      <c r="D501">
        <f t="shared" si="14"/>
        <v>4.0115300000000001E-3</v>
      </c>
      <c r="E501" s="6">
        <f t="shared" si="15"/>
        <v>8.5285127800000013E-2</v>
      </c>
    </row>
    <row r="502" spans="1:5" x14ac:dyDescent="0.25">
      <c r="A502" s="1">
        <v>43576.75</v>
      </c>
      <c r="B502" s="2">
        <v>21.29</v>
      </c>
      <c r="C502">
        <v>2.0373939999999999</v>
      </c>
      <c r="D502">
        <f t="shared" si="14"/>
        <v>2.0373940000000001E-3</v>
      </c>
      <c r="E502" s="6">
        <f t="shared" si="15"/>
        <v>4.3376118259999999E-2</v>
      </c>
    </row>
    <row r="503" spans="1:5" x14ac:dyDescent="0.25">
      <c r="A503" s="1">
        <v>43576.791666666664</v>
      </c>
      <c r="B503" s="2">
        <v>22.81</v>
      </c>
      <c r="C503">
        <v>0.37804100000000002</v>
      </c>
      <c r="D503">
        <f t="shared" si="14"/>
        <v>3.7804100000000002E-4</v>
      </c>
      <c r="E503" s="6">
        <f t="shared" si="15"/>
        <v>8.6231152100000007E-3</v>
      </c>
    </row>
    <row r="504" spans="1:5" x14ac:dyDescent="0.25">
      <c r="A504" s="1">
        <v>43576.833333333336</v>
      </c>
      <c r="B504" s="2">
        <v>25.87</v>
      </c>
      <c r="C504">
        <v>0</v>
      </c>
      <c r="D504">
        <f t="shared" si="14"/>
        <v>0</v>
      </c>
      <c r="E504" s="6">
        <f t="shared" si="15"/>
        <v>0</v>
      </c>
    </row>
    <row r="505" spans="1:5" x14ac:dyDescent="0.25">
      <c r="A505" s="1">
        <v>43576.875</v>
      </c>
      <c r="B505" s="2">
        <v>24.58</v>
      </c>
      <c r="C505">
        <v>0</v>
      </c>
      <c r="D505">
        <f t="shared" si="14"/>
        <v>0</v>
      </c>
      <c r="E505" s="6">
        <f t="shared" si="15"/>
        <v>0</v>
      </c>
    </row>
    <row r="506" spans="1:5" x14ac:dyDescent="0.25">
      <c r="A506" s="1">
        <v>43576.916666666664</v>
      </c>
      <c r="B506" s="2">
        <v>20.51</v>
      </c>
      <c r="C506">
        <v>0</v>
      </c>
      <c r="D506">
        <f t="shared" si="14"/>
        <v>0</v>
      </c>
      <c r="E506" s="6">
        <f t="shared" si="15"/>
        <v>0</v>
      </c>
    </row>
    <row r="507" spans="1:5" x14ac:dyDescent="0.25">
      <c r="A507" s="1">
        <v>43576.958333333336</v>
      </c>
      <c r="B507" s="2">
        <v>19.670000000000002</v>
      </c>
      <c r="C507">
        <v>0</v>
      </c>
      <c r="D507">
        <f t="shared" si="14"/>
        <v>0</v>
      </c>
      <c r="E507" s="6">
        <f t="shared" si="15"/>
        <v>0</v>
      </c>
    </row>
    <row r="508" spans="1:5" x14ac:dyDescent="0.25">
      <c r="A508" s="1">
        <v>43577</v>
      </c>
      <c r="B508" s="2">
        <v>17.14</v>
      </c>
      <c r="C508">
        <v>0</v>
      </c>
      <c r="D508">
        <f t="shared" si="14"/>
        <v>0</v>
      </c>
      <c r="E508" s="6">
        <f t="shared" si="15"/>
        <v>0</v>
      </c>
    </row>
    <row r="509" spans="1:5" x14ac:dyDescent="0.25">
      <c r="A509" s="1">
        <v>43577.041666666664</v>
      </c>
      <c r="B509" s="2">
        <v>16.96</v>
      </c>
      <c r="C509">
        <v>0</v>
      </c>
      <c r="D509">
        <f t="shared" si="14"/>
        <v>0</v>
      </c>
      <c r="E509" s="6">
        <f t="shared" si="15"/>
        <v>0</v>
      </c>
    </row>
    <row r="510" spans="1:5" x14ac:dyDescent="0.25">
      <c r="A510" s="1">
        <v>43577.083333333336</v>
      </c>
      <c r="B510" s="2">
        <v>16.809999999999999</v>
      </c>
      <c r="C510">
        <v>0</v>
      </c>
      <c r="D510">
        <f t="shared" si="14"/>
        <v>0</v>
      </c>
      <c r="E510" s="6">
        <f t="shared" si="15"/>
        <v>0</v>
      </c>
    </row>
    <row r="511" spans="1:5" x14ac:dyDescent="0.25">
      <c r="A511" s="1">
        <v>43577.125</v>
      </c>
      <c r="B511" s="2">
        <v>17.25</v>
      </c>
      <c r="C511">
        <v>0</v>
      </c>
      <c r="D511">
        <f t="shared" si="14"/>
        <v>0</v>
      </c>
      <c r="E511" s="6">
        <f t="shared" si="15"/>
        <v>0</v>
      </c>
    </row>
    <row r="512" spans="1:5" x14ac:dyDescent="0.25">
      <c r="A512" s="1">
        <v>43577.166666666664</v>
      </c>
      <c r="B512" s="2">
        <v>17.989999999999998</v>
      </c>
      <c r="C512">
        <v>0</v>
      </c>
      <c r="D512">
        <f t="shared" si="14"/>
        <v>0</v>
      </c>
      <c r="E512" s="6">
        <f t="shared" si="15"/>
        <v>0</v>
      </c>
    </row>
    <row r="513" spans="1:5" x14ac:dyDescent="0.25">
      <c r="A513" s="1">
        <v>43577.208333333336</v>
      </c>
      <c r="B513" s="2">
        <v>20.399999999999999</v>
      </c>
      <c r="C513">
        <v>0</v>
      </c>
      <c r="D513">
        <f t="shared" si="14"/>
        <v>0</v>
      </c>
      <c r="E513" s="6">
        <f t="shared" si="15"/>
        <v>0</v>
      </c>
    </row>
    <row r="514" spans="1:5" x14ac:dyDescent="0.25">
      <c r="A514" s="1">
        <v>43577.25</v>
      </c>
      <c r="B514" s="2">
        <v>33.03</v>
      </c>
      <c r="C514">
        <v>0</v>
      </c>
      <c r="D514">
        <f t="shared" si="14"/>
        <v>0</v>
      </c>
      <c r="E514" s="6">
        <f t="shared" si="15"/>
        <v>0</v>
      </c>
    </row>
    <row r="515" spans="1:5" x14ac:dyDescent="0.25">
      <c r="A515" s="1">
        <v>43577.291666666664</v>
      </c>
      <c r="B515" s="2">
        <v>32.409999999999997</v>
      </c>
      <c r="C515">
        <v>0.36230099999999998</v>
      </c>
      <c r="D515">
        <f t="shared" si="14"/>
        <v>3.6230099999999999E-4</v>
      </c>
      <c r="E515" s="6">
        <f t="shared" si="15"/>
        <v>1.1742175409999998E-2</v>
      </c>
    </row>
    <row r="516" spans="1:5" x14ac:dyDescent="0.25">
      <c r="A516" s="1">
        <v>43577.333333333336</v>
      </c>
      <c r="B516" s="2">
        <v>31.14</v>
      </c>
      <c r="C516">
        <v>2.087367</v>
      </c>
      <c r="D516">
        <f t="shared" si="14"/>
        <v>2.0873670000000001E-3</v>
      </c>
      <c r="E516" s="6">
        <f t="shared" si="15"/>
        <v>6.5000608380000005E-2</v>
      </c>
    </row>
    <row r="517" spans="1:5" x14ac:dyDescent="0.25">
      <c r="A517" s="1">
        <v>43577.375</v>
      </c>
      <c r="B517" s="2">
        <v>31.02</v>
      </c>
      <c r="C517">
        <v>4.0980990000000004</v>
      </c>
      <c r="D517">
        <f t="shared" si="14"/>
        <v>4.098099E-3</v>
      </c>
      <c r="E517" s="6">
        <f t="shared" si="15"/>
        <v>0.12712303098</v>
      </c>
    </row>
    <row r="518" spans="1:5" x14ac:dyDescent="0.25">
      <c r="A518" s="1">
        <v>43577.416666666664</v>
      </c>
      <c r="B518" s="2">
        <v>31.13</v>
      </c>
      <c r="C518">
        <v>5.7003180000000002</v>
      </c>
      <c r="D518">
        <f t="shared" ref="D518:D581" si="16">C518/1000</f>
        <v>5.7003180000000002E-3</v>
      </c>
      <c r="E518" s="6">
        <f t="shared" ref="E518:E581" si="17">D518*B518</f>
        <v>0.17745089934</v>
      </c>
    </row>
    <row r="519" spans="1:5" x14ac:dyDescent="0.25">
      <c r="A519" s="1">
        <v>43577.458333333336</v>
      </c>
      <c r="B519" s="2">
        <v>30.44</v>
      </c>
      <c r="C519">
        <v>6.7761089999999999</v>
      </c>
      <c r="D519">
        <f t="shared" si="16"/>
        <v>6.7761089999999998E-3</v>
      </c>
      <c r="E519" s="6">
        <f t="shared" si="17"/>
        <v>0.20626475795999999</v>
      </c>
    </row>
    <row r="520" spans="1:5" x14ac:dyDescent="0.25">
      <c r="A520" s="1">
        <v>43577.5</v>
      </c>
      <c r="B520" s="2">
        <v>30.27</v>
      </c>
      <c r="C520">
        <v>7.3609849999999994</v>
      </c>
      <c r="D520">
        <f t="shared" si="16"/>
        <v>7.3609849999999996E-3</v>
      </c>
      <c r="E520" s="6">
        <f t="shared" si="17"/>
        <v>0.22281701594999997</v>
      </c>
    </row>
    <row r="521" spans="1:5" x14ac:dyDescent="0.25">
      <c r="A521" s="1">
        <v>43577.541666666664</v>
      </c>
      <c r="B521" s="2">
        <v>30.17</v>
      </c>
      <c r="C521">
        <v>7.5326930000000001</v>
      </c>
      <c r="D521">
        <f t="shared" si="16"/>
        <v>7.532693E-3</v>
      </c>
      <c r="E521" s="6">
        <f t="shared" si="17"/>
        <v>0.22726134781000001</v>
      </c>
    </row>
    <row r="522" spans="1:5" x14ac:dyDescent="0.25">
      <c r="A522" s="1">
        <v>43577.583333333336</v>
      </c>
      <c r="B522" s="2">
        <v>30.84</v>
      </c>
      <c r="C522">
        <v>7.3053050000000006</v>
      </c>
      <c r="D522">
        <f t="shared" si="16"/>
        <v>7.3053050000000007E-3</v>
      </c>
      <c r="E522" s="6">
        <f t="shared" si="17"/>
        <v>0.22529560620000003</v>
      </c>
    </row>
    <row r="523" spans="1:5" x14ac:dyDescent="0.25">
      <c r="A523" s="1">
        <v>43577.625</v>
      </c>
      <c r="B523" s="2">
        <v>29.69</v>
      </c>
      <c r="C523">
        <v>6.6323619999999996</v>
      </c>
      <c r="D523">
        <f t="shared" si="16"/>
        <v>6.6323619999999993E-3</v>
      </c>
      <c r="E523" s="6">
        <f t="shared" si="17"/>
        <v>0.19691482778</v>
      </c>
    </row>
    <row r="524" spans="1:5" x14ac:dyDescent="0.25">
      <c r="A524" s="1">
        <v>43577.666666666664</v>
      </c>
      <c r="B524" s="2">
        <v>29.2</v>
      </c>
      <c r="C524">
        <v>5.5210720000000002</v>
      </c>
      <c r="D524">
        <f t="shared" si="16"/>
        <v>5.5210720000000001E-3</v>
      </c>
      <c r="E524" s="6">
        <f t="shared" si="17"/>
        <v>0.16121530240000001</v>
      </c>
    </row>
    <row r="525" spans="1:5" x14ac:dyDescent="0.25">
      <c r="A525" s="1">
        <v>43577.708333333336</v>
      </c>
      <c r="B525" s="2">
        <v>29.25</v>
      </c>
      <c r="C525">
        <v>3.9584070000000002</v>
      </c>
      <c r="D525">
        <f t="shared" si="16"/>
        <v>3.9584070000000006E-3</v>
      </c>
      <c r="E525" s="6">
        <f t="shared" si="17"/>
        <v>0.11578340475000001</v>
      </c>
    </row>
    <row r="526" spans="1:5" x14ac:dyDescent="0.25">
      <c r="A526" s="1">
        <v>43577.75</v>
      </c>
      <c r="B526" s="2">
        <v>28.17</v>
      </c>
      <c r="C526">
        <v>2.0491760000000001</v>
      </c>
      <c r="D526">
        <f t="shared" si="16"/>
        <v>2.0491760000000002E-3</v>
      </c>
      <c r="E526" s="6">
        <f t="shared" si="17"/>
        <v>5.7725287920000007E-2</v>
      </c>
    </row>
    <row r="527" spans="1:5" x14ac:dyDescent="0.25">
      <c r="A527" s="1">
        <v>43577.791666666664</v>
      </c>
      <c r="B527" s="2">
        <v>29.15</v>
      </c>
      <c r="C527">
        <v>0.39041199999999998</v>
      </c>
      <c r="D527">
        <f t="shared" si="16"/>
        <v>3.9041199999999997E-4</v>
      </c>
      <c r="E527" s="6">
        <f t="shared" si="17"/>
        <v>1.1380509799999999E-2</v>
      </c>
    </row>
    <row r="528" spans="1:5" x14ac:dyDescent="0.25">
      <c r="A528" s="1">
        <v>43577.833333333336</v>
      </c>
      <c r="B528" s="2">
        <v>31.39</v>
      </c>
      <c r="C528">
        <v>0</v>
      </c>
      <c r="D528">
        <f t="shared" si="16"/>
        <v>0</v>
      </c>
      <c r="E528" s="6">
        <f t="shared" si="17"/>
        <v>0</v>
      </c>
    </row>
    <row r="529" spans="1:5" x14ac:dyDescent="0.25">
      <c r="A529" s="1">
        <v>43577.875</v>
      </c>
      <c r="B529" s="2">
        <v>28.18</v>
      </c>
      <c r="C529">
        <v>0</v>
      </c>
      <c r="D529">
        <f t="shared" si="16"/>
        <v>0</v>
      </c>
      <c r="E529" s="6">
        <f t="shared" si="17"/>
        <v>0</v>
      </c>
    </row>
    <row r="530" spans="1:5" x14ac:dyDescent="0.25">
      <c r="A530" s="1">
        <v>43577.916666666664</v>
      </c>
      <c r="B530" s="2">
        <v>22.32</v>
      </c>
      <c r="C530">
        <v>0</v>
      </c>
      <c r="D530">
        <f t="shared" si="16"/>
        <v>0</v>
      </c>
      <c r="E530" s="6">
        <f t="shared" si="17"/>
        <v>0</v>
      </c>
    </row>
    <row r="531" spans="1:5" x14ac:dyDescent="0.25">
      <c r="A531" s="1">
        <v>43577.958333333336</v>
      </c>
      <c r="B531" s="2">
        <v>20.440000000000001</v>
      </c>
      <c r="C531">
        <v>0</v>
      </c>
      <c r="D531">
        <f t="shared" si="16"/>
        <v>0</v>
      </c>
      <c r="E531" s="6">
        <f t="shared" si="17"/>
        <v>0</v>
      </c>
    </row>
    <row r="532" spans="1:5" x14ac:dyDescent="0.25">
      <c r="A532" s="1">
        <v>43578</v>
      </c>
      <c r="B532" s="2">
        <v>19.04</v>
      </c>
      <c r="C532">
        <v>0</v>
      </c>
      <c r="D532">
        <f t="shared" si="16"/>
        <v>0</v>
      </c>
      <c r="E532" s="6">
        <f t="shared" si="17"/>
        <v>0</v>
      </c>
    </row>
    <row r="533" spans="1:5" x14ac:dyDescent="0.25">
      <c r="A533" s="1">
        <v>43578.041666666664</v>
      </c>
      <c r="B533" s="2">
        <v>18.420000000000002</v>
      </c>
      <c r="C533">
        <v>0</v>
      </c>
      <c r="D533">
        <f t="shared" si="16"/>
        <v>0</v>
      </c>
      <c r="E533" s="6">
        <f t="shared" si="17"/>
        <v>0</v>
      </c>
    </row>
    <row r="534" spans="1:5" x14ac:dyDescent="0.25">
      <c r="A534" s="1">
        <v>43578.083333333336</v>
      </c>
      <c r="B534" s="2">
        <v>17.47</v>
      </c>
      <c r="C534">
        <v>0</v>
      </c>
      <c r="D534">
        <f t="shared" si="16"/>
        <v>0</v>
      </c>
      <c r="E534" s="6">
        <f t="shared" si="17"/>
        <v>0</v>
      </c>
    </row>
    <row r="535" spans="1:5" x14ac:dyDescent="0.25">
      <c r="A535" s="1">
        <v>43578.125</v>
      </c>
      <c r="B535" s="2">
        <v>17.649999999999999</v>
      </c>
      <c r="C535">
        <v>0</v>
      </c>
      <c r="D535">
        <f t="shared" si="16"/>
        <v>0</v>
      </c>
      <c r="E535" s="6">
        <f t="shared" si="17"/>
        <v>0</v>
      </c>
    </row>
    <row r="536" spans="1:5" x14ac:dyDescent="0.25">
      <c r="A536" s="1">
        <v>43578.166666666664</v>
      </c>
      <c r="B536" s="2">
        <v>19.07</v>
      </c>
      <c r="C536">
        <v>0</v>
      </c>
      <c r="D536">
        <f t="shared" si="16"/>
        <v>0</v>
      </c>
      <c r="E536" s="6">
        <f t="shared" si="17"/>
        <v>0</v>
      </c>
    </row>
    <row r="537" spans="1:5" x14ac:dyDescent="0.25">
      <c r="A537" s="1">
        <v>43578.208333333336</v>
      </c>
      <c r="B537" s="2">
        <v>21.41</v>
      </c>
      <c r="C537">
        <v>0</v>
      </c>
      <c r="D537">
        <f t="shared" si="16"/>
        <v>0</v>
      </c>
      <c r="E537" s="6">
        <f t="shared" si="17"/>
        <v>0</v>
      </c>
    </row>
    <row r="538" spans="1:5" x14ac:dyDescent="0.25">
      <c r="A538" s="1">
        <v>43578.25</v>
      </c>
      <c r="B538" s="2">
        <v>31.08</v>
      </c>
      <c r="C538">
        <v>0</v>
      </c>
      <c r="D538">
        <f t="shared" si="16"/>
        <v>0</v>
      </c>
      <c r="E538" s="6">
        <f t="shared" si="17"/>
        <v>0</v>
      </c>
    </row>
    <row r="539" spans="1:5" x14ac:dyDescent="0.25">
      <c r="A539" s="1">
        <v>43578.291666666664</v>
      </c>
      <c r="B539" s="2">
        <v>32.08</v>
      </c>
      <c r="C539">
        <v>0.42263400000000001</v>
      </c>
      <c r="D539">
        <f t="shared" si="16"/>
        <v>4.2263400000000002E-4</v>
      </c>
      <c r="E539" s="6">
        <f t="shared" si="17"/>
        <v>1.355809872E-2</v>
      </c>
    </row>
    <row r="540" spans="1:5" x14ac:dyDescent="0.25">
      <c r="A540" s="1">
        <v>43578.333333333336</v>
      </c>
      <c r="B540" s="2">
        <v>31.5</v>
      </c>
      <c r="C540">
        <v>1.9733830000000001</v>
      </c>
      <c r="D540">
        <f t="shared" si="16"/>
        <v>1.973383E-3</v>
      </c>
      <c r="E540" s="6">
        <f t="shared" si="17"/>
        <v>6.2161564500000002E-2</v>
      </c>
    </row>
    <row r="541" spans="1:5" x14ac:dyDescent="0.25">
      <c r="A541" s="1">
        <v>43578.375</v>
      </c>
      <c r="B541" s="2">
        <v>33.82</v>
      </c>
      <c r="C541">
        <v>3.0887710000000004</v>
      </c>
      <c r="D541">
        <f t="shared" si="16"/>
        <v>3.0887710000000006E-3</v>
      </c>
      <c r="E541" s="6">
        <f t="shared" si="17"/>
        <v>0.10446223522000002</v>
      </c>
    </row>
    <row r="542" spans="1:5" x14ac:dyDescent="0.25">
      <c r="A542" s="1">
        <v>43578.416666666664</v>
      </c>
      <c r="B542" s="2">
        <v>35.119999999999997</v>
      </c>
      <c r="C542">
        <v>4.4733789999999996</v>
      </c>
      <c r="D542">
        <f t="shared" si="16"/>
        <v>4.4733789999999996E-3</v>
      </c>
      <c r="E542" s="6">
        <f t="shared" si="17"/>
        <v>0.15710507047999997</v>
      </c>
    </row>
    <row r="543" spans="1:5" x14ac:dyDescent="0.25">
      <c r="A543" s="1">
        <v>43578.458333333336</v>
      </c>
      <c r="B543" s="2">
        <v>34.44</v>
      </c>
      <c r="C543">
        <v>6.5156239999999999</v>
      </c>
      <c r="D543">
        <f t="shared" si="16"/>
        <v>6.5156240000000002E-3</v>
      </c>
      <c r="E543" s="6">
        <f t="shared" si="17"/>
        <v>0.22439809055999999</v>
      </c>
    </row>
    <row r="544" spans="1:5" x14ac:dyDescent="0.25">
      <c r="A544" s="1">
        <v>43578.5</v>
      </c>
      <c r="B544" s="2">
        <v>35.770000000000003</v>
      </c>
      <c r="C544">
        <v>7.1450529999999999</v>
      </c>
      <c r="D544">
        <f t="shared" si="16"/>
        <v>7.1450530000000002E-3</v>
      </c>
      <c r="E544" s="6">
        <f t="shared" si="17"/>
        <v>0.25557854581</v>
      </c>
    </row>
    <row r="545" spans="1:5" x14ac:dyDescent="0.25">
      <c r="A545" s="1">
        <v>43578.541666666664</v>
      </c>
      <c r="B545" s="2">
        <v>34.51</v>
      </c>
      <c r="C545">
        <v>4.6264650000000005</v>
      </c>
      <c r="D545">
        <f t="shared" si="16"/>
        <v>4.6264650000000006E-3</v>
      </c>
      <c r="E545" s="6">
        <f t="shared" si="17"/>
        <v>0.15965930715000001</v>
      </c>
    </row>
    <row r="546" spans="1:5" x14ac:dyDescent="0.25">
      <c r="A546" s="1">
        <v>43578.583333333336</v>
      </c>
      <c r="B546" s="2">
        <v>35.590000000000003</v>
      </c>
      <c r="C546">
        <v>7.1211820000000001</v>
      </c>
      <c r="D546">
        <f t="shared" si="16"/>
        <v>7.1211820000000002E-3</v>
      </c>
      <c r="E546" s="6">
        <f t="shared" si="17"/>
        <v>0.25344286738000005</v>
      </c>
    </row>
    <row r="547" spans="1:5" x14ac:dyDescent="0.25">
      <c r="A547" s="1">
        <v>43578.625</v>
      </c>
      <c r="B547" s="2">
        <v>35.369999999999997</v>
      </c>
      <c r="C547">
        <v>5.3911730000000002</v>
      </c>
      <c r="D547">
        <f t="shared" si="16"/>
        <v>5.391173E-3</v>
      </c>
      <c r="E547" s="6">
        <f t="shared" si="17"/>
        <v>0.19068578901</v>
      </c>
    </row>
    <row r="548" spans="1:5" x14ac:dyDescent="0.25">
      <c r="A548" s="1">
        <v>43578.666666666664</v>
      </c>
      <c r="B548" s="2">
        <v>35.76</v>
      </c>
      <c r="C548">
        <v>1.3036379999999999</v>
      </c>
      <c r="D548">
        <f t="shared" si="16"/>
        <v>1.3036379999999998E-3</v>
      </c>
      <c r="E548" s="6">
        <f t="shared" si="17"/>
        <v>4.6618094879999988E-2</v>
      </c>
    </row>
    <row r="549" spans="1:5" x14ac:dyDescent="0.25">
      <c r="A549" s="1">
        <v>43578.708333333336</v>
      </c>
      <c r="B549" s="2">
        <v>35.94</v>
      </c>
      <c r="C549">
        <v>0.63964999999999994</v>
      </c>
      <c r="D549">
        <f t="shared" si="16"/>
        <v>6.3964999999999996E-4</v>
      </c>
      <c r="E549" s="6">
        <f t="shared" si="17"/>
        <v>2.2989020999999998E-2</v>
      </c>
    </row>
    <row r="550" spans="1:5" x14ac:dyDescent="0.25">
      <c r="A550" s="1">
        <v>43578.75</v>
      </c>
      <c r="B550" s="2">
        <v>34.69</v>
      </c>
      <c r="C550">
        <v>0.58642499999999997</v>
      </c>
      <c r="D550">
        <f t="shared" si="16"/>
        <v>5.8642500000000001E-4</v>
      </c>
      <c r="E550" s="6">
        <f t="shared" si="17"/>
        <v>2.0343083249999998E-2</v>
      </c>
    </row>
    <row r="551" spans="1:5" x14ac:dyDescent="0.25">
      <c r="A551" s="1">
        <v>43578.791666666664</v>
      </c>
      <c r="B551" s="2">
        <v>34.94</v>
      </c>
      <c r="C551">
        <v>0.33672800000000003</v>
      </c>
      <c r="D551">
        <f t="shared" si="16"/>
        <v>3.3672800000000001E-4</v>
      </c>
      <c r="E551" s="6">
        <f t="shared" si="17"/>
        <v>1.1765276319999999E-2</v>
      </c>
    </row>
    <row r="552" spans="1:5" x14ac:dyDescent="0.25">
      <c r="A552" s="1">
        <v>43578.833333333336</v>
      </c>
      <c r="B552" s="2">
        <v>40.82</v>
      </c>
      <c r="C552">
        <v>0</v>
      </c>
      <c r="D552">
        <f t="shared" si="16"/>
        <v>0</v>
      </c>
      <c r="E552" s="6">
        <f t="shared" si="17"/>
        <v>0</v>
      </c>
    </row>
    <row r="553" spans="1:5" x14ac:dyDescent="0.25">
      <c r="A553" s="1">
        <v>43578.875</v>
      </c>
      <c r="B553" s="2">
        <v>35.31</v>
      </c>
      <c r="C553">
        <v>0</v>
      </c>
      <c r="D553">
        <f t="shared" si="16"/>
        <v>0</v>
      </c>
      <c r="E553" s="6">
        <f t="shared" si="17"/>
        <v>0</v>
      </c>
    </row>
    <row r="554" spans="1:5" x14ac:dyDescent="0.25">
      <c r="A554" s="1">
        <v>43578.916666666664</v>
      </c>
      <c r="B554" s="2">
        <v>27.29</v>
      </c>
      <c r="C554">
        <v>0</v>
      </c>
      <c r="D554">
        <f t="shared" si="16"/>
        <v>0</v>
      </c>
      <c r="E554" s="6">
        <f t="shared" si="17"/>
        <v>0</v>
      </c>
    </row>
    <row r="555" spans="1:5" x14ac:dyDescent="0.25">
      <c r="A555" s="1">
        <v>43578.958333333336</v>
      </c>
      <c r="B555" s="2">
        <v>23</v>
      </c>
      <c r="C555">
        <v>0</v>
      </c>
      <c r="D555">
        <f t="shared" si="16"/>
        <v>0</v>
      </c>
      <c r="E555" s="6">
        <f t="shared" si="17"/>
        <v>0</v>
      </c>
    </row>
    <row r="556" spans="1:5" x14ac:dyDescent="0.25">
      <c r="A556" s="1">
        <v>43579</v>
      </c>
      <c r="B556" s="2">
        <v>20.98</v>
      </c>
      <c r="C556">
        <v>0</v>
      </c>
      <c r="D556">
        <f t="shared" si="16"/>
        <v>0</v>
      </c>
      <c r="E556" s="6">
        <f t="shared" si="17"/>
        <v>0</v>
      </c>
    </row>
    <row r="557" spans="1:5" x14ac:dyDescent="0.25">
      <c r="A557" s="1">
        <v>43579.041666666664</v>
      </c>
      <c r="B557" s="2">
        <v>20.52</v>
      </c>
      <c r="C557">
        <v>0</v>
      </c>
      <c r="D557">
        <f t="shared" si="16"/>
        <v>0</v>
      </c>
      <c r="E557" s="6">
        <f t="shared" si="17"/>
        <v>0</v>
      </c>
    </row>
    <row r="558" spans="1:5" x14ac:dyDescent="0.25">
      <c r="A558" s="1">
        <v>43579.083333333336</v>
      </c>
      <c r="B558" s="2">
        <v>19.48</v>
      </c>
      <c r="C558">
        <v>0</v>
      </c>
      <c r="D558">
        <f t="shared" si="16"/>
        <v>0</v>
      </c>
      <c r="E558" s="6">
        <f t="shared" si="17"/>
        <v>0</v>
      </c>
    </row>
    <row r="559" spans="1:5" x14ac:dyDescent="0.25">
      <c r="A559" s="1">
        <v>43579.125</v>
      </c>
      <c r="B559" s="2">
        <v>19.52</v>
      </c>
      <c r="C559">
        <v>0</v>
      </c>
      <c r="D559">
        <f t="shared" si="16"/>
        <v>0</v>
      </c>
      <c r="E559" s="6">
        <f t="shared" si="17"/>
        <v>0</v>
      </c>
    </row>
    <row r="560" spans="1:5" x14ac:dyDescent="0.25">
      <c r="A560" s="1">
        <v>43579.166666666664</v>
      </c>
      <c r="B560" s="2">
        <v>20.309999999999999</v>
      </c>
      <c r="C560">
        <v>0</v>
      </c>
      <c r="D560">
        <f t="shared" si="16"/>
        <v>0</v>
      </c>
      <c r="E560" s="6">
        <f t="shared" si="17"/>
        <v>0</v>
      </c>
    </row>
    <row r="561" spans="1:5" x14ac:dyDescent="0.25">
      <c r="A561" s="1">
        <v>43579.208333333336</v>
      </c>
      <c r="B561" s="2">
        <v>22.87</v>
      </c>
      <c r="C561">
        <v>0</v>
      </c>
      <c r="D561">
        <f t="shared" si="16"/>
        <v>0</v>
      </c>
      <c r="E561" s="6">
        <f t="shared" si="17"/>
        <v>0</v>
      </c>
    </row>
    <row r="562" spans="1:5" x14ac:dyDescent="0.25">
      <c r="A562" s="1">
        <v>43579.25</v>
      </c>
      <c r="B562" s="2">
        <v>32.65</v>
      </c>
      <c r="C562">
        <v>0</v>
      </c>
      <c r="D562">
        <f t="shared" si="16"/>
        <v>0</v>
      </c>
      <c r="E562" s="6">
        <f t="shared" si="17"/>
        <v>0</v>
      </c>
    </row>
    <row r="563" spans="1:5" x14ac:dyDescent="0.25">
      <c r="A563" s="1">
        <v>43579.291666666664</v>
      </c>
      <c r="B563" s="2">
        <v>33.619999999999997</v>
      </c>
      <c r="C563">
        <v>0.12587499999999999</v>
      </c>
      <c r="D563">
        <f t="shared" si="16"/>
        <v>1.2587499999999998E-4</v>
      </c>
      <c r="E563" s="6">
        <f t="shared" si="17"/>
        <v>4.2319174999999988E-3</v>
      </c>
    </row>
    <row r="564" spans="1:5" x14ac:dyDescent="0.25">
      <c r="A564" s="1">
        <v>43579.333333333336</v>
      </c>
      <c r="B564" s="2">
        <v>32.340000000000003</v>
      </c>
      <c r="C564">
        <v>1.0271110000000001</v>
      </c>
      <c r="D564">
        <f t="shared" si="16"/>
        <v>1.027111E-3</v>
      </c>
      <c r="E564" s="6">
        <f t="shared" si="17"/>
        <v>3.3216769740000006E-2</v>
      </c>
    </row>
    <row r="565" spans="1:5" x14ac:dyDescent="0.25">
      <c r="A565" s="1">
        <v>43579.375</v>
      </c>
      <c r="B565" s="2">
        <v>33.47</v>
      </c>
      <c r="C565">
        <v>2.6798440000000001</v>
      </c>
      <c r="D565">
        <f t="shared" si="16"/>
        <v>2.6798440000000002E-3</v>
      </c>
      <c r="E565" s="6">
        <f t="shared" si="17"/>
        <v>8.9694378680000006E-2</v>
      </c>
    </row>
    <row r="566" spans="1:5" x14ac:dyDescent="0.25">
      <c r="A566" s="1">
        <v>43579.416666666664</v>
      </c>
      <c r="B566" s="2">
        <v>35.26</v>
      </c>
      <c r="C566">
        <v>3.057868</v>
      </c>
      <c r="D566">
        <f t="shared" si="16"/>
        <v>3.057868E-3</v>
      </c>
      <c r="E566" s="6">
        <f t="shared" si="17"/>
        <v>0.10782042568</v>
      </c>
    </row>
    <row r="567" spans="1:5" x14ac:dyDescent="0.25">
      <c r="A567" s="1">
        <v>43579.458333333336</v>
      </c>
      <c r="B567" s="2">
        <v>34.54</v>
      </c>
      <c r="C567">
        <v>5.0135630000000004</v>
      </c>
      <c r="D567">
        <f t="shared" si="16"/>
        <v>5.0135630000000004E-3</v>
      </c>
      <c r="E567" s="6">
        <f t="shared" si="17"/>
        <v>0.17316846602000002</v>
      </c>
    </row>
    <row r="568" spans="1:5" x14ac:dyDescent="0.25">
      <c r="A568" s="1">
        <v>43579.5</v>
      </c>
      <c r="B568" s="2">
        <v>35.06</v>
      </c>
      <c r="C568">
        <v>5.2541210000000005</v>
      </c>
      <c r="D568">
        <f t="shared" si="16"/>
        <v>5.2541210000000005E-3</v>
      </c>
      <c r="E568" s="6">
        <f t="shared" si="17"/>
        <v>0.18420948226000003</v>
      </c>
    </row>
    <row r="569" spans="1:5" x14ac:dyDescent="0.25">
      <c r="A569" s="1">
        <v>43579.541666666664</v>
      </c>
      <c r="B569" s="2">
        <v>34.81</v>
      </c>
      <c r="C569">
        <v>6.4274719999999999</v>
      </c>
      <c r="D569">
        <f t="shared" si="16"/>
        <v>6.427472E-3</v>
      </c>
      <c r="E569" s="6">
        <f t="shared" si="17"/>
        <v>0.22374030032000003</v>
      </c>
    </row>
    <row r="570" spans="1:5" x14ac:dyDescent="0.25">
      <c r="A570" s="1">
        <v>43579.583333333336</v>
      </c>
      <c r="B570" s="2">
        <v>34.83</v>
      </c>
      <c r="C570">
        <v>4.943905</v>
      </c>
      <c r="D570">
        <f t="shared" si="16"/>
        <v>4.9439050000000002E-3</v>
      </c>
      <c r="E570" s="6">
        <f t="shared" si="17"/>
        <v>0.17219621115</v>
      </c>
    </row>
    <row r="571" spans="1:5" x14ac:dyDescent="0.25">
      <c r="A571" s="1">
        <v>43579.625</v>
      </c>
      <c r="B571" s="2">
        <v>33.520000000000003</v>
      </c>
      <c r="C571">
        <v>1.4156710000000001</v>
      </c>
      <c r="D571">
        <f t="shared" si="16"/>
        <v>1.4156710000000001E-3</v>
      </c>
      <c r="E571" s="6">
        <f t="shared" si="17"/>
        <v>4.7453291920000008E-2</v>
      </c>
    </row>
    <row r="572" spans="1:5" x14ac:dyDescent="0.25">
      <c r="A572" s="1">
        <v>43579.666666666664</v>
      </c>
      <c r="B572" s="2">
        <v>33.869999999999997</v>
      </c>
      <c r="C572">
        <v>1.723719</v>
      </c>
      <c r="D572">
        <f t="shared" si="16"/>
        <v>1.7237190000000001E-3</v>
      </c>
      <c r="E572" s="6">
        <f t="shared" si="17"/>
        <v>5.8382362529999995E-2</v>
      </c>
    </row>
    <row r="573" spans="1:5" x14ac:dyDescent="0.25">
      <c r="A573" s="1">
        <v>43579.708333333336</v>
      </c>
      <c r="B573" s="2">
        <v>33.79</v>
      </c>
      <c r="C573">
        <v>0.117642</v>
      </c>
      <c r="D573">
        <f t="shared" si="16"/>
        <v>1.17642E-4</v>
      </c>
      <c r="E573" s="6">
        <f t="shared" si="17"/>
        <v>3.9751231799999998E-3</v>
      </c>
    </row>
    <row r="574" spans="1:5" x14ac:dyDescent="0.25">
      <c r="A574" s="1">
        <v>43579.75</v>
      </c>
      <c r="B574" s="2">
        <v>31.37</v>
      </c>
      <c r="C574">
        <v>1.489317</v>
      </c>
      <c r="D574">
        <f t="shared" si="16"/>
        <v>1.489317E-3</v>
      </c>
      <c r="E574" s="6">
        <f t="shared" si="17"/>
        <v>4.6719874289999998E-2</v>
      </c>
    </row>
    <row r="575" spans="1:5" x14ac:dyDescent="0.25">
      <c r="A575" s="1">
        <v>43579.791666666664</v>
      </c>
      <c r="B575" s="2">
        <v>32.729999999999997</v>
      </c>
      <c r="C575">
        <v>0.42852999999999997</v>
      </c>
      <c r="D575">
        <f t="shared" si="16"/>
        <v>4.2852999999999999E-4</v>
      </c>
      <c r="E575" s="6">
        <f t="shared" si="17"/>
        <v>1.4025786899999998E-2</v>
      </c>
    </row>
    <row r="576" spans="1:5" x14ac:dyDescent="0.25">
      <c r="A576" s="1">
        <v>43579.833333333336</v>
      </c>
      <c r="B576" s="2">
        <v>40.479999999999997</v>
      </c>
      <c r="C576">
        <v>0</v>
      </c>
      <c r="D576">
        <f t="shared" si="16"/>
        <v>0</v>
      </c>
      <c r="E576" s="6">
        <f t="shared" si="17"/>
        <v>0</v>
      </c>
    </row>
    <row r="577" spans="1:5" x14ac:dyDescent="0.25">
      <c r="A577" s="1">
        <v>43579.875</v>
      </c>
      <c r="B577" s="2">
        <v>35.119999999999997</v>
      </c>
      <c r="C577">
        <v>0</v>
      </c>
      <c r="D577">
        <f t="shared" si="16"/>
        <v>0</v>
      </c>
      <c r="E577" s="6">
        <f t="shared" si="17"/>
        <v>0</v>
      </c>
    </row>
    <row r="578" spans="1:5" x14ac:dyDescent="0.25">
      <c r="A578" s="1">
        <v>43579.916666666664</v>
      </c>
      <c r="B578" s="2">
        <v>25.42</v>
      </c>
      <c r="C578">
        <v>0</v>
      </c>
      <c r="D578">
        <f t="shared" si="16"/>
        <v>0</v>
      </c>
      <c r="E578" s="6">
        <f t="shared" si="17"/>
        <v>0</v>
      </c>
    </row>
    <row r="579" spans="1:5" x14ac:dyDescent="0.25">
      <c r="A579" s="1">
        <v>43579.958333333336</v>
      </c>
      <c r="B579" s="2">
        <v>22.54</v>
      </c>
      <c r="C579">
        <v>0</v>
      </c>
      <c r="D579">
        <f t="shared" si="16"/>
        <v>0</v>
      </c>
      <c r="E579" s="6">
        <f t="shared" si="17"/>
        <v>0</v>
      </c>
    </row>
    <row r="580" spans="1:5" x14ac:dyDescent="0.25">
      <c r="A580" s="1">
        <v>43580</v>
      </c>
      <c r="B580" s="2">
        <v>20.88</v>
      </c>
      <c r="C580">
        <v>0</v>
      </c>
      <c r="D580">
        <f t="shared" si="16"/>
        <v>0</v>
      </c>
      <c r="E580" s="6">
        <f t="shared" si="17"/>
        <v>0</v>
      </c>
    </row>
    <row r="581" spans="1:5" x14ac:dyDescent="0.25">
      <c r="A581" s="1">
        <v>43580.041666666664</v>
      </c>
      <c r="B581" s="2">
        <v>20.32</v>
      </c>
      <c r="C581">
        <v>0</v>
      </c>
      <c r="D581">
        <f t="shared" si="16"/>
        <v>0</v>
      </c>
      <c r="E581" s="6">
        <f t="shared" si="17"/>
        <v>0</v>
      </c>
    </row>
    <row r="582" spans="1:5" x14ac:dyDescent="0.25">
      <c r="A582" s="1">
        <v>43580.083333333336</v>
      </c>
      <c r="B582" s="2">
        <v>20.07</v>
      </c>
      <c r="C582">
        <v>0</v>
      </c>
      <c r="D582">
        <f t="shared" ref="D582:D645" si="18">C582/1000</f>
        <v>0</v>
      </c>
      <c r="E582" s="6">
        <f t="shared" ref="E582:E645" si="19">D582*B582</f>
        <v>0</v>
      </c>
    </row>
    <row r="583" spans="1:5" x14ac:dyDescent="0.25">
      <c r="A583" s="1">
        <v>43580.125</v>
      </c>
      <c r="B583" s="2">
        <v>20.3</v>
      </c>
      <c r="C583">
        <v>0</v>
      </c>
      <c r="D583">
        <f t="shared" si="18"/>
        <v>0</v>
      </c>
      <c r="E583" s="6">
        <f t="shared" si="19"/>
        <v>0</v>
      </c>
    </row>
    <row r="584" spans="1:5" x14ac:dyDescent="0.25">
      <c r="A584" s="1">
        <v>43580.166666666664</v>
      </c>
      <c r="B584" s="2">
        <v>21.14</v>
      </c>
      <c r="C584">
        <v>0</v>
      </c>
      <c r="D584">
        <f t="shared" si="18"/>
        <v>0</v>
      </c>
      <c r="E584" s="6">
        <f t="shared" si="19"/>
        <v>0</v>
      </c>
    </row>
    <row r="585" spans="1:5" x14ac:dyDescent="0.25">
      <c r="A585" s="1">
        <v>43580.208333333336</v>
      </c>
      <c r="B585" s="2">
        <v>23.16</v>
      </c>
      <c r="C585">
        <v>0</v>
      </c>
      <c r="D585">
        <f t="shared" si="18"/>
        <v>0</v>
      </c>
      <c r="E585" s="6">
        <f t="shared" si="19"/>
        <v>0</v>
      </c>
    </row>
    <row r="586" spans="1:5" x14ac:dyDescent="0.25">
      <c r="A586" s="1">
        <v>43580.25</v>
      </c>
      <c r="B586" s="2">
        <v>32.520000000000003</v>
      </c>
      <c r="C586">
        <v>0</v>
      </c>
      <c r="D586">
        <f t="shared" si="18"/>
        <v>0</v>
      </c>
      <c r="E586" s="6">
        <f t="shared" si="19"/>
        <v>0</v>
      </c>
    </row>
    <row r="587" spans="1:5" x14ac:dyDescent="0.25">
      <c r="A587" s="1">
        <v>43580.291666666664</v>
      </c>
      <c r="B587" s="2">
        <v>36.04</v>
      </c>
      <c r="C587">
        <v>9.8188999999999999E-2</v>
      </c>
      <c r="D587">
        <f t="shared" si="18"/>
        <v>9.8189000000000005E-5</v>
      </c>
      <c r="E587" s="6">
        <f t="shared" si="19"/>
        <v>3.5387315600000002E-3</v>
      </c>
    </row>
    <row r="588" spans="1:5" x14ac:dyDescent="0.25">
      <c r="A588" s="1">
        <v>43580.333333333336</v>
      </c>
      <c r="B588" s="2">
        <v>35.06</v>
      </c>
      <c r="C588">
        <v>1.522964</v>
      </c>
      <c r="D588">
        <f t="shared" si="18"/>
        <v>1.5229639999999999E-3</v>
      </c>
      <c r="E588" s="6">
        <f t="shared" si="19"/>
        <v>5.3395117839999999E-2</v>
      </c>
    </row>
    <row r="589" spans="1:5" x14ac:dyDescent="0.25">
      <c r="A589" s="1">
        <v>43580.375</v>
      </c>
      <c r="B589" s="2">
        <v>39.159999999999997</v>
      </c>
      <c r="C589">
        <v>1.2927280000000001</v>
      </c>
      <c r="D589">
        <f t="shared" si="18"/>
        <v>1.2927280000000001E-3</v>
      </c>
      <c r="E589" s="6">
        <f t="shared" si="19"/>
        <v>5.0623228480000004E-2</v>
      </c>
    </row>
    <row r="590" spans="1:5" x14ac:dyDescent="0.25">
      <c r="A590" s="1">
        <v>43580.416666666664</v>
      </c>
      <c r="B590" s="2">
        <v>38.81</v>
      </c>
      <c r="C590">
        <v>4.912204</v>
      </c>
      <c r="D590">
        <f t="shared" si="18"/>
        <v>4.9122039999999999E-3</v>
      </c>
      <c r="E590" s="6">
        <f t="shared" si="19"/>
        <v>0.19064263724</v>
      </c>
    </row>
    <row r="591" spans="1:5" x14ac:dyDescent="0.25">
      <c r="A591" s="1">
        <v>43580.458333333336</v>
      </c>
      <c r="B591" s="2">
        <v>39.72</v>
      </c>
      <c r="C591">
        <v>6.5211899999999998</v>
      </c>
      <c r="D591">
        <f t="shared" si="18"/>
        <v>6.5211899999999996E-3</v>
      </c>
      <c r="E591" s="6">
        <f t="shared" si="19"/>
        <v>0.25902166679999999</v>
      </c>
    </row>
    <row r="592" spans="1:5" x14ac:dyDescent="0.25">
      <c r="A592" s="1">
        <v>43580.5</v>
      </c>
      <c r="B592" s="2">
        <v>37.729999999999997</v>
      </c>
      <c r="C592">
        <v>7.0946389999999999</v>
      </c>
      <c r="D592">
        <f t="shared" si="18"/>
        <v>7.0946389999999998E-3</v>
      </c>
      <c r="E592" s="6">
        <f t="shared" si="19"/>
        <v>0.26768072946999999</v>
      </c>
    </row>
    <row r="593" spans="1:5" x14ac:dyDescent="0.25">
      <c r="A593" s="1">
        <v>43580.541666666664</v>
      </c>
      <c r="B593" s="2">
        <v>39.25</v>
      </c>
      <c r="C593">
        <v>4.9623549999999996</v>
      </c>
      <c r="D593">
        <f t="shared" si="18"/>
        <v>4.9623549999999999E-3</v>
      </c>
      <c r="E593" s="6">
        <f t="shared" si="19"/>
        <v>0.19477243375</v>
      </c>
    </row>
    <row r="594" spans="1:5" x14ac:dyDescent="0.25">
      <c r="A594" s="1">
        <v>43580.583333333336</v>
      </c>
      <c r="B594" s="2">
        <v>38.81</v>
      </c>
      <c r="C594">
        <v>5.9038310000000003</v>
      </c>
      <c r="D594">
        <f t="shared" si="18"/>
        <v>5.903831E-3</v>
      </c>
      <c r="E594" s="6">
        <f t="shared" si="19"/>
        <v>0.22912768111000001</v>
      </c>
    </row>
    <row r="595" spans="1:5" x14ac:dyDescent="0.25">
      <c r="A595" s="1">
        <v>43580.625</v>
      </c>
      <c r="B595" s="2">
        <v>38.86</v>
      </c>
      <c r="C595">
        <v>6.4244759999999994</v>
      </c>
      <c r="D595">
        <f t="shared" si="18"/>
        <v>6.4244759999999993E-3</v>
      </c>
      <c r="E595" s="6">
        <f t="shared" si="19"/>
        <v>0.24965513735999997</v>
      </c>
    </row>
    <row r="596" spans="1:5" x14ac:dyDescent="0.25">
      <c r="A596" s="1">
        <v>43580.666666666664</v>
      </c>
      <c r="B596" s="2">
        <v>37.46</v>
      </c>
      <c r="C596">
        <v>4.2136839999999998</v>
      </c>
      <c r="D596">
        <f t="shared" si="18"/>
        <v>4.2136839999999997E-3</v>
      </c>
      <c r="E596" s="6">
        <f t="shared" si="19"/>
        <v>0.15784460264</v>
      </c>
    </row>
    <row r="597" spans="1:5" x14ac:dyDescent="0.25">
      <c r="A597" s="1">
        <v>43580.708333333336</v>
      </c>
      <c r="B597" s="2">
        <v>39.54</v>
      </c>
      <c r="C597">
        <v>2.809218</v>
      </c>
      <c r="D597">
        <f t="shared" si="18"/>
        <v>2.809218E-3</v>
      </c>
      <c r="E597" s="6">
        <f t="shared" si="19"/>
        <v>0.11107647972</v>
      </c>
    </row>
    <row r="598" spans="1:5" x14ac:dyDescent="0.25">
      <c r="A598" s="1">
        <v>43580.75</v>
      </c>
      <c r="B598" s="2">
        <v>38.04</v>
      </c>
      <c r="C598">
        <v>1.5764469999999999</v>
      </c>
      <c r="D598">
        <f t="shared" si="18"/>
        <v>1.5764469999999999E-3</v>
      </c>
      <c r="E598" s="6">
        <f t="shared" si="19"/>
        <v>5.9968043879999995E-2</v>
      </c>
    </row>
    <row r="599" spans="1:5" x14ac:dyDescent="0.25">
      <c r="A599" s="1">
        <v>43580.791666666664</v>
      </c>
      <c r="B599" s="2">
        <v>33.909999999999997</v>
      </c>
      <c r="C599">
        <v>0.41606799999999999</v>
      </c>
      <c r="D599">
        <f t="shared" si="18"/>
        <v>4.1606800000000002E-4</v>
      </c>
      <c r="E599" s="6">
        <f t="shared" si="19"/>
        <v>1.410886588E-2</v>
      </c>
    </row>
    <row r="600" spans="1:5" x14ac:dyDescent="0.25">
      <c r="A600" s="1">
        <v>43580.833333333336</v>
      </c>
      <c r="B600" s="2">
        <v>37.909999999999997</v>
      </c>
      <c r="C600">
        <v>0</v>
      </c>
      <c r="D600">
        <f t="shared" si="18"/>
        <v>0</v>
      </c>
      <c r="E600" s="6">
        <f t="shared" si="19"/>
        <v>0</v>
      </c>
    </row>
    <row r="601" spans="1:5" x14ac:dyDescent="0.25">
      <c r="A601" s="1">
        <v>43580.875</v>
      </c>
      <c r="B601" s="2">
        <v>32.799999999999997</v>
      </c>
      <c r="C601">
        <v>0</v>
      </c>
      <c r="D601">
        <f t="shared" si="18"/>
        <v>0</v>
      </c>
      <c r="E601" s="6">
        <f t="shared" si="19"/>
        <v>0</v>
      </c>
    </row>
    <row r="602" spans="1:5" x14ac:dyDescent="0.25">
      <c r="A602" s="1">
        <v>43580.916666666664</v>
      </c>
      <c r="B602" s="2">
        <v>23.94</v>
      </c>
      <c r="C602">
        <v>0</v>
      </c>
      <c r="D602">
        <f t="shared" si="18"/>
        <v>0</v>
      </c>
      <c r="E602" s="6">
        <f t="shared" si="19"/>
        <v>0</v>
      </c>
    </row>
    <row r="603" spans="1:5" x14ac:dyDescent="0.25">
      <c r="A603" s="1">
        <v>43580.958333333336</v>
      </c>
      <c r="B603" s="2">
        <v>21.86</v>
      </c>
      <c r="C603">
        <v>0</v>
      </c>
      <c r="D603">
        <f t="shared" si="18"/>
        <v>0</v>
      </c>
      <c r="E603" s="6">
        <f t="shared" si="19"/>
        <v>0</v>
      </c>
    </row>
    <row r="604" spans="1:5" x14ac:dyDescent="0.25">
      <c r="A604" s="1">
        <v>43581</v>
      </c>
      <c r="B604" s="2">
        <v>19.25</v>
      </c>
      <c r="C604">
        <v>0</v>
      </c>
      <c r="D604">
        <f t="shared" si="18"/>
        <v>0</v>
      </c>
      <c r="E604" s="6">
        <f t="shared" si="19"/>
        <v>0</v>
      </c>
    </row>
    <row r="605" spans="1:5" x14ac:dyDescent="0.25">
      <c r="A605" s="1">
        <v>43581.041666666664</v>
      </c>
      <c r="B605" s="2">
        <v>18.16</v>
      </c>
      <c r="C605">
        <v>0</v>
      </c>
      <c r="D605">
        <f t="shared" si="18"/>
        <v>0</v>
      </c>
      <c r="E605" s="6">
        <f t="shared" si="19"/>
        <v>0</v>
      </c>
    </row>
    <row r="606" spans="1:5" x14ac:dyDescent="0.25">
      <c r="A606" s="1">
        <v>43581.083333333336</v>
      </c>
      <c r="B606" s="2">
        <v>17.399999999999999</v>
      </c>
      <c r="C606">
        <v>0</v>
      </c>
      <c r="D606">
        <f t="shared" si="18"/>
        <v>0</v>
      </c>
      <c r="E606" s="6">
        <f t="shared" si="19"/>
        <v>0</v>
      </c>
    </row>
    <row r="607" spans="1:5" x14ac:dyDescent="0.25">
      <c r="A607" s="1">
        <v>43581.125</v>
      </c>
      <c r="B607" s="2">
        <v>17.46</v>
      </c>
      <c r="C607">
        <v>0</v>
      </c>
      <c r="D607">
        <f t="shared" si="18"/>
        <v>0</v>
      </c>
      <c r="E607" s="6">
        <f t="shared" si="19"/>
        <v>0</v>
      </c>
    </row>
    <row r="608" spans="1:5" x14ac:dyDescent="0.25">
      <c r="A608" s="1">
        <v>43581.166666666664</v>
      </c>
      <c r="B608" s="2">
        <v>17.29</v>
      </c>
      <c r="C608">
        <v>0</v>
      </c>
      <c r="D608">
        <f t="shared" si="18"/>
        <v>0</v>
      </c>
      <c r="E608" s="6">
        <f t="shared" si="19"/>
        <v>0</v>
      </c>
    </row>
    <row r="609" spans="1:5" x14ac:dyDescent="0.25">
      <c r="A609" s="1">
        <v>43581.208333333336</v>
      </c>
      <c r="B609" s="2">
        <v>19.82</v>
      </c>
      <c r="C609">
        <v>0</v>
      </c>
      <c r="D609">
        <f t="shared" si="18"/>
        <v>0</v>
      </c>
      <c r="E609" s="6">
        <f t="shared" si="19"/>
        <v>0</v>
      </c>
    </row>
    <row r="610" spans="1:5" x14ac:dyDescent="0.25">
      <c r="A610" s="1">
        <v>43581.25</v>
      </c>
      <c r="B610" s="2">
        <v>25.64</v>
      </c>
      <c r="C610">
        <v>0</v>
      </c>
      <c r="D610">
        <f t="shared" si="18"/>
        <v>0</v>
      </c>
      <c r="E610" s="6">
        <f t="shared" si="19"/>
        <v>0</v>
      </c>
    </row>
    <row r="611" spans="1:5" x14ac:dyDescent="0.25">
      <c r="A611" s="1">
        <v>43581.291666666664</v>
      </c>
      <c r="B611" s="2">
        <v>27.03</v>
      </c>
      <c r="C611">
        <v>0.24390600000000001</v>
      </c>
      <c r="D611">
        <f t="shared" si="18"/>
        <v>2.4390600000000001E-4</v>
      </c>
      <c r="E611" s="6">
        <f t="shared" si="19"/>
        <v>6.5927791800000001E-3</v>
      </c>
    </row>
    <row r="612" spans="1:5" x14ac:dyDescent="0.25">
      <c r="A612" s="1">
        <v>43581.333333333336</v>
      </c>
      <c r="B612" s="2">
        <v>29.45</v>
      </c>
      <c r="C612">
        <v>1.332063</v>
      </c>
      <c r="D612">
        <f t="shared" si="18"/>
        <v>1.3320630000000001E-3</v>
      </c>
      <c r="E612" s="6">
        <f t="shared" si="19"/>
        <v>3.9229255349999999E-2</v>
      </c>
    </row>
    <row r="613" spans="1:5" x14ac:dyDescent="0.25">
      <c r="A613" s="1">
        <v>43581.375</v>
      </c>
      <c r="B613" s="2">
        <v>26.93</v>
      </c>
      <c r="C613">
        <v>2.8160059999999998</v>
      </c>
      <c r="D613">
        <f t="shared" si="18"/>
        <v>2.8160059999999998E-3</v>
      </c>
      <c r="E613" s="6">
        <f t="shared" si="19"/>
        <v>7.5835041579999998E-2</v>
      </c>
    </row>
    <row r="614" spans="1:5" x14ac:dyDescent="0.25">
      <c r="A614" s="1">
        <v>43581.416666666664</v>
      </c>
      <c r="B614" s="2">
        <v>28.14</v>
      </c>
      <c r="C614">
        <v>2.5978509999999999</v>
      </c>
      <c r="D614">
        <f t="shared" si="18"/>
        <v>2.597851E-3</v>
      </c>
      <c r="E614" s="6">
        <f t="shared" si="19"/>
        <v>7.3103527139999999E-2</v>
      </c>
    </row>
    <row r="615" spans="1:5" x14ac:dyDescent="0.25">
      <c r="A615" s="1">
        <v>43581.458333333336</v>
      </c>
      <c r="B615" s="2">
        <v>27.53</v>
      </c>
      <c r="C615">
        <v>1.644855</v>
      </c>
      <c r="D615">
        <f t="shared" si="18"/>
        <v>1.644855E-3</v>
      </c>
      <c r="E615" s="6">
        <f t="shared" si="19"/>
        <v>4.5282858150000001E-2</v>
      </c>
    </row>
    <row r="616" spans="1:5" x14ac:dyDescent="0.25">
      <c r="A616" s="1">
        <v>43581.5</v>
      </c>
      <c r="B616" s="2">
        <v>26.8</v>
      </c>
      <c r="C616">
        <v>1.090387</v>
      </c>
      <c r="D616">
        <f t="shared" si="18"/>
        <v>1.090387E-3</v>
      </c>
      <c r="E616" s="6">
        <f t="shared" si="19"/>
        <v>2.9222371599999998E-2</v>
      </c>
    </row>
    <row r="617" spans="1:5" x14ac:dyDescent="0.25">
      <c r="A617" s="1">
        <v>43581.541666666664</v>
      </c>
      <c r="B617" s="2">
        <v>26.61</v>
      </c>
      <c r="C617">
        <v>1.4263240000000001</v>
      </c>
      <c r="D617">
        <f t="shared" si="18"/>
        <v>1.4263240000000001E-3</v>
      </c>
      <c r="E617" s="6">
        <f t="shared" si="19"/>
        <v>3.7954481640000003E-2</v>
      </c>
    </row>
    <row r="618" spans="1:5" x14ac:dyDescent="0.25">
      <c r="A618" s="1">
        <v>43581.583333333336</v>
      </c>
      <c r="B618" s="2">
        <v>24.72</v>
      </c>
      <c r="C618">
        <v>2.4738699999999998</v>
      </c>
      <c r="D618">
        <f t="shared" si="18"/>
        <v>2.47387E-3</v>
      </c>
      <c r="E618" s="6">
        <f t="shared" si="19"/>
        <v>6.1154066399999998E-2</v>
      </c>
    </row>
    <row r="619" spans="1:5" x14ac:dyDescent="0.25">
      <c r="A619" s="1">
        <v>43581.625</v>
      </c>
      <c r="B619" s="2">
        <v>24.41</v>
      </c>
      <c r="C619">
        <v>3.5079290000000003</v>
      </c>
      <c r="D619">
        <f t="shared" si="18"/>
        <v>3.5079290000000003E-3</v>
      </c>
      <c r="E619" s="6">
        <f t="shared" si="19"/>
        <v>8.5628546890000004E-2</v>
      </c>
    </row>
    <row r="620" spans="1:5" x14ac:dyDescent="0.25">
      <c r="A620" s="1">
        <v>43581.666666666664</v>
      </c>
      <c r="B620" s="2">
        <v>24.42</v>
      </c>
      <c r="C620">
        <v>5.4456530000000001</v>
      </c>
      <c r="D620">
        <f t="shared" si="18"/>
        <v>5.445653E-3</v>
      </c>
      <c r="E620" s="6">
        <f t="shared" si="19"/>
        <v>0.13298284626000001</v>
      </c>
    </row>
    <row r="621" spans="1:5" x14ac:dyDescent="0.25">
      <c r="A621" s="1">
        <v>43581.708333333336</v>
      </c>
      <c r="B621" s="2">
        <v>25.04</v>
      </c>
      <c r="C621">
        <v>3.8300399999999999</v>
      </c>
      <c r="D621">
        <f t="shared" si="18"/>
        <v>3.8300399999999998E-3</v>
      </c>
      <c r="E621" s="6">
        <f t="shared" si="19"/>
        <v>9.5904201599999989E-2</v>
      </c>
    </row>
    <row r="622" spans="1:5" x14ac:dyDescent="0.25">
      <c r="A622" s="1">
        <v>43581.75</v>
      </c>
      <c r="B622" s="2">
        <v>23.53</v>
      </c>
      <c r="C622">
        <v>1.943497</v>
      </c>
      <c r="D622">
        <f t="shared" si="18"/>
        <v>1.943497E-3</v>
      </c>
      <c r="E622" s="6">
        <f t="shared" si="19"/>
        <v>4.5730484410000001E-2</v>
      </c>
    </row>
    <row r="623" spans="1:5" x14ac:dyDescent="0.25">
      <c r="A623" s="1">
        <v>43581.791666666664</v>
      </c>
      <c r="B623" s="2">
        <v>23.86</v>
      </c>
      <c r="C623">
        <v>0.233046</v>
      </c>
      <c r="D623">
        <f t="shared" si="18"/>
        <v>2.3304599999999999E-4</v>
      </c>
      <c r="E623" s="6">
        <f t="shared" si="19"/>
        <v>5.5604775599999998E-3</v>
      </c>
    </row>
    <row r="624" spans="1:5" x14ac:dyDescent="0.25">
      <c r="A624" s="1">
        <v>43581.833333333336</v>
      </c>
      <c r="B624" s="2">
        <v>26.86</v>
      </c>
      <c r="C624">
        <v>0</v>
      </c>
      <c r="D624">
        <f t="shared" si="18"/>
        <v>0</v>
      </c>
      <c r="E624" s="6">
        <f t="shared" si="19"/>
        <v>0</v>
      </c>
    </row>
    <row r="625" spans="1:5" x14ac:dyDescent="0.25">
      <c r="A625" s="1">
        <v>43581.875</v>
      </c>
      <c r="B625" s="2">
        <v>23.9</v>
      </c>
      <c r="C625">
        <v>0</v>
      </c>
      <c r="D625">
        <f t="shared" si="18"/>
        <v>0</v>
      </c>
      <c r="E625" s="6">
        <f t="shared" si="19"/>
        <v>0</v>
      </c>
    </row>
    <row r="626" spans="1:5" x14ac:dyDescent="0.25">
      <c r="A626" s="1">
        <v>43581.916666666664</v>
      </c>
      <c r="B626" s="2">
        <v>21.34</v>
      </c>
      <c r="C626">
        <v>0</v>
      </c>
      <c r="D626">
        <f t="shared" si="18"/>
        <v>0</v>
      </c>
      <c r="E626" s="6">
        <f t="shared" si="19"/>
        <v>0</v>
      </c>
    </row>
    <row r="627" spans="1:5" x14ac:dyDescent="0.25">
      <c r="A627" s="1">
        <v>43581.958333333336</v>
      </c>
      <c r="B627" s="2">
        <v>19.670000000000002</v>
      </c>
      <c r="C627">
        <v>0</v>
      </c>
      <c r="D627">
        <f t="shared" si="18"/>
        <v>0</v>
      </c>
      <c r="E627" s="6">
        <f t="shared" si="19"/>
        <v>0</v>
      </c>
    </row>
    <row r="628" spans="1:5" x14ac:dyDescent="0.25">
      <c r="A628" s="1">
        <v>43582</v>
      </c>
      <c r="B628" s="2">
        <v>19.579999999999998</v>
      </c>
      <c r="C628">
        <v>0</v>
      </c>
      <c r="D628">
        <f t="shared" si="18"/>
        <v>0</v>
      </c>
      <c r="E628" s="6">
        <f t="shared" si="19"/>
        <v>0</v>
      </c>
    </row>
    <row r="629" spans="1:5" x14ac:dyDescent="0.25">
      <c r="A629" s="1">
        <v>43582.041666666664</v>
      </c>
      <c r="B629" s="2">
        <v>19.559999999999999</v>
      </c>
      <c r="C629">
        <v>0</v>
      </c>
      <c r="D629">
        <f t="shared" si="18"/>
        <v>0</v>
      </c>
      <c r="E629" s="6">
        <f t="shared" si="19"/>
        <v>0</v>
      </c>
    </row>
    <row r="630" spans="1:5" x14ac:dyDescent="0.25">
      <c r="A630" s="1">
        <v>43582.083333333336</v>
      </c>
      <c r="B630" s="2">
        <v>20.079999999999998</v>
      </c>
      <c r="C630">
        <v>0</v>
      </c>
      <c r="D630">
        <f t="shared" si="18"/>
        <v>0</v>
      </c>
      <c r="E630" s="6">
        <f t="shared" si="19"/>
        <v>0</v>
      </c>
    </row>
    <row r="631" spans="1:5" x14ac:dyDescent="0.25">
      <c r="A631" s="1">
        <v>43582.125</v>
      </c>
      <c r="B631" s="2">
        <v>19.98</v>
      </c>
      <c r="C631">
        <v>0</v>
      </c>
      <c r="D631">
        <f t="shared" si="18"/>
        <v>0</v>
      </c>
      <c r="E631" s="6">
        <f t="shared" si="19"/>
        <v>0</v>
      </c>
    </row>
    <row r="632" spans="1:5" x14ac:dyDescent="0.25">
      <c r="A632" s="1">
        <v>43582.166666666664</v>
      </c>
      <c r="B632" s="2">
        <v>20.32</v>
      </c>
      <c r="C632">
        <v>0</v>
      </c>
      <c r="D632">
        <f t="shared" si="18"/>
        <v>0</v>
      </c>
      <c r="E632" s="6">
        <f t="shared" si="19"/>
        <v>0</v>
      </c>
    </row>
    <row r="633" spans="1:5" x14ac:dyDescent="0.25">
      <c r="A633" s="1">
        <v>43582.208333333336</v>
      </c>
      <c r="B633" s="2">
        <v>20.8</v>
      </c>
      <c r="C633">
        <v>0</v>
      </c>
      <c r="D633">
        <f t="shared" si="18"/>
        <v>0</v>
      </c>
      <c r="E633" s="6">
        <f t="shared" si="19"/>
        <v>0</v>
      </c>
    </row>
    <row r="634" spans="1:5" x14ac:dyDescent="0.25">
      <c r="A634" s="1">
        <v>43582.25</v>
      </c>
      <c r="B634" s="2">
        <v>22.61</v>
      </c>
      <c r="C634">
        <v>0</v>
      </c>
      <c r="D634">
        <f t="shared" si="18"/>
        <v>0</v>
      </c>
      <c r="E634" s="6">
        <f t="shared" si="19"/>
        <v>0</v>
      </c>
    </row>
    <row r="635" spans="1:5" x14ac:dyDescent="0.25">
      <c r="A635" s="1">
        <v>43582.291666666664</v>
      </c>
      <c r="B635" s="2">
        <v>22.68</v>
      </c>
      <c r="C635">
        <v>0.40224300000000002</v>
      </c>
      <c r="D635">
        <f t="shared" si="18"/>
        <v>4.0224299999999999E-4</v>
      </c>
      <c r="E635" s="6">
        <f t="shared" si="19"/>
        <v>9.1228712400000002E-3</v>
      </c>
    </row>
    <row r="636" spans="1:5" x14ac:dyDescent="0.25">
      <c r="A636" s="1">
        <v>43582.333333333336</v>
      </c>
      <c r="B636" s="2">
        <v>24.94</v>
      </c>
      <c r="C636">
        <v>0.96588099999999999</v>
      </c>
      <c r="D636">
        <f t="shared" si="18"/>
        <v>9.6588100000000003E-4</v>
      </c>
      <c r="E636" s="6">
        <f t="shared" si="19"/>
        <v>2.4089072140000001E-2</v>
      </c>
    </row>
    <row r="637" spans="1:5" x14ac:dyDescent="0.25">
      <c r="A637" s="1">
        <v>43582.375</v>
      </c>
      <c r="B637" s="2">
        <v>26.19</v>
      </c>
      <c r="C637">
        <v>2.9034979999999999</v>
      </c>
      <c r="D637">
        <f t="shared" si="18"/>
        <v>2.903498E-3</v>
      </c>
      <c r="E637" s="6">
        <f t="shared" si="19"/>
        <v>7.6042612620000005E-2</v>
      </c>
    </row>
    <row r="638" spans="1:5" x14ac:dyDescent="0.25">
      <c r="A638" s="1">
        <v>43582.416666666664</v>
      </c>
      <c r="B638" s="2">
        <v>26.6</v>
      </c>
      <c r="C638">
        <v>1.0303279999999999</v>
      </c>
      <c r="D638">
        <f t="shared" si="18"/>
        <v>1.0303279999999998E-3</v>
      </c>
      <c r="E638" s="6">
        <f t="shared" si="19"/>
        <v>2.7406724799999997E-2</v>
      </c>
    </row>
    <row r="639" spans="1:5" x14ac:dyDescent="0.25">
      <c r="A639" s="1">
        <v>43582.458333333336</v>
      </c>
      <c r="B639" s="2">
        <v>25.3</v>
      </c>
      <c r="C639">
        <v>1.123864</v>
      </c>
      <c r="D639">
        <f t="shared" si="18"/>
        <v>1.123864E-3</v>
      </c>
      <c r="E639" s="6">
        <f t="shared" si="19"/>
        <v>2.8433759200000002E-2</v>
      </c>
    </row>
    <row r="640" spans="1:5" x14ac:dyDescent="0.25">
      <c r="A640" s="1">
        <v>43582.5</v>
      </c>
      <c r="B640" s="2">
        <v>23.81</v>
      </c>
      <c r="C640">
        <v>2.8259250000000002</v>
      </c>
      <c r="D640">
        <f t="shared" si="18"/>
        <v>2.8259250000000004E-3</v>
      </c>
      <c r="E640" s="6">
        <f t="shared" si="19"/>
        <v>6.7285274249999999E-2</v>
      </c>
    </row>
    <row r="641" spans="1:5" x14ac:dyDescent="0.25">
      <c r="A641" s="1">
        <v>43582.541666666664</v>
      </c>
      <c r="B641" s="2">
        <v>22.7</v>
      </c>
      <c r="C641">
        <v>1.0552429999999999</v>
      </c>
      <c r="D641">
        <f t="shared" si="18"/>
        <v>1.055243E-3</v>
      </c>
      <c r="E641" s="6">
        <f t="shared" si="19"/>
        <v>2.3954016099999999E-2</v>
      </c>
    </row>
    <row r="642" spans="1:5" x14ac:dyDescent="0.25">
      <c r="A642" s="1">
        <v>43582.583333333336</v>
      </c>
      <c r="B642" s="2">
        <v>21.45</v>
      </c>
      <c r="C642">
        <v>5.1280730000000005</v>
      </c>
      <c r="D642">
        <f t="shared" si="18"/>
        <v>5.1280730000000004E-3</v>
      </c>
      <c r="E642" s="6">
        <f t="shared" si="19"/>
        <v>0.10999716585000001</v>
      </c>
    </row>
    <row r="643" spans="1:5" x14ac:dyDescent="0.25">
      <c r="A643" s="1">
        <v>43582.625</v>
      </c>
      <c r="B643" s="2">
        <v>21.3</v>
      </c>
      <c r="C643">
        <v>3.0003929999999999</v>
      </c>
      <c r="D643">
        <f t="shared" si="18"/>
        <v>3.0003930000000001E-3</v>
      </c>
      <c r="E643" s="6">
        <f t="shared" si="19"/>
        <v>6.3908370899999997E-2</v>
      </c>
    </row>
    <row r="644" spans="1:5" x14ac:dyDescent="0.25">
      <c r="A644" s="1">
        <v>43582.666666666664</v>
      </c>
      <c r="B644" s="2">
        <v>21.34</v>
      </c>
      <c r="C644">
        <v>4.3473090000000001</v>
      </c>
      <c r="D644">
        <f t="shared" si="18"/>
        <v>4.3473089999999997E-3</v>
      </c>
      <c r="E644" s="6">
        <f t="shared" si="19"/>
        <v>9.2771574059999987E-2</v>
      </c>
    </row>
    <row r="645" spans="1:5" x14ac:dyDescent="0.25">
      <c r="A645" s="1">
        <v>43582.708333333336</v>
      </c>
      <c r="B645" s="2">
        <v>21.98</v>
      </c>
      <c r="C645">
        <v>3.124479</v>
      </c>
      <c r="D645">
        <f t="shared" si="18"/>
        <v>3.1244789999999999E-3</v>
      </c>
      <c r="E645" s="6">
        <f t="shared" si="19"/>
        <v>6.8676048419999997E-2</v>
      </c>
    </row>
    <row r="646" spans="1:5" x14ac:dyDescent="0.25">
      <c r="A646" s="1">
        <v>43582.75</v>
      </c>
      <c r="B646" s="2">
        <v>21.77</v>
      </c>
      <c r="C646">
        <v>0.30808400000000002</v>
      </c>
      <c r="D646">
        <f t="shared" ref="D646:D709" si="20">C646/1000</f>
        <v>3.0808400000000003E-4</v>
      </c>
      <c r="E646" s="6">
        <f t="shared" ref="E646:E709" si="21">D646*B646</f>
        <v>6.7069886800000004E-3</v>
      </c>
    </row>
    <row r="647" spans="1:5" x14ac:dyDescent="0.25">
      <c r="A647" s="1">
        <v>43582.791666666664</v>
      </c>
      <c r="B647" s="2">
        <v>22.76</v>
      </c>
      <c r="C647">
        <v>0.42063899999999999</v>
      </c>
      <c r="D647">
        <f t="shared" si="20"/>
        <v>4.20639E-4</v>
      </c>
      <c r="E647" s="6">
        <f t="shared" si="21"/>
        <v>9.5737436400000001E-3</v>
      </c>
    </row>
    <row r="648" spans="1:5" x14ac:dyDescent="0.25">
      <c r="A648" s="1">
        <v>43582.833333333336</v>
      </c>
      <c r="B648" s="2">
        <v>29.54</v>
      </c>
      <c r="C648">
        <v>0</v>
      </c>
      <c r="D648">
        <f t="shared" si="20"/>
        <v>0</v>
      </c>
      <c r="E648" s="6">
        <f t="shared" si="21"/>
        <v>0</v>
      </c>
    </row>
    <row r="649" spans="1:5" x14ac:dyDescent="0.25">
      <c r="A649" s="1">
        <v>43582.875</v>
      </c>
      <c r="B649" s="2">
        <v>25.66</v>
      </c>
      <c r="C649">
        <v>0</v>
      </c>
      <c r="D649">
        <f t="shared" si="20"/>
        <v>0</v>
      </c>
      <c r="E649" s="6">
        <f t="shared" si="21"/>
        <v>0</v>
      </c>
    </row>
    <row r="650" spans="1:5" x14ac:dyDescent="0.25">
      <c r="A650" s="1">
        <v>43582.916666666664</v>
      </c>
      <c r="B650" s="2">
        <v>22.39</v>
      </c>
      <c r="C650">
        <v>0</v>
      </c>
      <c r="D650">
        <f t="shared" si="20"/>
        <v>0</v>
      </c>
      <c r="E650" s="6">
        <f t="shared" si="21"/>
        <v>0</v>
      </c>
    </row>
    <row r="651" spans="1:5" x14ac:dyDescent="0.25">
      <c r="A651" s="1">
        <v>43582.958333333336</v>
      </c>
      <c r="B651" s="2">
        <v>20.8</v>
      </c>
      <c r="C651">
        <v>0</v>
      </c>
      <c r="D651">
        <f t="shared" si="20"/>
        <v>0</v>
      </c>
      <c r="E651" s="6">
        <f t="shared" si="21"/>
        <v>0</v>
      </c>
    </row>
    <row r="652" spans="1:5" x14ac:dyDescent="0.25">
      <c r="A652" s="1">
        <v>43583</v>
      </c>
      <c r="B652" s="2">
        <v>19.59</v>
      </c>
      <c r="C652">
        <v>0</v>
      </c>
      <c r="D652">
        <f t="shared" si="20"/>
        <v>0</v>
      </c>
      <c r="E652" s="6">
        <f t="shared" si="21"/>
        <v>0</v>
      </c>
    </row>
    <row r="653" spans="1:5" x14ac:dyDescent="0.25">
      <c r="A653" s="1">
        <v>43583.041666666664</v>
      </c>
      <c r="B653" s="2">
        <v>19.87</v>
      </c>
      <c r="C653">
        <v>0</v>
      </c>
      <c r="D653">
        <f t="shared" si="20"/>
        <v>0</v>
      </c>
      <c r="E653" s="6">
        <f t="shared" si="21"/>
        <v>0</v>
      </c>
    </row>
    <row r="654" spans="1:5" x14ac:dyDescent="0.25">
      <c r="A654" s="1">
        <v>43583.083333333336</v>
      </c>
      <c r="B654" s="2">
        <v>19.97</v>
      </c>
      <c r="C654">
        <v>0</v>
      </c>
      <c r="D654">
        <f t="shared" si="20"/>
        <v>0</v>
      </c>
      <c r="E654" s="6">
        <f t="shared" si="21"/>
        <v>0</v>
      </c>
    </row>
    <row r="655" spans="1:5" x14ac:dyDescent="0.25">
      <c r="A655" s="1">
        <v>43583.125</v>
      </c>
      <c r="B655" s="2">
        <v>19.37</v>
      </c>
      <c r="C655">
        <v>0</v>
      </c>
      <c r="D655">
        <f t="shared" si="20"/>
        <v>0</v>
      </c>
      <c r="E655" s="6">
        <f t="shared" si="21"/>
        <v>0</v>
      </c>
    </row>
    <row r="656" spans="1:5" x14ac:dyDescent="0.25">
      <c r="A656" s="1">
        <v>43583.166666666664</v>
      </c>
      <c r="B656" s="2">
        <v>19.38</v>
      </c>
      <c r="C656">
        <v>0</v>
      </c>
      <c r="D656">
        <f t="shared" si="20"/>
        <v>0</v>
      </c>
      <c r="E656" s="6">
        <f t="shared" si="21"/>
        <v>0</v>
      </c>
    </row>
    <row r="657" spans="1:5" x14ac:dyDescent="0.25">
      <c r="A657" s="1">
        <v>43583.208333333336</v>
      </c>
      <c r="B657" s="2">
        <v>20</v>
      </c>
      <c r="C657">
        <v>0</v>
      </c>
      <c r="D657">
        <f t="shared" si="20"/>
        <v>0</v>
      </c>
      <c r="E657" s="6">
        <f t="shared" si="21"/>
        <v>0</v>
      </c>
    </row>
    <row r="658" spans="1:5" x14ac:dyDescent="0.25">
      <c r="A658" s="1">
        <v>43583.25</v>
      </c>
      <c r="B658" s="2">
        <v>20.09</v>
      </c>
      <c r="C658">
        <v>0</v>
      </c>
      <c r="D658">
        <f t="shared" si="20"/>
        <v>0</v>
      </c>
      <c r="E658" s="6">
        <f t="shared" si="21"/>
        <v>0</v>
      </c>
    </row>
    <row r="659" spans="1:5" x14ac:dyDescent="0.25">
      <c r="A659" s="1">
        <v>43583.291666666664</v>
      </c>
      <c r="B659" s="2">
        <v>21.11</v>
      </c>
      <c r="C659">
        <v>1.188E-3</v>
      </c>
      <c r="D659">
        <f t="shared" si="20"/>
        <v>1.1880000000000001E-6</v>
      </c>
      <c r="E659" s="6">
        <f t="shared" si="21"/>
        <v>2.5078680000000003E-5</v>
      </c>
    </row>
    <row r="660" spans="1:5" x14ac:dyDescent="0.25">
      <c r="A660" s="1">
        <v>43583.333333333336</v>
      </c>
      <c r="B660" s="2">
        <v>22.43</v>
      </c>
      <c r="C660">
        <v>4.5952E-2</v>
      </c>
      <c r="D660">
        <f t="shared" si="20"/>
        <v>4.5951999999999996E-5</v>
      </c>
      <c r="E660" s="6">
        <f t="shared" si="21"/>
        <v>1.0307033599999999E-3</v>
      </c>
    </row>
    <row r="661" spans="1:5" x14ac:dyDescent="0.25">
      <c r="A661" s="1">
        <v>43583.375</v>
      </c>
      <c r="B661" s="2">
        <v>23.25</v>
      </c>
      <c r="C661">
        <v>0.64152500000000001</v>
      </c>
      <c r="D661">
        <f t="shared" si="20"/>
        <v>6.4152499999999999E-4</v>
      </c>
      <c r="E661" s="6">
        <f t="shared" si="21"/>
        <v>1.491545625E-2</v>
      </c>
    </row>
    <row r="662" spans="1:5" x14ac:dyDescent="0.25">
      <c r="A662" s="1">
        <v>43583.416666666664</v>
      </c>
      <c r="B662" s="2">
        <v>23.05</v>
      </c>
      <c r="C662">
        <v>1.8060630000000002</v>
      </c>
      <c r="D662">
        <f t="shared" si="20"/>
        <v>1.8060630000000001E-3</v>
      </c>
      <c r="E662" s="6">
        <f t="shared" si="21"/>
        <v>4.1629752150000005E-2</v>
      </c>
    </row>
    <row r="663" spans="1:5" x14ac:dyDescent="0.25">
      <c r="A663" s="1">
        <v>43583.458333333336</v>
      </c>
      <c r="B663" s="2">
        <v>22.8</v>
      </c>
      <c r="C663">
        <v>4.1058870000000001</v>
      </c>
      <c r="D663">
        <f t="shared" si="20"/>
        <v>4.1058869999999999E-3</v>
      </c>
      <c r="E663" s="6">
        <f t="shared" si="21"/>
        <v>9.3614223600000004E-2</v>
      </c>
    </row>
    <row r="664" spans="1:5" x14ac:dyDescent="0.25">
      <c r="A664" s="1">
        <v>43583.5</v>
      </c>
      <c r="B664" s="2">
        <v>23.1</v>
      </c>
      <c r="C664">
        <v>7.5092270000000001</v>
      </c>
      <c r="D664">
        <f t="shared" si="20"/>
        <v>7.5092270000000003E-3</v>
      </c>
      <c r="E664" s="6">
        <f t="shared" si="21"/>
        <v>0.17346314370000002</v>
      </c>
    </row>
    <row r="665" spans="1:5" x14ac:dyDescent="0.25">
      <c r="A665" s="1">
        <v>43583.541666666664</v>
      </c>
      <c r="B665" s="2">
        <v>22.58</v>
      </c>
      <c r="C665">
        <v>6.1358739999999994</v>
      </c>
      <c r="D665">
        <f t="shared" si="20"/>
        <v>6.1358739999999995E-3</v>
      </c>
      <c r="E665" s="6">
        <f t="shared" si="21"/>
        <v>0.13854803491999998</v>
      </c>
    </row>
    <row r="666" spans="1:5" x14ac:dyDescent="0.25">
      <c r="A666" s="1">
        <v>43583.583333333336</v>
      </c>
      <c r="B666" s="2">
        <v>21.93</v>
      </c>
      <c r="C666">
        <v>7.4498030000000002</v>
      </c>
      <c r="D666">
        <f t="shared" si="20"/>
        <v>7.4498030000000005E-3</v>
      </c>
      <c r="E666" s="6">
        <f t="shared" si="21"/>
        <v>0.16337417979000002</v>
      </c>
    </row>
    <row r="667" spans="1:5" x14ac:dyDescent="0.25">
      <c r="A667" s="1">
        <v>43583.625</v>
      </c>
      <c r="B667" s="2">
        <v>21.48</v>
      </c>
      <c r="C667">
        <v>5.5496549999999996</v>
      </c>
      <c r="D667">
        <f t="shared" si="20"/>
        <v>5.5496549999999997E-3</v>
      </c>
      <c r="E667" s="6">
        <f t="shared" si="21"/>
        <v>0.11920658939999999</v>
      </c>
    </row>
    <row r="668" spans="1:5" x14ac:dyDescent="0.25">
      <c r="A668" s="1">
        <v>43583.666666666664</v>
      </c>
      <c r="B668" s="2">
        <v>22.03</v>
      </c>
      <c r="C668">
        <v>4.761609</v>
      </c>
      <c r="D668">
        <f t="shared" si="20"/>
        <v>4.761609E-3</v>
      </c>
      <c r="E668" s="6">
        <f t="shared" si="21"/>
        <v>0.10489824627000001</v>
      </c>
    </row>
    <row r="669" spans="1:5" x14ac:dyDescent="0.25">
      <c r="A669" s="1">
        <v>43583.708333333336</v>
      </c>
      <c r="B669" s="2">
        <v>22.92</v>
      </c>
      <c r="C669">
        <v>3.885195</v>
      </c>
      <c r="D669">
        <f t="shared" si="20"/>
        <v>3.8851950000000001E-3</v>
      </c>
      <c r="E669" s="6">
        <f t="shared" si="21"/>
        <v>8.9048669400000016E-2</v>
      </c>
    </row>
    <row r="670" spans="1:5" x14ac:dyDescent="0.25">
      <c r="A670" s="1">
        <v>43583.75</v>
      </c>
      <c r="B670" s="2">
        <v>22.73</v>
      </c>
      <c r="C670">
        <v>1.0585170000000002</v>
      </c>
      <c r="D670">
        <f t="shared" si="20"/>
        <v>1.0585170000000001E-3</v>
      </c>
      <c r="E670" s="6">
        <f t="shared" si="21"/>
        <v>2.4060091410000005E-2</v>
      </c>
    </row>
    <row r="671" spans="1:5" x14ac:dyDescent="0.25">
      <c r="A671" s="1">
        <v>43583.791666666664</v>
      </c>
      <c r="B671" s="2">
        <v>25.04</v>
      </c>
      <c r="C671">
        <v>0.497137</v>
      </c>
      <c r="D671">
        <f t="shared" si="20"/>
        <v>4.9713700000000003E-4</v>
      </c>
      <c r="E671" s="6">
        <f t="shared" si="21"/>
        <v>1.244831048E-2</v>
      </c>
    </row>
    <row r="672" spans="1:5" x14ac:dyDescent="0.25">
      <c r="A672" s="1">
        <v>43583.833333333336</v>
      </c>
      <c r="B672" s="2">
        <v>30.59</v>
      </c>
      <c r="C672">
        <v>0</v>
      </c>
      <c r="D672">
        <f t="shared" si="20"/>
        <v>0</v>
      </c>
      <c r="E672" s="6">
        <f t="shared" si="21"/>
        <v>0</v>
      </c>
    </row>
    <row r="673" spans="1:5" x14ac:dyDescent="0.25">
      <c r="A673" s="1">
        <v>43583.875</v>
      </c>
      <c r="B673" s="2">
        <v>25.77</v>
      </c>
      <c r="C673">
        <v>0</v>
      </c>
      <c r="D673">
        <f t="shared" si="20"/>
        <v>0</v>
      </c>
      <c r="E673" s="6">
        <f t="shared" si="21"/>
        <v>0</v>
      </c>
    </row>
    <row r="674" spans="1:5" x14ac:dyDescent="0.25">
      <c r="A674" s="1">
        <v>43583.916666666664</v>
      </c>
      <c r="B674" s="2">
        <v>22.99</v>
      </c>
      <c r="C674">
        <v>0</v>
      </c>
      <c r="D674">
        <f t="shared" si="20"/>
        <v>0</v>
      </c>
      <c r="E674" s="6">
        <f t="shared" si="21"/>
        <v>0</v>
      </c>
    </row>
    <row r="675" spans="1:5" x14ac:dyDescent="0.25">
      <c r="A675" s="1">
        <v>43583.958333333336</v>
      </c>
      <c r="B675" s="2">
        <v>21.11</v>
      </c>
      <c r="C675">
        <v>0</v>
      </c>
      <c r="D675">
        <f t="shared" si="20"/>
        <v>0</v>
      </c>
      <c r="E675" s="6">
        <f t="shared" si="21"/>
        <v>0</v>
      </c>
    </row>
    <row r="676" spans="1:5" x14ac:dyDescent="0.25">
      <c r="A676" s="1">
        <v>43584</v>
      </c>
      <c r="B676" s="2">
        <v>19.61</v>
      </c>
      <c r="C676">
        <v>0</v>
      </c>
      <c r="D676">
        <f t="shared" si="20"/>
        <v>0</v>
      </c>
      <c r="E676" s="6">
        <f t="shared" si="21"/>
        <v>0</v>
      </c>
    </row>
    <row r="677" spans="1:5" x14ac:dyDescent="0.25">
      <c r="A677" s="1">
        <v>43584.041666666664</v>
      </c>
      <c r="B677" s="2">
        <v>19.440000000000001</v>
      </c>
      <c r="C677">
        <v>0</v>
      </c>
      <c r="D677">
        <f t="shared" si="20"/>
        <v>0</v>
      </c>
      <c r="E677" s="6">
        <f t="shared" si="21"/>
        <v>0</v>
      </c>
    </row>
    <row r="678" spans="1:5" x14ac:dyDescent="0.25">
      <c r="A678" s="1">
        <v>43584.083333333336</v>
      </c>
      <c r="B678" s="2">
        <v>19.55</v>
      </c>
      <c r="C678">
        <v>0</v>
      </c>
      <c r="D678">
        <f t="shared" si="20"/>
        <v>0</v>
      </c>
      <c r="E678" s="6">
        <f t="shared" si="21"/>
        <v>0</v>
      </c>
    </row>
    <row r="679" spans="1:5" x14ac:dyDescent="0.25">
      <c r="A679" s="1">
        <v>43584.125</v>
      </c>
      <c r="B679" s="2">
        <v>19.39</v>
      </c>
      <c r="C679">
        <v>0</v>
      </c>
      <c r="D679">
        <f t="shared" si="20"/>
        <v>0</v>
      </c>
      <c r="E679" s="6">
        <f t="shared" si="21"/>
        <v>0</v>
      </c>
    </row>
    <row r="680" spans="1:5" x14ac:dyDescent="0.25">
      <c r="A680" s="1">
        <v>43584.166666666664</v>
      </c>
      <c r="B680" s="2">
        <v>19.95</v>
      </c>
      <c r="C680">
        <v>0</v>
      </c>
      <c r="D680">
        <f t="shared" si="20"/>
        <v>0</v>
      </c>
      <c r="E680" s="6">
        <f t="shared" si="21"/>
        <v>0</v>
      </c>
    </row>
    <row r="681" spans="1:5" x14ac:dyDescent="0.25">
      <c r="A681" s="1">
        <v>43584.208333333336</v>
      </c>
      <c r="B681" s="2">
        <v>22.55</v>
      </c>
      <c r="C681">
        <v>0</v>
      </c>
      <c r="D681">
        <f t="shared" si="20"/>
        <v>0</v>
      </c>
      <c r="E681" s="6">
        <f t="shared" si="21"/>
        <v>0</v>
      </c>
    </row>
    <row r="682" spans="1:5" x14ac:dyDescent="0.25">
      <c r="A682" s="1">
        <v>43584.25</v>
      </c>
      <c r="B682" s="2">
        <v>35.090000000000003</v>
      </c>
      <c r="C682">
        <v>0</v>
      </c>
      <c r="D682">
        <f t="shared" si="20"/>
        <v>0</v>
      </c>
      <c r="E682" s="6">
        <f t="shared" si="21"/>
        <v>0</v>
      </c>
    </row>
    <row r="683" spans="1:5" x14ac:dyDescent="0.25">
      <c r="A683" s="1">
        <v>43584.291666666664</v>
      </c>
      <c r="B683" s="2">
        <v>35</v>
      </c>
      <c r="C683">
        <v>0.46706999999999999</v>
      </c>
      <c r="D683">
        <f t="shared" si="20"/>
        <v>4.6706999999999999E-4</v>
      </c>
      <c r="E683" s="6">
        <f t="shared" si="21"/>
        <v>1.6347449999999999E-2</v>
      </c>
    </row>
    <row r="684" spans="1:5" x14ac:dyDescent="0.25">
      <c r="A684" s="1">
        <v>43584.333333333336</v>
      </c>
      <c r="B684" s="2">
        <v>31.08</v>
      </c>
      <c r="C684">
        <v>2.218242</v>
      </c>
      <c r="D684">
        <f t="shared" si="20"/>
        <v>2.218242E-3</v>
      </c>
      <c r="E684" s="6">
        <f t="shared" si="21"/>
        <v>6.8942961359999999E-2</v>
      </c>
    </row>
    <row r="685" spans="1:5" x14ac:dyDescent="0.25">
      <c r="A685" s="1">
        <v>43584.375</v>
      </c>
      <c r="B685" s="2">
        <v>30</v>
      </c>
      <c r="C685">
        <v>4.2385959999999994</v>
      </c>
      <c r="D685">
        <f t="shared" si="20"/>
        <v>4.238595999999999E-3</v>
      </c>
      <c r="E685" s="6">
        <f t="shared" si="21"/>
        <v>0.12715787999999997</v>
      </c>
    </row>
    <row r="686" spans="1:5" x14ac:dyDescent="0.25">
      <c r="A686" s="1">
        <v>43584.416666666664</v>
      </c>
      <c r="B686" s="2">
        <v>30.93</v>
      </c>
      <c r="C686">
        <v>5.8558810000000001</v>
      </c>
      <c r="D686">
        <f t="shared" si="20"/>
        <v>5.8558810000000003E-3</v>
      </c>
      <c r="E686" s="6">
        <f t="shared" si="21"/>
        <v>0.18112239933000002</v>
      </c>
    </row>
    <row r="687" spans="1:5" x14ac:dyDescent="0.25">
      <c r="A687" s="1">
        <v>43584.458333333336</v>
      </c>
      <c r="B687" s="2">
        <v>29.53</v>
      </c>
      <c r="C687">
        <v>6.9495979999999999</v>
      </c>
      <c r="D687">
        <f t="shared" si="20"/>
        <v>6.9495979999999995E-3</v>
      </c>
      <c r="E687" s="6">
        <f t="shared" si="21"/>
        <v>0.20522162893999998</v>
      </c>
    </row>
    <row r="688" spans="1:5" x14ac:dyDescent="0.25">
      <c r="A688" s="1">
        <v>43584.5</v>
      </c>
      <c r="B688" s="2">
        <v>34.1</v>
      </c>
      <c r="C688">
        <v>7.5574120000000002</v>
      </c>
      <c r="D688">
        <f t="shared" si="20"/>
        <v>7.5574120000000003E-3</v>
      </c>
      <c r="E688" s="6">
        <f t="shared" si="21"/>
        <v>0.2577077492</v>
      </c>
    </row>
    <row r="689" spans="1:5" x14ac:dyDescent="0.25">
      <c r="A689" s="1">
        <v>43584.541666666664</v>
      </c>
      <c r="B689" s="2">
        <v>33.83</v>
      </c>
      <c r="C689">
        <v>7.704974</v>
      </c>
      <c r="D689">
        <f t="shared" si="20"/>
        <v>7.7049739999999999E-3</v>
      </c>
      <c r="E689" s="6">
        <f t="shared" si="21"/>
        <v>0.26065927041999998</v>
      </c>
    </row>
    <row r="690" spans="1:5" x14ac:dyDescent="0.25">
      <c r="A690" s="1">
        <v>43584.583333333336</v>
      </c>
      <c r="B690" s="2">
        <v>33.159999999999997</v>
      </c>
      <c r="C690">
        <v>7.4451840000000002</v>
      </c>
      <c r="D690">
        <f t="shared" si="20"/>
        <v>7.4451840000000005E-3</v>
      </c>
      <c r="E690" s="6">
        <f t="shared" si="21"/>
        <v>0.24688230143999998</v>
      </c>
    </row>
    <row r="691" spans="1:5" x14ac:dyDescent="0.25">
      <c r="A691" s="1">
        <v>43584.625</v>
      </c>
      <c r="B691" s="2">
        <v>32.200000000000003</v>
      </c>
      <c r="C691">
        <v>6.721762</v>
      </c>
      <c r="D691">
        <f t="shared" si="20"/>
        <v>6.721762E-3</v>
      </c>
      <c r="E691" s="6">
        <f t="shared" si="21"/>
        <v>0.21644073640000003</v>
      </c>
    </row>
    <row r="692" spans="1:5" x14ac:dyDescent="0.25">
      <c r="A692" s="1">
        <v>43584.666666666664</v>
      </c>
      <c r="B692" s="2">
        <v>32.840000000000003</v>
      </c>
      <c r="C692">
        <v>5.5659450000000001</v>
      </c>
      <c r="D692">
        <f t="shared" si="20"/>
        <v>5.5659450000000001E-3</v>
      </c>
      <c r="E692" s="6">
        <f t="shared" si="21"/>
        <v>0.18278563380000001</v>
      </c>
    </row>
    <row r="693" spans="1:5" x14ac:dyDescent="0.25">
      <c r="A693" s="1">
        <v>43584.708333333336</v>
      </c>
      <c r="B693" s="2">
        <v>34.86</v>
      </c>
      <c r="C693">
        <v>3.9648349999999999</v>
      </c>
      <c r="D693">
        <f t="shared" si="20"/>
        <v>3.9648349999999999E-3</v>
      </c>
      <c r="E693" s="6">
        <f t="shared" si="21"/>
        <v>0.13821414809999999</v>
      </c>
    </row>
    <row r="694" spans="1:5" x14ac:dyDescent="0.25">
      <c r="A694" s="1">
        <v>43584.75</v>
      </c>
      <c r="B694" s="2">
        <v>32.71</v>
      </c>
      <c r="C694">
        <v>2.065982</v>
      </c>
      <c r="D694">
        <f t="shared" si="20"/>
        <v>2.0659820000000001E-3</v>
      </c>
      <c r="E694" s="6">
        <f t="shared" si="21"/>
        <v>6.757827122E-2</v>
      </c>
    </row>
    <row r="695" spans="1:5" x14ac:dyDescent="0.25">
      <c r="A695" s="1">
        <v>43584.791666666664</v>
      </c>
      <c r="B695" s="2">
        <v>34.880000000000003</v>
      </c>
      <c r="C695">
        <v>0.477908</v>
      </c>
      <c r="D695">
        <f t="shared" si="20"/>
        <v>4.7790799999999998E-4</v>
      </c>
      <c r="E695" s="6">
        <f t="shared" si="21"/>
        <v>1.6669431040000002E-2</v>
      </c>
    </row>
    <row r="696" spans="1:5" x14ac:dyDescent="0.25">
      <c r="A696" s="1">
        <v>43584.833333333336</v>
      </c>
      <c r="B696" s="2">
        <v>40.49</v>
      </c>
      <c r="C696">
        <v>0</v>
      </c>
      <c r="D696">
        <f t="shared" si="20"/>
        <v>0</v>
      </c>
      <c r="E696" s="6">
        <f t="shared" si="21"/>
        <v>0</v>
      </c>
    </row>
    <row r="697" spans="1:5" x14ac:dyDescent="0.25">
      <c r="A697" s="1">
        <v>43584.875</v>
      </c>
      <c r="B697" s="2">
        <v>35.56</v>
      </c>
      <c r="C697">
        <v>0</v>
      </c>
      <c r="D697">
        <f t="shared" si="20"/>
        <v>0</v>
      </c>
      <c r="E697" s="6">
        <f t="shared" si="21"/>
        <v>0</v>
      </c>
    </row>
    <row r="698" spans="1:5" x14ac:dyDescent="0.25">
      <c r="A698" s="1">
        <v>43584.916666666664</v>
      </c>
      <c r="B698" s="2">
        <v>25.52</v>
      </c>
      <c r="C698">
        <v>0</v>
      </c>
      <c r="D698">
        <f t="shared" si="20"/>
        <v>0</v>
      </c>
      <c r="E698" s="6">
        <f t="shared" si="21"/>
        <v>0</v>
      </c>
    </row>
    <row r="699" spans="1:5" x14ac:dyDescent="0.25">
      <c r="A699" s="1">
        <v>43584.958333333336</v>
      </c>
      <c r="B699" s="2">
        <v>22.74</v>
      </c>
      <c r="C699">
        <v>0</v>
      </c>
      <c r="D699">
        <f t="shared" si="20"/>
        <v>0</v>
      </c>
      <c r="E699" s="6">
        <f t="shared" si="21"/>
        <v>0</v>
      </c>
    </row>
    <row r="700" spans="1:5" x14ac:dyDescent="0.25">
      <c r="A700" s="1">
        <v>43585</v>
      </c>
      <c r="B700" s="2">
        <v>21.02</v>
      </c>
      <c r="C700">
        <v>0</v>
      </c>
      <c r="D700">
        <f t="shared" si="20"/>
        <v>0</v>
      </c>
      <c r="E700" s="6">
        <f t="shared" si="21"/>
        <v>0</v>
      </c>
    </row>
    <row r="701" spans="1:5" x14ac:dyDescent="0.25">
      <c r="A701" s="1">
        <v>43585.041666666664</v>
      </c>
      <c r="B701" s="2">
        <v>20.99</v>
      </c>
      <c r="C701">
        <v>0</v>
      </c>
      <c r="D701">
        <f t="shared" si="20"/>
        <v>0</v>
      </c>
      <c r="E701" s="6">
        <f t="shared" si="21"/>
        <v>0</v>
      </c>
    </row>
    <row r="702" spans="1:5" x14ac:dyDescent="0.25">
      <c r="A702" s="1">
        <v>43585.083333333336</v>
      </c>
      <c r="B702" s="2">
        <v>20.73</v>
      </c>
      <c r="C702">
        <v>0</v>
      </c>
      <c r="D702">
        <f t="shared" si="20"/>
        <v>0</v>
      </c>
      <c r="E702" s="6">
        <f t="shared" si="21"/>
        <v>0</v>
      </c>
    </row>
    <row r="703" spans="1:5" x14ac:dyDescent="0.25">
      <c r="A703" s="1">
        <v>43585.125</v>
      </c>
      <c r="B703" s="2">
        <v>20.47</v>
      </c>
      <c r="C703">
        <v>0</v>
      </c>
      <c r="D703">
        <f t="shared" si="20"/>
        <v>0</v>
      </c>
      <c r="E703" s="6">
        <f t="shared" si="21"/>
        <v>0</v>
      </c>
    </row>
    <row r="704" spans="1:5" x14ac:dyDescent="0.25">
      <c r="A704" s="1">
        <v>43585.166666666664</v>
      </c>
      <c r="B704" s="2">
        <v>20.93</v>
      </c>
      <c r="C704">
        <v>0</v>
      </c>
      <c r="D704">
        <f t="shared" si="20"/>
        <v>0</v>
      </c>
      <c r="E704" s="6">
        <f t="shared" si="21"/>
        <v>0</v>
      </c>
    </row>
    <row r="705" spans="1:5" x14ac:dyDescent="0.25">
      <c r="A705" s="1">
        <v>43585.208333333336</v>
      </c>
      <c r="B705" s="2">
        <v>23.93</v>
      </c>
      <c r="C705">
        <v>0</v>
      </c>
      <c r="D705">
        <f t="shared" si="20"/>
        <v>0</v>
      </c>
      <c r="E705" s="6">
        <f t="shared" si="21"/>
        <v>0</v>
      </c>
    </row>
    <row r="706" spans="1:5" x14ac:dyDescent="0.25">
      <c r="A706" s="1">
        <v>43585.25</v>
      </c>
      <c r="B706" s="2">
        <v>32.82</v>
      </c>
      <c r="C706">
        <v>0</v>
      </c>
      <c r="D706">
        <f t="shared" si="20"/>
        <v>0</v>
      </c>
      <c r="E706" s="6">
        <f t="shared" si="21"/>
        <v>0</v>
      </c>
    </row>
    <row r="707" spans="1:5" x14ac:dyDescent="0.25">
      <c r="A707" s="1">
        <v>43585.291666666664</v>
      </c>
      <c r="B707" s="2">
        <v>31.86</v>
      </c>
      <c r="C707">
        <v>0.456432</v>
      </c>
      <c r="D707">
        <f t="shared" si="20"/>
        <v>4.56432E-4</v>
      </c>
      <c r="E707" s="6">
        <f t="shared" si="21"/>
        <v>1.454192352E-2</v>
      </c>
    </row>
    <row r="708" spans="1:5" x14ac:dyDescent="0.25">
      <c r="A708" s="1">
        <v>43585.333333333336</v>
      </c>
      <c r="B708" s="2">
        <v>30.91</v>
      </c>
      <c r="C708">
        <v>2.1483140000000001</v>
      </c>
      <c r="D708">
        <f t="shared" si="20"/>
        <v>2.1483140000000001E-3</v>
      </c>
      <c r="E708" s="6">
        <f t="shared" si="21"/>
        <v>6.6404385740000002E-2</v>
      </c>
    </row>
    <row r="709" spans="1:5" x14ac:dyDescent="0.25">
      <c r="A709" s="1">
        <v>43585.375</v>
      </c>
      <c r="B709" s="2">
        <v>32.130000000000003</v>
      </c>
      <c r="C709">
        <v>4.055231</v>
      </c>
      <c r="D709">
        <f t="shared" si="20"/>
        <v>4.0552310000000003E-3</v>
      </c>
      <c r="E709" s="6">
        <f t="shared" si="21"/>
        <v>0.13029457203000003</v>
      </c>
    </row>
    <row r="710" spans="1:5" x14ac:dyDescent="0.25">
      <c r="A710" s="1">
        <v>43585.416666666664</v>
      </c>
      <c r="B710" s="2">
        <v>32.950000000000003</v>
      </c>
      <c r="C710">
        <v>5.5621330000000002</v>
      </c>
      <c r="D710">
        <f t="shared" ref="D710:D773" si="22">C710/1000</f>
        <v>5.5621330000000004E-3</v>
      </c>
      <c r="E710" s="6">
        <f t="shared" ref="E710:E773" si="23">D710*B710</f>
        <v>0.18327228235000004</v>
      </c>
    </row>
    <row r="711" spans="1:5" x14ac:dyDescent="0.25">
      <c r="A711" s="1">
        <v>43585.458333333336</v>
      </c>
      <c r="B711" s="2">
        <v>35.83</v>
      </c>
      <c r="C711">
        <v>5.7691170000000005</v>
      </c>
      <c r="D711">
        <f t="shared" si="22"/>
        <v>5.7691170000000007E-3</v>
      </c>
      <c r="E711" s="6">
        <f t="shared" si="23"/>
        <v>0.20670746211000002</v>
      </c>
    </row>
    <row r="712" spans="1:5" x14ac:dyDescent="0.25">
      <c r="A712" s="1">
        <v>43585.5</v>
      </c>
      <c r="B712" s="2">
        <v>38.81</v>
      </c>
      <c r="C712">
        <v>7.2043050000000006</v>
      </c>
      <c r="D712">
        <f t="shared" si="22"/>
        <v>7.2043050000000003E-3</v>
      </c>
      <c r="E712" s="6">
        <f t="shared" si="23"/>
        <v>0.27959907705000003</v>
      </c>
    </row>
    <row r="713" spans="1:5" x14ac:dyDescent="0.25">
      <c r="A713" s="1">
        <v>43585.541666666664</v>
      </c>
      <c r="B713" s="2">
        <v>39.78</v>
      </c>
      <c r="C713">
        <v>7.3390209999999998</v>
      </c>
      <c r="D713">
        <f t="shared" si="22"/>
        <v>7.3390209999999994E-3</v>
      </c>
      <c r="E713" s="6">
        <f t="shared" si="23"/>
        <v>0.29194625537999996</v>
      </c>
    </row>
    <row r="714" spans="1:5" x14ac:dyDescent="0.25">
      <c r="A714" s="1">
        <v>43585.583333333336</v>
      </c>
      <c r="B714" s="2">
        <v>39.74</v>
      </c>
      <c r="C714">
        <v>7.1677529999999994</v>
      </c>
      <c r="D714">
        <f t="shared" si="22"/>
        <v>7.1677529999999998E-3</v>
      </c>
      <c r="E714" s="6">
        <f t="shared" si="23"/>
        <v>0.28484650422000002</v>
      </c>
    </row>
    <row r="715" spans="1:5" x14ac:dyDescent="0.25">
      <c r="A715" s="1">
        <v>43585.625</v>
      </c>
      <c r="B715" s="2">
        <v>39.57</v>
      </c>
      <c r="C715">
        <v>6.4708310000000004</v>
      </c>
      <c r="D715">
        <f t="shared" si="22"/>
        <v>6.4708310000000007E-3</v>
      </c>
      <c r="E715" s="6">
        <f t="shared" si="23"/>
        <v>0.25605078267000003</v>
      </c>
    </row>
    <row r="716" spans="1:5" x14ac:dyDescent="0.25">
      <c r="A716" s="1">
        <v>43585.666666666664</v>
      </c>
      <c r="B716" s="2">
        <v>39.68</v>
      </c>
      <c r="C716">
        <v>5.4223030000000003</v>
      </c>
      <c r="D716">
        <f t="shared" si="22"/>
        <v>5.4223030000000007E-3</v>
      </c>
      <c r="E716" s="6">
        <f t="shared" si="23"/>
        <v>0.21515698304000003</v>
      </c>
    </row>
    <row r="717" spans="1:5" x14ac:dyDescent="0.25">
      <c r="A717" s="1">
        <v>43585.708333333336</v>
      </c>
      <c r="B717" s="2">
        <v>39.72</v>
      </c>
      <c r="C717">
        <v>3.896792</v>
      </c>
      <c r="D717">
        <f t="shared" si="22"/>
        <v>3.8967920000000001E-3</v>
      </c>
      <c r="E717" s="6">
        <f t="shared" si="23"/>
        <v>0.15478057823999999</v>
      </c>
    </row>
    <row r="718" spans="1:5" x14ac:dyDescent="0.25">
      <c r="A718" s="1">
        <v>43585.75</v>
      </c>
      <c r="B718" s="2">
        <v>38.97</v>
      </c>
      <c r="C718">
        <v>2.0321020000000001</v>
      </c>
      <c r="D718">
        <f t="shared" si="22"/>
        <v>2.032102E-3</v>
      </c>
      <c r="E718" s="6">
        <f t="shared" si="23"/>
        <v>7.9191014939999999E-2</v>
      </c>
    </row>
    <row r="719" spans="1:5" x14ac:dyDescent="0.25">
      <c r="A719" s="1">
        <v>43585.791666666664</v>
      </c>
      <c r="B719" s="2">
        <v>37.380000000000003</v>
      </c>
      <c r="C719">
        <v>0.42337799999999998</v>
      </c>
      <c r="D719">
        <f t="shared" si="22"/>
        <v>4.2337799999999997E-4</v>
      </c>
      <c r="E719" s="6">
        <f t="shared" si="23"/>
        <v>1.582586964E-2</v>
      </c>
    </row>
    <row r="720" spans="1:5" x14ac:dyDescent="0.25">
      <c r="A720" s="1">
        <v>43585.833333333336</v>
      </c>
      <c r="B720" s="2">
        <v>39.17</v>
      </c>
      <c r="C720">
        <v>0</v>
      </c>
      <c r="D720">
        <f t="shared" si="22"/>
        <v>0</v>
      </c>
      <c r="E720" s="6">
        <f t="shared" si="23"/>
        <v>0</v>
      </c>
    </row>
    <row r="721" spans="1:5" x14ac:dyDescent="0.25">
      <c r="A721" s="1">
        <v>43585.875</v>
      </c>
      <c r="B721" s="2">
        <v>38.17</v>
      </c>
      <c r="C721">
        <v>0</v>
      </c>
      <c r="D721">
        <f t="shared" si="22"/>
        <v>0</v>
      </c>
      <c r="E721" s="6">
        <f t="shared" si="23"/>
        <v>0</v>
      </c>
    </row>
    <row r="722" spans="1:5" x14ac:dyDescent="0.25">
      <c r="A722" s="1">
        <v>43585.916666666664</v>
      </c>
      <c r="B722" s="2">
        <v>28.46</v>
      </c>
      <c r="C722">
        <v>0</v>
      </c>
      <c r="D722">
        <f t="shared" si="22"/>
        <v>0</v>
      </c>
      <c r="E722" s="6">
        <f t="shared" si="23"/>
        <v>0</v>
      </c>
    </row>
    <row r="723" spans="1:5" x14ac:dyDescent="0.25">
      <c r="A723" s="1">
        <v>43585.958333333336</v>
      </c>
      <c r="B723" s="2">
        <v>24.33</v>
      </c>
      <c r="C723">
        <v>0</v>
      </c>
      <c r="D723">
        <f t="shared" si="22"/>
        <v>0</v>
      </c>
      <c r="E723" s="6">
        <f t="shared" si="23"/>
        <v>0</v>
      </c>
    </row>
    <row r="724" spans="1:5" x14ac:dyDescent="0.25">
      <c r="A724" s="1">
        <v>43586</v>
      </c>
      <c r="B724" s="2">
        <v>19.809999999999999</v>
      </c>
      <c r="C724">
        <v>0</v>
      </c>
      <c r="D724">
        <f t="shared" si="22"/>
        <v>0</v>
      </c>
      <c r="E724" s="6">
        <f t="shared" si="23"/>
        <v>0</v>
      </c>
    </row>
    <row r="725" spans="1:5" x14ac:dyDescent="0.25">
      <c r="A725" s="1">
        <v>43586.041666666664</v>
      </c>
      <c r="B725" s="2">
        <v>19.72</v>
      </c>
      <c r="C725">
        <v>0</v>
      </c>
      <c r="D725">
        <f t="shared" si="22"/>
        <v>0</v>
      </c>
      <c r="E725" s="6">
        <f t="shared" si="23"/>
        <v>0</v>
      </c>
    </row>
    <row r="726" spans="1:5" x14ac:dyDescent="0.25">
      <c r="A726" s="1">
        <v>43586.083333333336</v>
      </c>
      <c r="B726" s="2">
        <v>18.77</v>
      </c>
      <c r="C726">
        <v>0</v>
      </c>
      <c r="D726">
        <f t="shared" si="22"/>
        <v>0</v>
      </c>
      <c r="E726" s="6">
        <f t="shared" si="23"/>
        <v>0</v>
      </c>
    </row>
    <row r="727" spans="1:5" x14ac:dyDescent="0.25">
      <c r="A727" s="1">
        <v>43586.125</v>
      </c>
      <c r="B727" s="2">
        <v>18.29</v>
      </c>
      <c r="C727">
        <v>0</v>
      </c>
      <c r="D727">
        <f t="shared" si="22"/>
        <v>0</v>
      </c>
      <c r="E727" s="6">
        <f t="shared" si="23"/>
        <v>0</v>
      </c>
    </row>
    <row r="728" spans="1:5" x14ac:dyDescent="0.25">
      <c r="A728" s="1">
        <v>43586.166666666664</v>
      </c>
      <c r="B728" s="2">
        <v>18.98</v>
      </c>
      <c r="C728">
        <v>0</v>
      </c>
      <c r="D728">
        <f t="shared" si="22"/>
        <v>0</v>
      </c>
      <c r="E728" s="6">
        <f t="shared" si="23"/>
        <v>0</v>
      </c>
    </row>
    <row r="729" spans="1:5" x14ac:dyDescent="0.25">
      <c r="A729" s="1">
        <v>43586.208333333336</v>
      </c>
      <c r="B729" s="2">
        <v>21.38</v>
      </c>
      <c r="C729">
        <v>0</v>
      </c>
      <c r="D729">
        <f t="shared" si="22"/>
        <v>0</v>
      </c>
      <c r="E729" s="6">
        <f t="shared" si="23"/>
        <v>0</v>
      </c>
    </row>
    <row r="730" spans="1:5" x14ac:dyDescent="0.25">
      <c r="A730" s="1">
        <v>43586.25</v>
      </c>
      <c r="B730" s="2">
        <v>25.87</v>
      </c>
      <c r="C730">
        <v>0</v>
      </c>
      <c r="D730">
        <f t="shared" si="22"/>
        <v>0</v>
      </c>
      <c r="E730" s="6">
        <f t="shared" si="23"/>
        <v>0</v>
      </c>
    </row>
    <row r="731" spans="1:5" x14ac:dyDescent="0.25">
      <c r="A731" s="1">
        <v>43586.291666666664</v>
      </c>
      <c r="B731" s="2">
        <v>26.39</v>
      </c>
      <c r="C731">
        <v>0.55098900000000006</v>
      </c>
      <c r="D731">
        <f t="shared" si="22"/>
        <v>5.509890000000001E-4</v>
      </c>
      <c r="E731" s="6">
        <f t="shared" si="23"/>
        <v>1.4540599710000003E-2</v>
      </c>
    </row>
    <row r="732" spans="1:5" x14ac:dyDescent="0.25">
      <c r="A732" s="1">
        <v>43586.333333333336</v>
      </c>
      <c r="B732" s="2">
        <v>26.4</v>
      </c>
      <c r="C732">
        <v>1.2657560000000001</v>
      </c>
      <c r="D732">
        <f t="shared" si="22"/>
        <v>1.265756E-3</v>
      </c>
      <c r="E732" s="6">
        <f t="shared" si="23"/>
        <v>3.3415958400000001E-2</v>
      </c>
    </row>
    <row r="733" spans="1:5" x14ac:dyDescent="0.25">
      <c r="A733" s="1">
        <v>43586.375</v>
      </c>
      <c r="B733" s="2">
        <v>27.28</v>
      </c>
      <c r="C733">
        <v>4.2651830000000004</v>
      </c>
      <c r="D733">
        <f t="shared" si="22"/>
        <v>4.2651830000000005E-3</v>
      </c>
      <c r="E733" s="6">
        <f t="shared" si="23"/>
        <v>0.11635419224000002</v>
      </c>
    </row>
    <row r="734" spans="1:5" x14ac:dyDescent="0.25">
      <c r="A734" s="1">
        <v>43586.416666666664</v>
      </c>
      <c r="B734" s="2">
        <v>29.82</v>
      </c>
      <c r="C734">
        <v>5.8440669999999999</v>
      </c>
      <c r="D734">
        <f t="shared" si="22"/>
        <v>5.8440669999999997E-3</v>
      </c>
      <c r="E734" s="6">
        <f t="shared" si="23"/>
        <v>0.17427007793999999</v>
      </c>
    </row>
    <row r="735" spans="1:5" x14ac:dyDescent="0.25">
      <c r="A735" s="1">
        <v>43586.458333333336</v>
      </c>
      <c r="B735" s="2">
        <v>30.76</v>
      </c>
      <c r="C735">
        <v>6.9557160000000007</v>
      </c>
      <c r="D735">
        <f t="shared" si="22"/>
        <v>6.9557160000000007E-3</v>
      </c>
      <c r="E735" s="6">
        <f t="shared" si="23"/>
        <v>0.21395782416000003</v>
      </c>
    </row>
    <row r="736" spans="1:5" x14ac:dyDescent="0.25">
      <c r="A736" s="1">
        <v>43586.5</v>
      </c>
      <c r="B736" s="2">
        <v>35.04</v>
      </c>
      <c r="C736">
        <v>6.4260169999999999</v>
      </c>
      <c r="D736">
        <f t="shared" si="22"/>
        <v>6.426017E-3</v>
      </c>
      <c r="E736" s="6">
        <f t="shared" si="23"/>
        <v>0.22516763568000001</v>
      </c>
    </row>
    <row r="737" spans="1:5" x14ac:dyDescent="0.25">
      <c r="A737" s="1">
        <v>43586.541666666664</v>
      </c>
      <c r="B737" s="2">
        <v>40.19</v>
      </c>
      <c r="C737">
        <v>5.8898329999999994</v>
      </c>
      <c r="D737">
        <f t="shared" si="22"/>
        <v>5.8898329999999997E-3</v>
      </c>
      <c r="E737" s="6">
        <f t="shared" si="23"/>
        <v>0.23671238826999996</v>
      </c>
    </row>
    <row r="738" spans="1:5" x14ac:dyDescent="0.25">
      <c r="A738" s="1">
        <v>43586.583333333336</v>
      </c>
      <c r="B738" s="2">
        <v>42.31</v>
      </c>
      <c r="C738">
        <v>4.7642389999999999</v>
      </c>
      <c r="D738">
        <f t="shared" si="22"/>
        <v>4.764239E-3</v>
      </c>
      <c r="E738" s="6">
        <f t="shared" si="23"/>
        <v>0.20157495209000001</v>
      </c>
    </row>
    <row r="739" spans="1:5" x14ac:dyDescent="0.25">
      <c r="A739" s="1">
        <v>43586.625</v>
      </c>
      <c r="B739" s="2">
        <v>43.34</v>
      </c>
      <c r="C739">
        <v>5.8833329999999995</v>
      </c>
      <c r="D739">
        <f t="shared" si="22"/>
        <v>5.8833329999999993E-3</v>
      </c>
      <c r="E739" s="6">
        <f t="shared" si="23"/>
        <v>0.25498365221999997</v>
      </c>
    </row>
    <row r="740" spans="1:5" x14ac:dyDescent="0.25">
      <c r="A740" s="1">
        <v>43586.666666666664</v>
      </c>
      <c r="B740" s="2">
        <v>45.27</v>
      </c>
      <c r="C740">
        <v>5.590611</v>
      </c>
      <c r="D740">
        <f t="shared" si="22"/>
        <v>5.5906109999999997E-3</v>
      </c>
      <c r="E740" s="6">
        <f t="shared" si="23"/>
        <v>0.25308695997000002</v>
      </c>
    </row>
    <row r="741" spans="1:5" x14ac:dyDescent="0.25">
      <c r="A741" s="1">
        <v>43586.708333333336</v>
      </c>
      <c r="B741" s="2">
        <v>43.83</v>
      </c>
      <c r="C741">
        <v>3.9630680000000003</v>
      </c>
      <c r="D741">
        <f t="shared" si="22"/>
        <v>3.9630680000000001E-3</v>
      </c>
      <c r="E741" s="6">
        <f t="shared" si="23"/>
        <v>0.17370127044</v>
      </c>
    </row>
    <row r="742" spans="1:5" x14ac:dyDescent="0.25">
      <c r="A742" s="1">
        <v>43586.75</v>
      </c>
      <c r="B742" s="2">
        <v>38.25</v>
      </c>
      <c r="C742">
        <v>2.0896179999999998</v>
      </c>
      <c r="D742">
        <f t="shared" si="22"/>
        <v>2.0896179999999997E-3</v>
      </c>
      <c r="E742" s="6">
        <f t="shared" si="23"/>
        <v>7.9927888499999988E-2</v>
      </c>
    </row>
    <row r="743" spans="1:5" x14ac:dyDescent="0.25">
      <c r="A743" s="1">
        <v>43586.791666666664</v>
      </c>
      <c r="B743" s="2">
        <v>34.43</v>
      </c>
      <c r="C743">
        <v>0.49259700000000001</v>
      </c>
      <c r="D743">
        <f t="shared" si="22"/>
        <v>4.92597E-4</v>
      </c>
      <c r="E743" s="6">
        <f t="shared" si="23"/>
        <v>1.6960114710000002E-2</v>
      </c>
    </row>
    <row r="744" spans="1:5" x14ac:dyDescent="0.25">
      <c r="A744" s="1">
        <v>43586.833333333336</v>
      </c>
      <c r="B744" s="2">
        <v>39.33</v>
      </c>
      <c r="C744">
        <v>0</v>
      </c>
      <c r="D744">
        <f t="shared" si="22"/>
        <v>0</v>
      </c>
      <c r="E744" s="6">
        <f t="shared" si="23"/>
        <v>0</v>
      </c>
    </row>
    <row r="745" spans="1:5" x14ac:dyDescent="0.25">
      <c r="A745" s="1">
        <v>43586.875</v>
      </c>
      <c r="B745" s="2">
        <v>37.31</v>
      </c>
      <c r="C745">
        <v>0</v>
      </c>
      <c r="D745">
        <f t="shared" si="22"/>
        <v>0</v>
      </c>
      <c r="E745" s="6">
        <f t="shared" si="23"/>
        <v>0</v>
      </c>
    </row>
    <row r="746" spans="1:5" x14ac:dyDescent="0.25">
      <c r="A746" s="1">
        <v>43586.916666666664</v>
      </c>
      <c r="B746" s="2">
        <v>25.98</v>
      </c>
      <c r="C746">
        <v>0</v>
      </c>
      <c r="D746">
        <f t="shared" si="22"/>
        <v>0</v>
      </c>
      <c r="E746" s="6">
        <f t="shared" si="23"/>
        <v>0</v>
      </c>
    </row>
    <row r="747" spans="1:5" x14ac:dyDescent="0.25">
      <c r="A747" s="1">
        <v>43586.958333333336</v>
      </c>
      <c r="B747" s="2">
        <v>23.65</v>
      </c>
      <c r="C747">
        <v>0</v>
      </c>
      <c r="D747">
        <f t="shared" si="22"/>
        <v>0</v>
      </c>
      <c r="E747" s="6">
        <f t="shared" si="23"/>
        <v>0</v>
      </c>
    </row>
    <row r="748" spans="1:5" x14ac:dyDescent="0.25">
      <c r="A748" s="1">
        <v>43587</v>
      </c>
      <c r="B748" s="2">
        <v>20.85</v>
      </c>
      <c r="C748">
        <v>0</v>
      </c>
      <c r="D748">
        <f t="shared" si="22"/>
        <v>0</v>
      </c>
      <c r="E748" s="6">
        <f t="shared" si="23"/>
        <v>0</v>
      </c>
    </row>
    <row r="749" spans="1:5" x14ac:dyDescent="0.25">
      <c r="A749" s="1">
        <v>43587.041666666664</v>
      </c>
      <c r="B749" s="2">
        <v>20.329999999999998</v>
      </c>
      <c r="C749">
        <v>0</v>
      </c>
      <c r="D749">
        <f t="shared" si="22"/>
        <v>0</v>
      </c>
      <c r="E749" s="6">
        <f t="shared" si="23"/>
        <v>0</v>
      </c>
    </row>
    <row r="750" spans="1:5" x14ac:dyDescent="0.25">
      <c r="A750" s="1">
        <v>43587.083333333336</v>
      </c>
      <c r="B750" s="2">
        <v>19.39</v>
      </c>
      <c r="C750">
        <v>0</v>
      </c>
      <c r="D750">
        <f t="shared" si="22"/>
        <v>0</v>
      </c>
      <c r="E750" s="6">
        <f t="shared" si="23"/>
        <v>0</v>
      </c>
    </row>
    <row r="751" spans="1:5" x14ac:dyDescent="0.25">
      <c r="A751" s="1">
        <v>43587.125</v>
      </c>
      <c r="B751" s="2">
        <v>19.13</v>
      </c>
      <c r="C751">
        <v>0</v>
      </c>
      <c r="D751">
        <f t="shared" si="22"/>
        <v>0</v>
      </c>
      <c r="E751" s="6">
        <f t="shared" si="23"/>
        <v>0</v>
      </c>
    </row>
    <row r="752" spans="1:5" x14ac:dyDescent="0.25">
      <c r="A752" s="1">
        <v>43587.166666666664</v>
      </c>
      <c r="B752" s="2">
        <v>19.670000000000002</v>
      </c>
      <c r="C752">
        <v>0</v>
      </c>
      <c r="D752">
        <f t="shared" si="22"/>
        <v>0</v>
      </c>
      <c r="E752" s="6">
        <f t="shared" si="23"/>
        <v>0</v>
      </c>
    </row>
    <row r="753" spans="1:5" x14ac:dyDescent="0.25">
      <c r="A753" s="1">
        <v>43587.208333333336</v>
      </c>
      <c r="B753" s="2">
        <v>22.45</v>
      </c>
      <c r="C753">
        <v>0</v>
      </c>
      <c r="D753">
        <f t="shared" si="22"/>
        <v>0</v>
      </c>
      <c r="E753" s="6">
        <f t="shared" si="23"/>
        <v>0</v>
      </c>
    </row>
    <row r="754" spans="1:5" x14ac:dyDescent="0.25">
      <c r="A754" s="1">
        <v>43587.25</v>
      </c>
      <c r="B754" s="2">
        <v>25.59</v>
      </c>
      <c r="C754">
        <v>0</v>
      </c>
      <c r="D754">
        <f t="shared" si="22"/>
        <v>0</v>
      </c>
      <c r="E754" s="6">
        <f t="shared" si="23"/>
        <v>0</v>
      </c>
    </row>
    <row r="755" spans="1:5" x14ac:dyDescent="0.25">
      <c r="A755" s="1">
        <v>43587.291666666664</v>
      </c>
      <c r="B755" s="2">
        <v>26.49</v>
      </c>
      <c r="C755">
        <v>0.429923</v>
      </c>
      <c r="D755">
        <f t="shared" si="22"/>
        <v>4.2992300000000002E-4</v>
      </c>
      <c r="E755" s="6">
        <f t="shared" si="23"/>
        <v>1.138866027E-2</v>
      </c>
    </row>
    <row r="756" spans="1:5" x14ac:dyDescent="0.25">
      <c r="A756" s="1">
        <v>43587.333333333336</v>
      </c>
      <c r="B756" s="2">
        <v>27.58</v>
      </c>
      <c r="C756">
        <v>1.335315</v>
      </c>
      <c r="D756">
        <f t="shared" si="22"/>
        <v>1.3353150000000001E-3</v>
      </c>
      <c r="E756" s="6">
        <f t="shared" si="23"/>
        <v>3.6827987700000002E-2</v>
      </c>
    </row>
    <row r="757" spans="1:5" x14ac:dyDescent="0.25">
      <c r="A757" s="1">
        <v>43587.375</v>
      </c>
      <c r="B757" s="2">
        <v>29.44</v>
      </c>
      <c r="C757">
        <v>1.962421</v>
      </c>
      <c r="D757">
        <f t="shared" si="22"/>
        <v>1.9624209999999998E-3</v>
      </c>
      <c r="E757" s="6">
        <f t="shared" si="23"/>
        <v>5.7773674239999996E-2</v>
      </c>
    </row>
    <row r="758" spans="1:5" x14ac:dyDescent="0.25">
      <c r="A758" s="1">
        <v>43587.416666666664</v>
      </c>
      <c r="B758" s="2">
        <v>32.6</v>
      </c>
      <c r="C758">
        <v>4.6271369999999994</v>
      </c>
      <c r="D758">
        <f t="shared" si="22"/>
        <v>4.627136999999999E-3</v>
      </c>
      <c r="E758" s="6">
        <f t="shared" si="23"/>
        <v>0.15084466619999998</v>
      </c>
    </row>
    <row r="759" spans="1:5" x14ac:dyDescent="0.25">
      <c r="A759" s="1">
        <v>43587.458333333336</v>
      </c>
      <c r="B759" s="2">
        <v>34.909999999999997</v>
      </c>
      <c r="C759">
        <v>5.5814200000000005</v>
      </c>
      <c r="D759">
        <f t="shared" si="22"/>
        <v>5.5814200000000001E-3</v>
      </c>
      <c r="E759" s="6">
        <f t="shared" si="23"/>
        <v>0.19484737219999998</v>
      </c>
    </row>
    <row r="760" spans="1:5" x14ac:dyDescent="0.25">
      <c r="A760" s="1">
        <v>43587.5</v>
      </c>
      <c r="B760" s="2">
        <v>35.96</v>
      </c>
      <c r="C760">
        <v>7.4213059999999995</v>
      </c>
      <c r="D760">
        <f t="shared" si="22"/>
        <v>7.4213059999999999E-3</v>
      </c>
      <c r="E760" s="6">
        <f t="shared" si="23"/>
        <v>0.26687016376</v>
      </c>
    </row>
    <row r="761" spans="1:5" x14ac:dyDescent="0.25">
      <c r="A761" s="1">
        <v>43587.541666666664</v>
      </c>
      <c r="B761" s="2">
        <v>40.28</v>
      </c>
      <c r="C761">
        <v>7.5534650000000001</v>
      </c>
      <c r="D761">
        <f t="shared" si="22"/>
        <v>7.5534650000000005E-3</v>
      </c>
      <c r="E761" s="6">
        <f t="shared" si="23"/>
        <v>0.30425357020000005</v>
      </c>
    </row>
    <row r="762" spans="1:5" x14ac:dyDescent="0.25">
      <c r="A762" s="1">
        <v>43587.583333333336</v>
      </c>
      <c r="B762" s="2">
        <v>44</v>
      </c>
      <c r="C762">
        <v>6.2182459999999997</v>
      </c>
      <c r="D762">
        <f t="shared" si="22"/>
        <v>6.2182459999999993E-3</v>
      </c>
      <c r="E762" s="6">
        <f t="shared" si="23"/>
        <v>0.27360282399999997</v>
      </c>
    </row>
    <row r="763" spans="1:5" x14ac:dyDescent="0.25">
      <c r="A763" s="1">
        <v>43587.625</v>
      </c>
      <c r="B763" s="2">
        <v>47.35</v>
      </c>
      <c r="C763">
        <v>4.2102749999999993</v>
      </c>
      <c r="D763">
        <f t="shared" si="22"/>
        <v>4.2102749999999994E-3</v>
      </c>
      <c r="E763" s="6">
        <f t="shared" si="23"/>
        <v>0.19935652124999997</v>
      </c>
    </row>
    <row r="764" spans="1:5" x14ac:dyDescent="0.25">
      <c r="A764" s="1">
        <v>43587.666666666664</v>
      </c>
      <c r="B764" s="2">
        <v>46.65</v>
      </c>
      <c r="C764">
        <v>2.7965390000000001</v>
      </c>
      <c r="D764">
        <f t="shared" si="22"/>
        <v>2.7965390000000002E-3</v>
      </c>
      <c r="E764" s="6">
        <f t="shared" si="23"/>
        <v>0.13045854435000001</v>
      </c>
    </row>
    <row r="765" spans="1:5" x14ac:dyDescent="0.25">
      <c r="A765" s="1">
        <v>43587.708333333336</v>
      </c>
      <c r="B765" s="2">
        <v>42.96</v>
      </c>
      <c r="C765">
        <v>2.5956219999999997</v>
      </c>
      <c r="D765">
        <f t="shared" si="22"/>
        <v>2.5956219999999997E-3</v>
      </c>
      <c r="E765" s="6">
        <f t="shared" si="23"/>
        <v>0.11150792111999999</v>
      </c>
    </row>
    <row r="766" spans="1:5" x14ac:dyDescent="0.25">
      <c r="A766" s="1">
        <v>43587.75</v>
      </c>
      <c r="B766" s="2">
        <v>38.29</v>
      </c>
      <c r="C766">
        <v>2.0848069999999996</v>
      </c>
      <c r="D766">
        <f t="shared" si="22"/>
        <v>2.0848069999999997E-3</v>
      </c>
      <c r="E766" s="6">
        <f t="shared" si="23"/>
        <v>7.9827260029999986E-2</v>
      </c>
    </row>
    <row r="767" spans="1:5" x14ac:dyDescent="0.25">
      <c r="A767" s="1">
        <v>43587.791666666664</v>
      </c>
      <c r="B767" s="2">
        <v>34.6</v>
      </c>
      <c r="C767">
        <v>0.50824000000000003</v>
      </c>
      <c r="D767">
        <f t="shared" si="22"/>
        <v>5.0823999999999997E-4</v>
      </c>
      <c r="E767" s="6">
        <f t="shared" si="23"/>
        <v>1.7585104000000001E-2</v>
      </c>
    </row>
    <row r="768" spans="1:5" x14ac:dyDescent="0.25">
      <c r="A768" s="1">
        <v>43587.833333333336</v>
      </c>
      <c r="B768" s="2">
        <v>37.15</v>
      </c>
      <c r="C768">
        <v>0</v>
      </c>
      <c r="D768">
        <f t="shared" si="22"/>
        <v>0</v>
      </c>
      <c r="E768" s="6">
        <f t="shared" si="23"/>
        <v>0</v>
      </c>
    </row>
    <row r="769" spans="1:5" x14ac:dyDescent="0.25">
      <c r="A769" s="1">
        <v>43587.875</v>
      </c>
      <c r="B769" s="2">
        <v>34.369999999999997</v>
      </c>
      <c r="C769">
        <v>0</v>
      </c>
      <c r="D769">
        <f t="shared" si="22"/>
        <v>0</v>
      </c>
      <c r="E769" s="6">
        <f t="shared" si="23"/>
        <v>0</v>
      </c>
    </row>
    <row r="770" spans="1:5" x14ac:dyDescent="0.25">
      <c r="A770" s="1">
        <v>43587.916666666664</v>
      </c>
      <c r="B770" s="2">
        <v>27.64</v>
      </c>
      <c r="C770">
        <v>0</v>
      </c>
      <c r="D770">
        <f t="shared" si="22"/>
        <v>0</v>
      </c>
      <c r="E770" s="6">
        <f t="shared" si="23"/>
        <v>0</v>
      </c>
    </row>
    <row r="771" spans="1:5" x14ac:dyDescent="0.25">
      <c r="A771" s="1">
        <v>43587.958333333336</v>
      </c>
      <c r="B771" s="2">
        <v>23.44</v>
      </c>
      <c r="C771">
        <v>0</v>
      </c>
      <c r="D771">
        <f t="shared" si="22"/>
        <v>0</v>
      </c>
      <c r="E771" s="6">
        <f t="shared" si="23"/>
        <v>0</v>
      </c>
    </row>
    <row r="772" spans="1:5" x14ac:dyDescent="0.25">
      <c r="A772" s="1">
        <v>43588</v>
      </c>
      <c r="B772" s="2">
        <v>21.45</v>
      </c>
      <c r="C772">
        <v>0</v>
      </c>
      <c r="D772">
        <f t="shared" si="22"/>
        <v>0</v>
      </c>
      <c r="E772" s="6">
        <f t="shared" si="23"/>
        <v>0</v>
      </c>
    </row>
    <row r="773" spans="1:5" x14ac:dyDescent="0.25">
      <c r="A773" s="1">
        <v>43588.041666666664</v>
      </c>
      <c r="B773" s="2">
        <v>20.399999999999999</v>
      </c>
      <c r="C773">
        <v>0</v>
      </c>
      <c r="D773">
        <f t="shared" si="22"/>
        <v>0</v>
      </c>
      <c r="E773" s="6">
        <f t="shared" si="23"/>
        <v>0</v>
      </c>
    </row>
    <row r="774" spans="1:5" x14ac:dyDescent="0.25">
      <c r="A774" s="1">
        <v>43588.083333333336</v>
      </c>
      <c r="B774" s="2">
        <v>20.43</v>
      </c>
      <c r="C774">
        <v>0</v>
      </c>
      <c r="D774">
        <f t="shared" ref="D774:D837" si="24">C774/1000</f>
        <v>0</v>
      </c>
      <c r="E774" s="6">
        <f t="shared" ref="E774:E837" si="25">D774*B774</f>
        <v>0</v>
      </c>
    </row>
    <row r="775" spans="1:5" x14ac:dyDescent="0.25">
      <c r="A775" s="1">
        <v>43588.125</v>
      </c>
      <c r="B775" s="2">
        <v>20.14</v>
      </c>
      <c r="C775">
        <v>0</v>
      </c>
      <c r="D775">
        <f t="shared" si="24"/>
        <v>0</v>
      </c>
      <c r="E775" s="6">
        <f t="shared" si="25"/>
        <v>0</v>
      </c>
    </row>
    <row r="776" spans="1:5" x14ac:dyDescent="0.25">
      <c r="A776" s="1">
        <v>43588.166666666664</v>
      </c>
      <c r="B776" s="2">
        <v>20.65</v>
      </c>
      <c r="C776">
        <v>0</v>
      </c>
      <c r="D776">
        <f t="shared" si="24"/>
        <v>0</v>
      </c>
      <c r="E776" s="6">
        <f t="shared" si="25"/>
        <v>0</v>
      </c>
    </row>
    <row r="777" spans="1:5" x14ac:dyDescent="0.25">
      <c r="A777" s="1">
        <v>43588.208333333336</v>
      </c>
      <c r="B777" s="2">
        <v>22.08</v>
      </c>
      <c r="C777">
        <v>0</v>
      </c>
      <c r="D777">
        <f t="shared" si="24"/>
        <v>0</v>
      </c>
      <c r="E777" s="6">
        <f t="shared" si="25"/>
        <v>0</v>
      </c>
    </row>
    <row r="778" spans="1:5" x14ac:dyDescent="0.25">
      <c r="A778" s="1">
        <v>43588.25</v>
      </c>
      <c r="B778" s="2">
        <v>24.71</v>
      </c>
      <c r="C778">
        <v>0</v>
      </c>
      <c r="D778">
        <f t="shared" si="24"/>
        <v>0</v>
      </c>
      <c r="E778" s="6">
        <f t="shared" si="25"/>
        <v>0</v>
      </c>
    </row>
    <row r="779" spans="1:5" x14ac:dyDescent="0.25">
      <c r="A779" s="1">
        <v>43588.291666666664</v>
      </c>
      <c r="B779" s="2">
        <v>26.05</v>
      </c>
      <c r="C779">
        <v>0.53069699999999997</v>
      </c>
      <c r="D779">
        <f t="shared" si="24"/>
        <v>5.30697E-4</v>
      </c>
      <c r="E779" s="6">
        <f t="shared" si="25"/>
        <v>1.382465685E-2</v>
      </c>
    </row>
    <row r="780" spans="1:5" x14ac:dyDescent="0.25">
      <c r="A780" s="1">
        <v>43588.333333333336</v>
      </c>
      <c r="B780" s="2">
        <v>26.75</v>
      </c>
      <c r="C780">
        <v>2.2747660000000001</v>
      </c>
      <c r="D780">
        <f t="shared" si="24"/>
        <v>2.2747660000000001E-3</v>
      </c>
      <c r="E780" s="6">
        <f t="shared" si="25"/>
        <v>6.0849990500000006E-2</v>
      </c>
    </row>
    <row r="781" spans="1:5" x14ac:dyDescent="0.25">
      <c r="A781" s="1">
        <v>43588.375</v>
      </c>
      <c r="B781" s="2">
        <v>28.43</v>
      </c>
      <c r="C781">
        <v>4.2264790000000003</v>
      </c>
      <c r="D781">
        <f t="shared" si="24"/>
        <v>4.226479E-3</v>
      </c>
      <c r="E781" s="6">
        <f t="shared" si="25"/>
        <v>0.12015879796999999</v>
      </c>
    </row>
    <row r="782" spans="1:5" x14ac:dyDescent="0.25">
      <c r="A782" s="1">
        <v>43588.416666666664</v>
      </c>
      <c r="B782" s="2">
        <v>30.58</v>
      </c>
      <c r="C782">
        <v>5.7741199999999999</v>
      </c>
      <c r="D782">
        <f t="shared" si="24"/>
        <v>5.7741199999999998E-3</v>
      </c>
      <c r="E782" s="6">
        <f t="shared" si="25"/>
        <v>0.1765725896</v>
      </c>
    </row>
    <row r="783" spans="1:5" x14ac:dyDescent="0.25">
      <c r="A783" s="1">
        <v>43588.458333333336</v>
      </c>
      <c r="B783" s="2">
        <v>31.37</v>
      </c>
      <c r="C783">
        <v>5.5369449999999993</v>
      </c>
      <c r="D783">
        <f t="shared" si="24"/>
        <v>5.5369449999999997E-3</v>
      </c>
      <c r="E783" s="6">
        <f t="shared" si="25"/>
        <v>0.17369396465</v>
      </c>
    </row>
    <row r="784" spans="1:5" x14ac:dyDescent="0.25">
      <c r="A784" s="1">
        <v>43588.5</v>
      </c>
      <c r="B784" s="2">
        <v>32.590000000000003</v>
      </c>
      <c r="C784">
        <v>6.5804650000000002</v>
      </c>
      <c r="D784">
        <f t="shared" si="24"/>
        <v>6.5804650000000006E-3</v>
      </c>
      <c r="E784" s="6">
        <f t="shared" si="25"/>
        <v>0.21445735435000005</v>
      </c>
    </row>
    <row r="785" spans="1:5" x14ac:dyDescent="0.25">
      <c r="A785" s="1">
        <v>43588.541666666664</v>
      </c>
      <c r="B785" s="2">
        <v>33.96</v>
      </c>
      <c r="C785">
        <v>6.364179</v>
      </c>
      <c r="D785">
        <f t="shared" si="24"/>
        <v>6.3641790000000002E-3</v>
      </c>
      <c r="E785" s="6">
        <f t="shared" si="25"/>
        <v>0.21612751884</v>
      </c>
    </row>
    <row r="786" spans="1:5" x14ac:dyDescent="0.25">
      <c r="A786" s="1">
        <v>43588.583333333336</v>
      </c>
      <c r="B786" s="2">
        <v>34.74</v>
      </c>
      <c r="C786">
        <v>6.178928</v>
      </c>
      <c r="D786">
        <f t="shared" si="24"/>
        <v>6.1789280000000002E-3</v>
      </c>
      <c r="E786" s="6">
        <f t="shared" si="25"/>
        <v>0.21465595872000001</v>
      </c>
    </row>
    <row r="787" spans="1:5" x14ac:dyDescent="0.25">
      <c r="A787" s="1">
        <v>43588.625</v>
      </c>
      <c r="B787" s="2">
        <v>34.35</v>
      </c>
      <c r="C787">
        <v>6.6688479999999997</v>
      </c>
      <c r="D787">
        <f t="shared" si="24"/>
        <v>6.6688479999999998E-3</v>
      </c>
      <c r="E787" s="6">
        <f t="shared" si="25"/>
        <v>0.22907492879999999</v>
      </c>
    </row>
    <row r="788" spans="1:5" x14ac:dyDescent="0.25">
      <c r="A788" s="1">
        <v>43588.666666666664</v>
      </c>
      <c r="B788" s="2">
        <v>33.44</v>
      </c>
      <c r="C788">
        <v>5.4750529999999999</v>
      </c>
      <c r="D788">
        <f t="shared" si="24"/>
        <v>5.4750529999999997E-3</v>
      </c>
      <c r="E788" s="6">
        <f t="shared" si="25"/>
        <v>0.18308577231999998</v>
      </c>
    </row>
    <row r="789" spans="1:5" x14ac:dyDescent="0.25">
      <c r="A789" s="1">
        <v>43588.708333333336</v>
      </c>
      <c r="B789" s="2">
        <v>33.72</v>
      </c>
      <c r="C789">
        <v>3.9211210000000003</v>
      </c>
      <c r="D789">
        <f t="shared" si="24"/>
        <v>3.9211210000000005E-3</v>
      </c>
      <c r="E789" s="6">
        <f t="shared" si="25"/>
        <v>0.13222020012000002</v>
      </c>
    </row>
    <row r="790" spans="1:5" x14ac:dyDescent="0.25">
      <c r="A790" s="1">
        <v>43588.75</v>
      </c>
      <c r="B790" s="2">
        <v>31.6</v>
      </c>
      <c r="C790">
        <v>2.0867289999999996</v>
      </c>
      <c r="D790">
        <f t="shared" si="24"/>
        <v>2.0867289999999994E-3</v>
      </c>
      <c r="E790" s="6">
        <f t="shared" si="25"/>
        <v>6.5940636399999988E-2</v>
      </c>
    </row>
    <row r="791" spans="1:5" x14ac:dyDescent="0.25">
      <c r="A791" s="1">
        <v>43588.791666666664</v>
      </c>
      <c r="B791" s="2">
        <v>28.87</v>
      </c>
      <c r="C791">
        <v>0.5325359999999999</v>
      </c>
      <c r="D791">
        <f t="shared" si="24"/>
        <v>5.325359999999999E-4</v>
      </c>
      <c r="E791" s="6">
        <f t="shared" si="25"/>
        <v>1.5374314319999997E-2</v>
      </c>
    </row>
    <row r="792" spans="1:5" x14ac:dyDescent="0.25">
      <c r="A792" s="1">
        <v>43588.833333333336</v>
      </c>
      <c r="B792" s="2">
        <v>31.08</v>
      </c>
      <c r="C792">
        <v>0</v>
      </c>
      <c r="D792">
        <f t="shared" si="24"/>
        <v>0</v>
      </c>
      <c r="E792" s="6">
        <f t="shared" si="25"/>
        <v>0</v>
      </c>
    </row>
    <row r="793" spans="1:5" x14ac:dyDescent="0.25">
      <c r="A793" s="1">
        <v>43588.875</v>
      </c>
      <c r="B793" s="2">
        <v>28.14</v>
      </c>
      <c r="C793">
        <v>0</v>
      </c>
      <c r="D793">
        <f t="shared" si="24"/>
        <v>0</v>
      </c>
      <c r="E793" s="6">
        <f t="shared" si="25"/>
        <v>0</v>
      </c>
    </row>
    <row r="794" spans="1:5" x14ac:dyDescent="0.25">
      <c r="A794" s="1">
        <v>43588.916666666664</v>
      </c>
      <c r="B794" s="2">
        <v>24.79</v>
      </c>
      <c r="C794">
        <v>0</v>
      </c>
      <c r="D794">
        <f t="shared" si="24"/>
        <v>0</v>
      </c>
      <c r="E794" s="6">
        <f t="shared" si="25"/>
        <v>0</v>
      </c>
    </row>
    <row r="795" spans="1:5" x14ac:dyDescent="0.25">
      <c r="A795" s="1">
        <v>43588.958333333336</v>
      </c>
      <c r="B795" s="2">
        <v>22.3</v>
      </c>
      <c r="C795">
        <v>0</v>
      </c>
      <c r="D795">
        <f t="shared" si="24"/>
        <v>0</v>
      </c>
      <c r="E795" s="6">
        <f t="shared" si="25"/>
        <v>0</v>
      </c>
    </row>
    <row r="796" spans="1:5" x14ac:dyDescent="0.25">
      <c r="A796" s="1">
        <v>43589</v>
      </c>
      <c r="B796" s="2">
        <v>22.35</v>
      </c>
      <c r="C796">
        <v>0</v>
      </c>
      <c r="D796">
        <f t="shared" si="24"/>
        <v>0</v>
      </c>
      <c r="E796" s="6">
        <f t="shared" si="25"/>
        <v>0</v>
      </c>
    </row>
    <row r="797" spans="1:5" x14ac:dyDescent="0.25">
      <c r="A797" s="1">
        <v>43589.041666666664</v>
      </c>
      <c r="B797" s="2">
        <v>21.58</v>
      </c>
      <c r="C797">
        <v>0</v>
      </c>
      <c r="D797">
        <f t="shared" si="24"/>
        <v>0</v>
      </c>
      <c r="E797" s="6">
        <f t="shared" si="25"/>
        <v>0</v>
      </c>
    </row>
    <row r="798" spans="1:5" x14ac:dyDescent="0.25">
      <c r="A798" s="1">
        <v>43589.083333333336</v>
      </c>
      <c r="B798" s="2">
        <v>21.94</v>
      </c>
      <c r="C798">
        <v>0</v>
      </c>
      <c r="D798">
        <f t="shared" si="24"/>
        <v>0</v>
      </c>
      <c r="E798" s="6">
        <f t="shared" si="25"/>
        <v>0</v>
      </c>
    </row>
    <row r="799" spans="1:5" x14ac:dyDescent="0.25">
      <c r="A799" s="1">
        <v>43589.125</v>
      </c>
      <c r="B799" s="2">
        <v>21.75</v>
      </c>
      <c r="C799">
        <v>0</v>
      </c>
      <c r="D799">
        <f t="shared" si="24"/>
        <v>0</v>
      </c>
      <c r="E799" s="6">
        <f t="shared" si="25"/>
        <v>0</v>
      </c>
    </row>
    <row r="800" spans="1:5" x14ac:dyDescent="0.25">
      <c r="A800" s="1">
        <v>43589.166666666664</v>
      </c>
      <c r="B800" s="2">
        <v>21.89</v>
      </c>
      <c r="C800">
        <v>0</v>
      </c>
      <c r="D800">
        <f t="shared" si="24"/>
        <v>0</v>
      </c>
      <c r="E800" s="6">
        <f t="shared" si="25"/>
        <v>0</v>
      </c>
    </row>
    <row r="801" spans="1:5" x14ac:dyDescent="0.25">
      <c r="A801" s="1">
        <v>43589.208333333336</v>
      </c>
      <c r="B801" s="2">
        <v>22.34</v>
      </c>
      <c r="C801">
        <v>0</v>
      </c>
      <c r="D801">
        <f t="shared" si="24"/>
        <v>0</v>
      </c>
      <c r="E801" s="6">
        <f t="shared" si="25"/>
        <v>0</v>
      </c>
    </row>
    <row r="802" spans="1:5" x14ac:dyDescent="0.25">
      <c r="A802" s="1">
        <v>43589.25</v>
      </c>
      <c r="B802" s="2">
        <v>22.34</v>
      </c>
      <c r="C802">
        <v>0</v>
      </c>
      <c r="D802">
        <f t="shared" si="24"/>
        <v>0</v>
      </c>
      <c r="E802" s="6">
        <f t="shared" si="25"/>
        <v>0</v>
      </c>
    </row>
    <row r="803" spans="1:5" x14ac:dyDescent="0.25">
      <c r="A803" s="1">
        <v>43589.291666666664</v>
      </c>
      <c r="B803" s="2">
        <v>23.02</v>
      </c>
      <c r="C803">
        <v>0.55165399999999998</v>
      </c>
      <c r="D803">
        <f t="shared" si="24"/>
        <v>5.5165399999999995E-4</v>
      </c>
      <c r="E803" s="6">
        <f t="shared" si="25"/>
        <v>1.2699075079999999E-2</v>
      </c>
    </row>
    <row r="804" spans="1:5" x14ac:dyDescent="0.25">
      <c r="A804" s="1">
        <v>43589.333333333336</v>
      </c>
      <c r="B804" s="2">
        <v>25.61</v>
      </c>
      <c r="C804">
        <v>2.170331</v>
      </c>
      <c r="D804">
        <f t="shared" si="24"/>
        <v>2.1703310000000002E-3</v>
      </c>
      <c r="E804" s="6">
        <f t="shared" si="25"/>
        <v>5.5582176910000003E-2</v>
      </c>
    </row>
    <row r="805" spans="1:5" x14ac:dyDescent="0.25">
      <c r="A805" s="1">
        <v>43589.375</v>
      </c>
      <c r="B805" s="2">
        <v>27.39</v>
      </c>
      <c r="C805">
        <v>4.0173820000000005</v>
      </c>
      <c r="D805">
        <f t="shared" si="24"/>
        <v>4.0173820000000008E-3</v>
      </c>
      <c r="E805" s="6">
        <f t="shared" si="25"/>
        <v>0.11003609298000003</v>
      </c>
    </row>
    <row r="806" spans="1:5" x14ac:dyDescent="0.25">
      <c r="A806" s="1">
        <v>43589.416666666664</v>
      </c>
      <c r="B806" s="2">
        <v>28.11</v>
      </c>
      <c r="C806">
        <v>3.5957130000000004</v>
      </c>
      <c r="D806">
        <f t="shared" si="24"/>
        <v>3.5957130000000004E-3</v>
      </c>
      <c r="E806" s="6">
        <f t="shared" si="25"/>
        <v>0.10107549243000001</v>
      </c>
    </row>
    <row r="807" spans="1:5" x14ac:dyDescent="0.25">
      <c r="A807" s="1">
        <v>43589.458333333336</v>
      </c>
      <c r="B807" s="2">
        <v>28</v>
      </c>
      <c r="C807">
        <v>4.9946120000000001</v>
      </c>
      <c r="D807">
        <f t="shared" si="24"/>
        <v>4.9946119999999998E-3</v>
      </c>
      <c r="E807" s="6">
        <f t="shared" si="25"/>
        <v>0.13984913599999999</v>
      </c>
    </row>
    <row r="808" spans="1:5" x14ac:dyDescent="0.25">
      <c r="A808" s="1">
        <v>43589.5</v>
      </c>
      <c r="B808" s="2">
        <v>28.23</v>
      </c>
      <c r="C808">
        <v>4.7436629999999997</v>
      </c>
      <c r="D808">
        <f t="shared" si="24"/>
        <v>4.7436629999999995E-3</v>
      </c>
      <c r="E808" s="6">
        <f t="shared" si="25"/>
        <v>0.13391360648999998</v>
      </c>
    </row>
    <row r="809" spans="1:5" x14ac:dyDescent="0.25">
      <c r="A809" s="1">
        <v>43589.541666666664</v>
      </c>
      <c r="B809" s="2">
        <v>28.5</v>
      </c>
      <c r="C809">
        <v>1.5149670000000002</v>
      </c>
      <c r="D809">
        <f t="shared" si="24"/>
        <v>1.5149670000000001E-3</v>
      </c>
      <c r="E809" s="6">
        <f t="shared" si="25"/>
        <v>4.3176559500000003E-2</v>
      </c>
    </row>
    <row r="810" spans="1:5" x14ac:dyDescent="0.25">
      <c r="A810" s="1">
        <v>43589.583333333336</v>
      </c>
      <c r="B810" s="2">
        <v>30.32</v>
      </c>
      <c r="C810">
        <v>2.6555239999999998</v>
      </c>
      <c r="D810">
        <f t="shared" si="24"/>
        <v>2.6555239999999998E-3</v>
      </c>
      <c r="E810" s="6">
        <f t="shared" si="25"/>
        <v>8.0515487679999997E-2</v>
      </c>
    </row>
    <row r="811" spans="1:5" x14ac:dyDescent="0.25">
      <c r="A811" s="1">
        <v>43589.625</v>
      </c>
      <c r="B811" s="2">
        <v>29.33</v>
      </c>
      <c r="C811">
        <v>4.1797490000000002</v>
      </c>
      <c r="D811">
        <f t="shared" si="24"/>
        <v>4.179749E-3</v>
      </c>
      <c r="E811" s="6">
        <f t="shared" si="25"/>
        <v>0.12259203816999999</v>
      </c>
    </row>
    <row r="812" spans="1:5" x14ac:dyDescent="0.25">
      <c r="A812" s="1">
        <v>43589.666666666664</v>
      </c>
      <c r="B812" s="2">
        <v>31.94</v>
      </c>
      <c r="C812">
        <v>5.4560589999999998</v>
      </c>
      <c r="D812">
        <f t="shared" si="24"/>
        <v>5.4560590000000001E-3</v>
      </c>
      <c r="E812" s="6">
        <f t="shared" si="25"/>
        <v>0.17426652446000002</v>
      </c>
    </row>
    <row r="813" spans="1:5" x14ac:dyDescent="0.25">
      <c r="A813" s="1">
        <v>43589.708333333336</v>
      </c>
      <c r="B813" s="2">
        <v>29.11</v>
      </c>
      <c r="C813">
        <v>3.8853230000000001</v>
      </c>
      <c r="D813">
        <f t="shared" si="24"/>
        <v>3.885323E-3</v>
      </c>
      <c r="E813" s="6">
        <f t="shared" si="25"/>
        <v>0.11310175253</v>
      </c>
    </row>
    <row r="814" spans="1:5" x14ac:dyDescent="0.25">
      <c r="A814" s="1">
        <v>43589.75</v>
      </c>
      <c r="B814" s="2">
        <v>29.38</v>
      </c>
      <c r="C814">
        <v>1.5473969999999999</v>
      </c>
      <c r="D814">
        <f t="shared" si="24"/>
        <v>1.5473969999999998E-3</v>
      </c>
      <c r="E814" s="6">
        <f t="shared" si="25"/>
        <v>4.5462523859999993E-2</v>
      </c>
    </row>
    <row r="815" spans="1:5" x14ac:dyDescent="0.25">
      <c r="A815" s="1">
        <v>43589.791666666664</v>
      </c>
      <c r="B815" s="2">
        <v>28.89</v>
      </c>
      <c r="C815">
        <v>0.22536</v>
      </c>
      <c r="D815">
        <f t="shared" si="24"/>
        <v>2.2536E-4</v>
      </c>
      <c r="E815" s="6">
        <f t="shared" si="25"/>
        <v>6.5106503999999999E-3</v>
      </c>
    </row>
    <row r="816" spans="1:5" x14ac:dyDescent="0.25">
      <c r="A816" s="1">
        <v>43589.833333333336</v>
      </c>
      <c r="B816" s="2">
        <v>29.08</v>
      </c>
      <c r="C816">
        <v>0</v>
      </c>
      <c r="D816">
        <f t="shared" si="24"/>
        <v>0</v>
      </c>
      <c r="E816" s="6">
        <f t="shared" si="25"/>
        <v>0</v>
      </c>
    </row>
    <row r="817" spans="1:5" x14ac:dyDescent="0.25">
      <c r="A817" s="1">
        <v>43589.875</v>
      </c>
      <c r="B817" s="2">
        <v>28.79</v>
      </c>
      <c r="C817">
        <v>0</v>
      </c>
      <c r="D817">
        <f t="shared" si="24"/>
        <v>0</v>
      </c>
      <c r="E817" s="6">
        <f t="shared" si="25"/>
        <v>0</v>
      </c>
    </row>
    <row r="818" spans="1:5" x14ac:dyDescent="0.25">
      <c r="A818" s="1">
        <v>43589.916666666664</v>
      </c>
      <c r="B818" s="2">
        <v>26.13</v>
      </c>
      <c r="C818">
        <v>0</v>
      </c>
      <c r="D818">
        <f t="shared" si="24"/>
        <v>0</v>
      </c>
      <c r="E818" s="6">
        <f t="shared" si="25"/>
        <v>0</v>
      </c>
    </row>
    <row r="819" spans="1:5" x14ac:dyDescent="0.25">
      <c r="A819" s="1">
        <v>43589.958333333336</v>
      </c>
      <c r="B819" s="2">
        <v>23.27</v>
      </c>
      <c r="C819">
        <v>0</v>
      </c>
      <c r="D819">
        <f t="shared" si="24"/>
        <v>0</v>
      </c>
      <c r="E819" s="6">
        <f t="shared" si="25"/>
        <v>0</v>
      </c>
    </row>
    <row r="820" spans="1:5" x14ac:dyDescent="0.25">
      <c r="A820" s="1">
        <v>43590</v>
      </c>
      <c r="B820" s="2">
        <v>20.49</v>
      </c>
      <c r="C820">
        <v>0</v>
      </c>
      <c r="D820">
        <f t="shared" si="24"/>
        <v>0</v>
      </c>
      <c r="E820" s="6">
        <f t="shared" si="25"/>
        <v>0</v>
      </c>
    </row>
    <row r="821" spans="1:5" x14ac:dyDescent="0.25">
      <c r="A821" s="1">
        <v>43590.041666666664</v>
      </c>
      <c r="B821" s="2">
        <v>19.86</v>
      </c>
      <c r="C821">
        <v>0</v>
      </c>
      <c r="D821">
        <f t="shared" si="24"/>
        <v>0</v>
      </c>
      <c r="E821" s="6">
        <f t="shared" si="25"/>
        <v>0</v>
      </c>
    </row>
    <row r="822" spans="1:5" x14ac:dyDescent="0.25">
      <c r="A822" s="1">
        <v>43590.083333333336</v>
      </c>
      <c r="B822" s="2">
        <v>19.7</v>
      </c>
      <c r="C822">
        <v>0</v>
      </c>
      <c r="D822">
        <f t="shared" si="24"/>
        <v>0</v>
      </c>
      <c r="E822" s="6">
        <f t="shared" si="25"/>
        <v>0</v>
      </c>
    </row>
    <row r="823" spans="1:5" x14ac:dyDescent="0.25">
      <c r="A823" s="1">
        <v>43590.125</v>
      </c>
      <c r="B823" s="2">
        <v>19.579999999999998</v>
      </c>
      <c r="C823">
        <v>0</v>
      </c>
      <c r="D823">
        <f t="shared" si="24"/>
        <v>0</v>
      </c>
      <c r="E823" s="6">
        <f t="shared" si="25"/>
        <v>0</v>
      </c>
    </row>
    <row r="824" spans="1:5" x14ac:dyDescent="0.25">
      <c r="A824" s="1">
        <v>43590.166666666664</v>
      </c>
      <c r="B824" s="2">
        <v>19.829999999999998</v>
      </c>
      <c r="C824">
        <v>0</v>
      </c>
      <c r="D824">
        <f t="shared" si="24"/>
        <v>0</v>
      </c>
      <c r="E824" s="6">
        <f t="shared" si="25"/>
        <v>0</v>
      </c>
    </row>
    <row r="825" spans="1:5" x14ac:dyDescent="0.25">
      <c r="A825" s="1">
        <v>43590.208333333336</v>
      </c>
      <c r="B825" s="2">
        <v>20.03</v>
      </c>
      <c r="C825">
        <v>0</v>
      </c>
      <c r="D825">
        <f t="shared" si="24"/>
        <v>0</v>
      </c>
      <c r="E825" s="6">
        <f t="shared" si="25"/>
        <v>0</v>
      </c>
    </row>
    <row r="826" spans="1:5" x14ac:dyDescent="0.25">
      <c r="A826" s="1">
        <v>43590.25</v>
      </c>
      <c r="B826" s="2">
        <v>20.170000000000002</v>
      </c>
      <c r="C826">
        <v>0</v>
      </c>
      <c r="D826">
        <f t="shared" si="24"/>
        <v>0</v>
      </c>
      <c r="E826" s="6">
        <f t="shared" si="25"/>
        <v>0</v>
      </c>
    </row>
    <row r="827" spans="1:5" x14ac:dyDescent="0.25">
      <c r="A827" s="1">
        <v>43590.291666666664</v>
      </c>
      <c r="B827" s="2">
        <v>20.67</v>
      </c>
      <c r="C827">
        <v>0.287159</v>
      </c>
      <c r="D827">
        <f t="shared" si="24"/>
        <v>2.8715899999999999E-4</v>
      </c>
      <c r="E827" s="6">
        <f t="shared" si="25"/>
        <v>5.9355765300000002E-3</v>
      </c>
    </row>
    <row r="828" spans="1:5" x14ac:dyDescent="0.25">
      <c r="A828" s="1">
        <v>43590.333333333336</v>
      </c>
      <c r="B828" s="2">
        <v>23.38</v>
      </c>
      <c r="C828">
        <v>1.4857670000000001</v>
      </c>
      <c r="D828">
        <f t="shared" si="24"/>
        <v>1.485767E-3</v>
      </c>
      <c r="E828" s="6">
        <f t="shared" si="25"/>
        <v>3.4737232459999996E-2</v>
      </c>
    </row>
    <row r="829" spans="1:5" x14ac:dyDescent="0.25">
      <c r="A829" s="1">
        <v>43590.375</v>
      </c>
      <c r="B829" s="2">
        <v>24.88</v>
      </c>
      <c r="C829">
        <v>0.84554399999999996</v>
      </c>
      <c r="D829">
        <f t="shared" si="24"/>
        <v>8.4554399999999994E-4</v>
      </c>
      <c r="E829" s="6">
        <f t="shared" si="25"/>
        <v>2.1037134719999996E-2</v>
      </c>
    </row>
    <row r="830" spans="1:5" x14ac:dyDescent="0.25">
      <c r="A830" s="1">
        <v>43590.416666666664</v>
      </c>
      <c r="B830" s="2">
        <v>25.15</v>
      </c>
      <c r="C830">
        <v>2.339127</v>
      </c>
      <c r="D830">
        <f t="shared" si="24"/>
        <v>2.3391269999999999E-3</v>
      </c>
      <c r="E830" s="6">
        <f t="shared" si="25"/>
        <v>5.8829044049999994E-2</v>
      </c>
    </row>
    <row r="831" spans="1:5" x14ac:dyDescent="0.25">
      <c r="A831" s="1">
        <v>43590.458333333336</v>
      </c>
      <c r="B831" s="2">
        <v>23.95</v>
      </c>
      <c r="C831">
        <v>2.9737330000000002</v>
      </c>
      <c r="D831">
        <f t="shared" si="24"/>
        <v>2.9737330000000001E-3</v>
      </c>
      <c r="E831" s="6">
        <f t="shared" si="25"/>
        <v>7.1220905350000002E-2</v>
      </c>
    </row>
    <row r="832" spans="1:5" x14ac:dyDescent="0.25">
      <c r="A832" s="1">
        <v>43590.5</v>
      </c>
      <c r="B832" s="2">
        <v>24.91</v>
      </c>
      <c r="C832">
        <v>2.8116089999999998</v>
      </c>
      <c r="D832">
        <f t="shared" si="24"/>
        <v>2.8116089999999996E-3</v>
      </c>
      <c r="E832" s="6">
        <f t="shared" si="25"/>
        <v>7.0037180189999992E-2</v>
      </c>
    </row>
    <row r="833" spans="1:5" x14ac:dyDescent="0.25">
      <c r="A833" s="1">
        <v>43590.541666666664</v>
      </c>
      <c r="B833" s="2">
        <v>24.72</v>
      </c>
      <c r="C833">
        <v>3.735252</v>
      </c>
      <c r="D833">
        <f t="shared" si="24"/>
        <v>3.7352520000000001E-3</v>
      </c>
      <c r="E833" s="6">
        <f t="shared" si="25"/>
        <v>9.2335429439999991E-2</v>
      </c>
    </row>
    <row r="834" spans="1:5" x14ac:dyDescent="0.25">
      <c r="A834" s="1">
        <v>43590.583333333336</v>
      </c>
      <c r="B834" s="2">
        <v>24.8</v>
      </c>
      <c r="C834">
        <v>4.7191369999999999</v>
      </c>
      <c r="D834">
        <f t="shared" si="24"/>
        <v>4.719137E-3</v>
      </c>
      <c r="E834" s="6">
        <f t="shared" si="25"/>
        <v>0.1170345976</v>
      </c>
    </row>
    <row r="835" spans="1:5" x14ac:dyDescent="0.25">
      <c r="A835" s="1">
        <v>43590.625</v>
      </c>
      <c r="B835" s="2">
        <v>25.1</v>
      </c>
      <c r="C835">
        <v>1.4039790000000001</v>
      </c>
      <c r="D835">
        <f t="shared" si="24"/>
        <v>1.4039790000000001E-3</v>
      </c>
      <c r="E835" s="6">
        <f t="shared" si="25"/>
        <v>3.5239872900000004E-2</v>
      </c>
    </row>
    <row r="836" spans="1:5" x14ac:dyDescent="0.25">
      <c r="A836" s="1">
        <v>43590.666666666664</v>
      </c>
      <c r="B836" s="2">
        <v>25.57</v>
      </c>
      <c r="C836">
        <v>4.0296250000000002</v>
      </c>
      <c r="D836">
        <f t="shared" si="24"/>
        <v>4.0296250000000002E-3</v>
      </c>
      <c r="E836" s="6">
        <f t="shared" si="25"/>
        <v>0.10303751125000001</v>
      </c>
    </row>
    <row r="837" spans="1:5" x14ac:dyDescent="0.25">
      <c r="A837" s="1">
        <v>43590.708333333336</v>
      </c>
      <c r="B837" s="2">
        <v>26</v>
      </c>
      <c r="C837">
        <v>2.0616289999999999</v>
      </c>
      <c r="D837">
        <f t="shared" si="24"/>
        <v>2.0616289999999997E-3</v>
      </c>
      <c r="E837" s="6">
        <f t="shared" si="25"/>
        <v>5.3602353999999991E-2</v>
      </c>
    </row>
    <row r="838" spans="1:5" x14ac:dyDescent="0.25">
      <c r="A838" s="1">
        <v>43590.75</v>
      </c>
      <c r="B838" s="2">
        <v>25.22</v>
      </c>
      <c r="C838">
        <v>2.1135980000000001</v>
      </c>
      <c r="D838">
        <f t="shared" ref="D838:D901" si="26">C838/1000</f>
        <v>2.113598E-3</v>
      </c>
      <c r="E838" s="6">
        <f t="shared" ref="E838:E901" si="27">D838*B838</f>
        <v>5.3304941559999999E-2</v>
      </c>
    </row>
    <row r="839" spans="1:5" x14ac:dyDescent="0.25">
      <c r="A839" s="1">
        <v>43590.791666666664</v>
      </c>
      <c r="B839" s="2">
        <v>25.4</v>
      </c>
      <c r="C839">
        <v>0.50515300000000007</v>
      </c>
      <c r="D839">
        <f t="shared" si="26"/>
        <v>5.0515300000000005E-4</v>
      </c>
      <c r="E839" s="6">
        <f t="shared" si="27"/>
        <v>1.2830886200000001E-2</v>
      </c>
    </row>
    <row r="840" spans="1:5" x14ac:dyDescent="0.25">
      <c r="A840" s="1">
        <v>43590.833333333336</v>
      </c>
      <c r="B840" s="2">
        <v>27.42</v>
      </c>
      <c r="C840">
        <v>0</v>
      </c>
      <c r="D840">
        <f t="shared" si="26"/>
        <v>0</v>
      </c>
      <c r="E840" s="6">
        <f t="shared" si="27"/>
        <v>0</v>
      </c>
    </row>
    <row r="841" spans="1:5" x14ac:dyDescent="0.25">
      <c r="A841" s="1">
        <v>43590.875</v>
      </c>
      <c r="B841" s="2">
        <v>27.42</v>
      </c>
      <c r="C841">
        <v>0</v>
      </c>
      <c r="D841">
        <f t="shared" si="26"/>
        <v>0</v>
      </c>
      <c r="E841" s="6">
        <f t="shared" si="27"/>
        <v>0</v>
      </c>
    </row>
    <row r="842" spans="1:5" x14ac:dyDescent="0.25">
      <c r="A842" s="1">
        <v>43590.916666666664</v>
      </c>
      <c r="B842" s="2">
        <v>22.99</v>
      </c>
      <c r="C842">
        <v>0</v>
      </c>
      <c r="D842">
        <f t="shared" si="26"/>
        <v>0</v>
      </c>
      <c r="E842" s="6">
        <f t="shared" si="27"/>
        <v>0</v>
      </c>
    </row>
    <row r="843" spans="1:5" x14ac:dyDescent="0.25">
      <c r="A843" s="1">
        <v>43590.958333333336</v>
      </c>
      <c r="B843" s="2">
        <v>20.18</v>
      </c>
      <c r="C843">
        <v>0</v>
      </c>
      <c r="D843">
        <f t="shared" si="26"/>
        <v>0</v>
      </c>
      <c r="E843" s="6">
        <f t="shared" si="27"/>
        <v>0</v>
      </c>
    </row>
    <row r="844" spans="1:5" x14ac:dyDescent="0.25">
      <c r="A844" s="1">
        <v>43591</v>
      </c>
      <c r="B844" s="2">
        <v>17.96</v>
      </c>
      <c r="C844">
        <v>0</v>
      </c>
      <c r="D844">
        <f t="shared" si="26"/>
        <v>0</v>
      </c>
      <c r="E844" s="6">
        <f t="shared" si="27"/>
        <v>0</v>
      </c>
    </row>
    <row r="845" spans="1:5" x14ac:dyDescent="0.25">
      <c r="A845" s="1">
        <v>43591.041666666664</v>
      </c>
      <c r="B845" s="2">
        <v>17.649999999999999</v>
      </c>
      <c r="C845">
        <v>0</v>
      </c>
      <c r="D845">
        <f t="shared" si="26"/>
        <v>0</v>
      </c>
      <c r="E845" s="6">
        <f t="shared" si="27"/>
        <v>0</v>
      </c>
    </row>
    <row r="846" spans="1:5" x14ac:dyDescent="0.25">
      <c r="A846" s="1">
        <v>43591.083333333336</v>
      </c>
      <c r="B846" s="2">
        <v>17.57</v>
      </c>
      <c r="C846">
        <v>0</v>
      </c>
      <c r="D846">
        <f t="shared" si="26"/>
        <v>0</v>
      </c>
      <c r="E846" s="6">
        <f t="shared" si="27"/>
        <v>0</v>
      </c>
    </row>
    <row r="847" spans="1:5" x14ac:dyDescent="0.25">
      <c r="A847" s="1">
        <v>43591.125</v>
      </c>
      <c r="B847" s="2">
        <v>17.41</v>
      </c>
      <c r="C847">
        <v>0</v>
      </c>
      <c r="D847">
        <f t="shared" si="26"/>
        <v>0</v>
      </c>
      <c r="E847" s="6">
        <f t="shared" si="27"/>
        <v>0</v>
      </c>
    </row>
    <row r="848" spans="1:5" x14ac:dyDescent="0.25">
      <c r="A848" s="1">
        <v>43591.166666666664</v>
      </c>
      <c r="B848" s="2">
        <v>18.100000000000001</v>
      </c>
      <c r="C848">
        <v>0</v>
      </c>
      <c r="D848">
        <f t="shared" si="26"/>
        <v>0</v>
      </c>
      <c r="E848" s="6">
        <f t="shared" si="27"/>
        <v>0</v>
      </c>
    </row>
    <row r="849" spans="1:5" x14ac:dyDescent="0.25">
      <c r="A849" s="1">
        <v>43591.208333333336</v>
      </c>
      <c r="B849" s="2">
        <v>20.190000000000001</v>
      </c>
      <c r="C849">
        <v>0</v>
      </c>
      <c r="D849">
        <f t="shared" si="26"/>
        <v>0</v>
      </c>
      <c r="E849" s="6">
        <f t="shared" si="27"/>
        <v>0</v>
      </c>
    </row>
    <row r="850" spans="1:5" x14ac:dyDescent="0.25">
      <c r="A850" s="1">
        <v>43591.25</v>
      </c>
      <c r="B850" s="2">
        <v>23.75</v>
      </c>
      <c r="C850">
        <v>0</v>
      </c>
      <c r="D850">
        <f t="shared" si="26"/>
        <v>0</v>
      </c>
      <c r="E850" s="6">
        <f t="shared" si="27"/>
        <v>0</v>
      </c>
    </row>
    <row r="851" spans="1:5" x14ac:dyDescent="0.25">
      <c r="A851" s="1">
        <v>43591.291666666664</v>
      </c>
      <c r="B851" s="2">
        <v>25.5</v>
      </c>
      <c r="C851">
        <v>0.49993700000000002</v>
      </c>
      <c r="D851">
        <f t="shared" si="26"/>
        <v>4.9993699999999999E-4</v>
      </c>
      <c r="E851" s="6">
        <f t="shared" si="27"/>
        <v>1.27483935E-2</v>
      </c>
    </row>
    <row r="852" spans="1:5" x14ac:dyDescent="0.25">
      <c r="A852" s="1">
        <v>43591.333333333336</v>
      </c>
      <c r="B852" s="2">
        <v>25.58</v>
      </c>
      <c r="C852">
        <v>2.2992029999999999</v>
      </c>
      <c r="D852">
        <f t="shared" si="26"/>
        <v>2.2992030000000001E-3</v>
      </c>
      <c r="E852" s="6">
        <f t="shared" si="27"/>
        <v>5.881361274E-2</v>
      </c>
    </row>
    <row r="853" spans="1:5" x14ac:dyDescent="0.25">
      <c r="A853" s="1">
        <v>43591.375</v>
      </c>
      <c r="B853" s="2">
        <v>26.37</v>
      </c>
      <c r="C853">
        <v>4.2316510000000003</v>
      </c>
      <c r="D853">
        <f t="shared" si="26"/>
        <v>4.2316510000000003E-3</v>
      </c>
      <c r="E853" s="6">
        <f t="shared" si="27"/>
        <v>0.11158863687000001</v>
      </c>
    </row>
    <row r="854" spans="1:5" x14ac:dyDescent="0.25">
      <c r="A854" s="1">
        <v>43591.416666666664</v>
      </c>
      <c r="B854" s="2">
        <v>29.44</v>
      </c>
      <c r="C854">
        <v>4.7410940000000004</v>
      </c>
      <c r="D854">
        <f t="shared" si="26"/>
        <v>4.7410940000000004E-3</v>
      </c>
      <c r="E854" s="6">
        <f t="shared" si="27"/>
        <v>0.13957780736000003</v>
      </c>
    </row>
    <row r="855" spans="1:5" x14ac:dyDescent="0.25">
      <c r="A855" s="1">
        <v>43591.458333333336</v>
      </c>
      <c r="B855" s="2">
        <v>28.22</v>
      </c>
      <c r="C855">
        <v>5.6877780000000007</v>
      </c>
      <c r="D855">
        <f t="shared" si="26"/>
        <v>5.687778000000001E-3</v>
      </c>
      <c r="E855" s="6">
        <f t="shared" si="27"/>
        <v>0.16050909516000003</v>
      </c>
    </row>
    <row r="856" spans="1:5" x14ac:dyDescent="0.25">
      <c r="A856" s="1">
        <v>43591.5</v>
      </c>
      <c r="B856" s="2">
        <v>29.27</v>
      </c>
      <c r="C856">
        <v>6.3831189999999998</v>
      </c>
      <c r="D856">
        <f t="shared" si="26"/>
        <v>6.3831189999999996E-3</v>
      </c>
      <c r="E856" s="6">
        <f t="shared" si="27"/>
        <v>0.18683389312999998</v>
      </c>
    </row>
    <row r="857" spans="1:5" x14ac:dyDescent="0.25">
      <c r="A857" s="1">
        <v>43591.541666666664</v>
      </c>
      <c r="B857" s="2">
        <v>30.99</v>
      </c>
      <c r="C857">
        <v>6.0627740000000001</v>
      </c>
      <c r="D857">
        <f t="shared" si="26"/>
        <v>6.0627739999999999E-3</v>
      </c>
      <c r="E857" s="6">
        <f t="shared" si="27"/>
        <v>0.18788536625999999</v>
      </c>
    </row>
    <row r="858" spans="1:5" x14ac:dyDescent="0.25">
      <c r="A858" s="1">
        <v>43591.583333333336</v>
      </c>
      <c r="B858" s="2">
        <v>31.36</v>
      </c>
      <c r="C858">
        <v>7.5208570000000003</v>
      </c>
      <c r="D858">
        <f t="shared" si="26"/>
        <v>7.5208570000000006E-3</v>
      </c>
      <c r="E858" s="6">
        <f t="shared" si="27"/>
        <v>0.23585407552000001</v>
      </c>
    </row>
    <row r="859" spans="1:5" x14ac:dyDescent="0.25">
      <c r="A859" s="1">
        <v>43591.625</v>
      </c>
      <c r="B859" s="2">
        <v>32.56</v>
      </c>
      <c r="C859">
        <v>6.8255090000000003</v>
      </c>
      <c r="D859">
        <f t="shared" si="26"/>
        <v>6.8255090000000004E-3</v>
      </c>
      <c r="E859" s="6">
        <f t="shared" si="27"/>
        <v>0.22223857304000003</v>
      </c>
    </row>
    <row r="860" spans="1:5" x14ac:dyDescent="0.25">
      <c r="A860" s="1">
        <v>43591.666666666664</v>
      </c>
      <c r="B860" s="2">
        <v>32.24</v>
      </c>
      <c r="C860">
        <v>4.8047399999999998</v>
      </c>
      <c r="D860">
        <f t="shared" si="26"/>
        <v>4.8047400000000001E-3</v>
      </c>
      <c r="E860" s="6">
        <f t="shared" si="27"/>
        <v>0.15490481760000002</v>
      </c>
    </row>
    <row r="861" spans="1:5" x14ac:dyDescent="0.25">
      <c r="A861" s="1">
        <v>43591.708333333336</v>
      </c>
      <c r="B861" s="2">
        <v>32.659999999999997</v>
      </c>
      <c r="C861">
        <v>3.2586740000000001</v>
      </c>
      <c r="D861">
        <f t="shared" si="26"/>
        <v>3.258674E-3</v>
      </c>
      <c r="E861" s="6">
        <f t="shared" si="27"/>
        <v>0.10642829283999999</v>
      </c>
    </row>
    <row r="862" spans="1:5" x14ac:dyDescent="0.25">
      <c r="A862" s="1">
        <v>43591.75</v>
      </c>
      <c r="B862" s="2">
        <v>29.78</v>
      </c>
      <c r="C862">
        <v>1.6915499999999999</v>
      </c>
      <c r="D862">
        <f t="shared" si="26"/>
        <v>1.6915499999999998E-3</v>
      </c>
      <c r="E862" s="6">
        <f t="shared" si="27"/>
        <v>5.0374358999999994E-2</v>
      </c>
    </row>
    <row r="863" spans="1:5" x14ac:dyDescent="0.25">
      <c r="A863" s="1">
        <v>43591.791666666664</v>
      </c>
      <c r="B863" s="2">
        <v>27.43</v>
      </c>
      <c r="C863">
        <v>0.54832500000000006</v>
      </c>
      <c r="D863">
        <f t="shared" si="26"/>
        <v>5.4832500000000011E-4</v>
      </c>
      <c r="E863" s="6">
        <f t="shared" si="27"/>
        <v>1.5040554750000002E-2</v>
      </c>
    </row>
    <row r="864" spans="1:5" x14ac:dyDescent="0.25">
      <c r="A864" s="1">
        <v>43591.833333333336</v>
      </c>
      <c r="B864" s="2">
        <v>32.28</v>
      </c>
      <c r="C864">
        <v>0</v>
      </c>
      <c r="D864">
        <f t="shared" si="26"/>
        <v>0</v>
      </c>
      <c r="E864" s="6">
        <f t="shared" si="27"/>
        <v>0</v>
      </c>
    </row>
    <row r="865" spans="1:5" x14ac:dyDescent="0.25">
      <c r="A865" s="1">
        <v>43591.875</v>
      </c>
      <c r="B865" s="2">
        <v>30.5</v>
      </c>
      <c r="C865">
        <v>0</v>
      </c>
      <c r="D865">
        <f t="shared" si="26"/>
        <v>0</v>
      </c>
      <c r="E865" s="6">
        <f t="shared" si="27"/>
        <v>0</v>
      </c>
    </row>
    <row r="866" spans="1:5" x14ac:dyDescent="0.25">
      <c r="A866" s="1">
        <v>43591.916666666664</v>
      </c>
      <c r="B866" s="2">
        <v>24.09</v>
      </c>
      <c r="C866">
        <v>0</v>
      </c>
      <c r="D866">
        <f t="shared" si="26"/>
        <v>0</v>
      </c>
      <c r="E866" s="6">
        <f t="shared" si="27"/>
        <v>0</v>
      </c>
    </row>
    <row r="867" spans="1:5" x14ac:dyDescent="0.25">
      <c r="A867" s="1">
        <v>43591.958333333336</v>
      </c>
      <c r="B867" s="2">
        <v>21.45</v>
      </c>
      <c r="C867">
        <v>0</v>
      </c>
      <c r="D867">
        <f t="shared" si="26"/>
        <v>0</v>
      </c>
      <c r="E867" s="6">
        <f t="shared" si="27"/>
        <v>0</v>
      </c>
    </row>
    <row r="868" spans="1:5" x14ac:dyDescent="0.25">
      <c r="A868" s="1">
        <v>43592</v>
      </c>
      <c r="B868" s="2">
        <v>19.28</v>
      </c>
      <c r="C868">
        <v>0</v>
      </c>
      <c r="D868">
        <f t="shared" si="26"/>
        <v>0</v>
      </c>
      <c r="E868" s="6">
        <f t="shared" si="27"/>
        <v>0</v>
      </c>
    </row>
    <row r="869" spans="1:5" x14ac:dyDescent="0.25">
      <c r="A869" s="1">
        <v>43592.041666666664</v>
      </c>
      <c r="B869" s="2">
        <v>19.149999999999999</v>
      </c>
      <c r="C869">
        <v>0</v>
      </c>
      <c r="D869">
        <f t="shared" si="26"/>
        <v>0</v>
      </c>
      <c r="E869" s="6">
        <f t="shared" si="27"/>
        <v>0</v>
      </c>
    </row>
    <row r="870" spans="1:5" x14ac:dyDescent="0.25">
      <c r="A870" s="1">
        <v>43592.083333333336</v>
      </c>
      <c r="B870" s="2">
        <v>18.420000000000002</v>
      </c>
      <c r="C870">
        <v>0</v>
      </c>
      <c r="D870">
        <f t="shared" si="26"/>
        <v>0</v>
      </c>
      <c r="E870" s="6">
        <f t="shared" si="27"/>
        <v>0</v>
      </c>
    </row>
    <row r="871" spans="1:5" x14ac:dyDescent="0.25">
      <c r="A871" s="1">
        <v>43592.125</v>
      </c>
      <c r="B871" s="2">
        <v>17.88</v>
      </c>
      <c r="C871">
        <v>0</v>
      </c>
      <c r="D871">
        <f t="shared" si="26"/>
        <v>0</v>
      </c>
      <c r="E871" s="6">
        <f t="shared" si="27"/>
        <v>0</v>
      </c>
    </row>
    <row r="872" spans="1:5" x14ac:dyDescent="0.25">
      <c r="A872" s="1">
        <v>43592.166666666664</v>
      </c>
      <c r="B872" s="2">
        <v>19.440000000000001</v>
      </c>
      <c r="C872">
        <v>0</v>
      </c>
      <c r="D872">
        <f t="shared" si="26"/>
        <v>0</v>
      </c>
      <c r="E872" s="6">
        <f t="shared" si="27"/>
        <v>0</v>
      </c>
    </row>
    <row r="873" spans="1:5" x14ac:dyDescent="0.25">
      <c r="A873" s="1">
        <v>43592.208333333336</v>
      </c>
      <c r="B873" s="2">
        <v>20.67</v>
      </c>
      <c r="C873">
        <v>0</v>
      </c>
      <c r="D873">
        <f t="shared" si="26"/>
        <v>0</v>
      </c>
      <c r="E873" s="6">
        <f t="shared" si="27"/>
        <v>0</v>
      </c>
    </row>
    <row r="874" spans="1:5" x14ac:dyDescent="0.25">
      <c r="A874" s="1">
        <v>43592.25</v>
      </c>
      <c r="B874" s="2">
        <v>24.04</v>
      </c>
      <c r="C874">
        <v>0</v>
      </c>
      <c r="D874">
        <f t="shared" si="26"/>
        <v>0</v>
      </c>
      <c r="E874" s="6">
        <f t="shared" si="27"/>
        <v>0</v>
      </c>
    </row>
    <row r="875" spans="1:5" x14ac:dyDescent="0.25">
      <c r="A875" s="1">
        <v>43592.291666666664</v>
      </c>
      <c r="B875" s="2">
        <v>24.88</v>
      </c>
      <c r="C875">
        <v>2.8827999999999999E-2</v>
      </c>
      <c r="D875">
        <f t="shared" si="26"/>
        <v>2.8827999999999999E-5</v>
      </c>
      <c r="E875" s="6">
        <f t="shared" si="27"/>
        <v>7.1724064E-4</v>
      </c>
    </row>
    <row r="876" spans="1:5" x14ac:dyDescent="0.25">
      <c r="A876" s="1">
        <v>43592.333333333336</v>
      </c>
      <c r="B876" s="2">
        <v>26.23</v>
      </c>
      <c r="C876">
        <v>0.18403299999999997</v>
      </c>
      <c r="D876">
        <f t="shared" si="26"/>
        <v>1.8403299999999998E-4</v>
      </c>
      <c r="E876" s="6">
        <f t="shared" si="27"/>
        <v>4.8271855899999997E-3</v>
      </c>
    </row>
    <row r="877" spans="1:5" x14ac:dyDescent="0.25">
      <c r="A877" s="1">
        <v>43592.375</v>
      </c>
      <c r="B877" s="2">
        <v>26.36</v>
      </c>
      <c r="C877">
        <v>0.46284900000000001</v>
      </c>
      <c r="D877">
        <f t="shared" si="26"/>
        <v>4.6284899999999999E-4</v>
      </c>
      <c r="E877" s="6">
        <f t="shared" si="27"/>
        <v>1.220069964E-2</v>
      </c>
    </row>
    <row r="878" spans="1:5" x14ac:dyDescent="0.25">
      <c r="A878" s="1">
        <v>43592.416666666664</v>
      </c>
      <c r="B878" s="2">
        <v>28.09</v>
      </c>
      <c r="C878">
        <v>1.5668199999999999</v>
      </c>
      <c r="D878">
        <f t="shared" si="26"/>
        <v>1.5668199999999998E-3</v>
      </c>
      <c r="E878" s="6">
        <f t="shared" si="27"/>
        <v>4.4011973799999993E-2</v>
      </c>
    </row>
    <row r="879" spans="1:5" x14ac:dyDescent="0.25">
      <c r="A879" s="1">
        <v>43592.458333333336</v>
      </c>
      <c r="B879" s="2">
        <v>27.42</v>
      </c>
      <c r="C879">
        <v>1.9792719999999999</v>
      </c>
      <c r="D879">
        <f t="shared" si="26"/>
        <v>1.9792719999999998E-3</v>
      </c>
      <c r="E879" s="6">
        <f t="shared" si="27"/>
        <v>5.4271638239999996E-2</v>
      </c>
    </row>
    <row r="880" spans="1:5" x14ac:dyDescent="0.25">
      <c r="A880" s="1">
        <v>43592.5</v>
      </c>
      <c r="B880" s="2">
        <v>29.23</v>
      </c>
      <c r="C880">
        <v>0.61341299999999999</v>
      </c>
      <c r="D880">
        <f t="shared" si="26"/>
        <v>6.1341299999999994E-4</v>
      </c>
      <c r="E880" s="6">
        <f t="shared" si="27"/>
        <v>1.7930061989999999E-2</v>
      </c>
    </row>
    <row r="881" spans="1:5" x14ac:dyDescent="0.25">
      <c r="A881" s="1">
        <v>43592.541666666664</v>
      </c>
      <c r="B881" s="2">
        <v>29.45</v>
      </c>
      <c r="C881">
        <v>2.1152190000000002</v>
      </c>
      <c r="D881">
        <f t="shared" si="26"/>
        <v>2.1152190000000002E-3</v>
      </c>
      <c r="E881" s="6">
        <f t="shared" si="27"/>
        <v>6.2293199550000004E-2</v>
      </c>
    </row>
    <row r="882" spans="1:5" x14ac:dyDescent="0.25">
      <c r="A882" s="1">
        <v>43592.583333333336</v>
      </c>
      <c r="B882" s="2">
        <v>30.09</v>
      </c>
      <c r="C882">
        <v>0.68870600000000004</v>
      </c>
      <c r="D882">
        <f t="shared" si="26"/>
        <v>6.8870600000000008E-4</v>
      </c>
      <c r="E882" s="6">
        <f t="shared" si="27"/>
        <v>2.0723163540000002E-2</v>
      </c>
    </row>
    <row r="883" spans="1:5" x14ac:dyDescent="0.25">
      <c r="A883" s="1">
        <v>43592.625</v>
      </c>
      <c r="B883" s="2">
        <v>29.8</v>
      </c>
      <c r="C883">
        <v>3.0000369999999998</v>
      </c>
      <c r="D883">
        <f t="shared" si="26"/>
        <v>3.0000369999999997E-3</v>
      </c>
      <c r="E883" s="6">
        <f t="shared" si="27"/>
        <v>8.940110259999999E-2</v>
      </c>
    </row>
    <row r="884" spans="1:5" x14ac:dyDescent="0.25">
      <c r="A884" s="1">
        <v>43592.666666666664</v>
      </c>
      <c r="B884" s="2">
        <v>29.87</v>
      </c>
      <c r="C884">
        <v>1.488005</v>
      </c>
      <c r="D884">
        <f t="shared" si="26"/>
        <v>1.4880049999999999E-3</v>
      </c>
      <c r="E884" s="6">
        <f t="shared" si="27"/>
        <v>4.4446709350000002E-2</v>
      </c>
    </row>
    <row r="885" spans="1:5" x14ac:dyDescent="0.25">
      <c r="A885" s="1">
        <v>43592.708333333336</v>
      </c>
      <c r="B885" s="2">
        <v>29.51</v>
      </c>
      <c r="C885">
        <v>1.2209510000000001</v>
      </c>
      <c r="D885">
        <f t="shared" si="26"/>
        <v>1.2209510000000001E-3</v>
      </c>
      <c r="E885" s="6">
        <f t="shared" si="27"/>
        <v>3.6030264010000007E-2</v>
      </c>
    </row>
    <row r="886" spans="1:5" x14ac:dyDescent="0.25">
      <c r="A886" s="1">
        <v>43592.75</v>
      </c>
      <c r="B886" s="2">
        <v>28.36</v>
      </c>
      <c r="C886">
        <v>9.9697999999999995E-2</v>
      </c>
      <c r="D886">
        <f t="shared" si="26"/>
        <v>9.9697999999999993E-5</v>
      </c>
      <c r="E886" s="6">
        <f t="shared" si="27"/>
        <v>2.8274352799999999E-3</v>
      </c>
    </row>
    <row r="887" spans="1:5" x14ac:dyDescent="0.25">
      <c r="A887" s="1">
        <v>43592.791666666664</v>
      </c>
      <c r="B887" s="2">
        <v>27.21</v>
      </c>
      <c r="C887">
        <v>0</v>
      </c>
      <c r="D887">
        <f t="shared" si="26"/>
        <v>0</v>
      </c>
      <c r="E887" s="6">
        <f t="shared" si="27"/>
        <v>0</v>
      </c>
    </row>
    <row r="888" spans="1:5" x14ac:dyDescent="0.25">
      <c r="A888" s="1">
        <v>43592.833333333336</v>
      </c>
      <c r="B888" s="2">
        <v>29.83</v>
      </c>
      <c r="C888">
        <v>0</v>
      </c>
      <c r="D888">
        <f t="shared" si="26"/>
        <v>0</v>
      </c>
      <c r="E888" s="6">
        <f t="shared" si="27"/>
        <v>0</v>
      </c>
    </row>
    <row r="889" spans="1:5" x14ac:dyDescent="0.25">
      <c r="A889" s="1">
        <v>43592.875</v>
      </c>
      <c r="B889" s="2">
        <v>28.71</v>
      </c>
      <c r="C889">
        <v>0</v>
      </c>
      <c r="D889">
        <f t="shared" si="26"/>
        <v>0</v>
      </c>
      <c r="E889" s="6">
        <f t="shared" si="27"/>
        <v>0</v>
      </c>
    </row>
    <row r="890" spans="1:5" x14ac:dyDescent="0.25">
      <c r="A890" s="1">
        <v>43592.916666666664</v>
      </c>
      <c r="B890" s="2">
        <v>23.2</v>
      </c>
      <c r="C890">
        <v>0</v>
      </c>
      <c r="D890">
        <f t="shared" si="26"/>
        <v>0</v>
      </c>
      <c r="E890" s="6">
        <f t="shared" si="27"/>
        <v>0</v>
      </c>
    </row>
    <row r="891" spans="1:5" x14ac:dyDescent="0.25">
      <c r="A891" s="1">
        <v>43592.958333333336</v>
      </c>
      <c r="B891" s="2">
        <v>20.38</v>
      </c>
      <c r="C891">
        <v>0</v>
      </c>
      <c r="D891">
        <f t="shared" si="26"/>
        <v>0</v>
      </c>
      <c r="E891" s="6">
        <f t="shared" si="27"/>
        <v>0</v>
      </c>
    </row>
    <row r="892" spans="1:5" x14ac:dyDescent="0.25">
      <c r="A892" s="1">
        <v>43593</v>
      </c>
      <c r="B892" s="2">
        <v>18.39</v>
      </c>
      <c r="C892">
        <v>0</v>
      </c>
      <c r="D892">
        <f t="shared" si="26"/>
        <v>0</v>
      </c>
      <c r="E892" s="6">
        <f t="shared" si="27"/>
        <v>0</v>
      </c>
    </row>
    <row r="893" spans="1:5" x14ac:dyDescent="0.25">
      <c r="A893" s="1">
        <v>43593.041666666664</v>
      </c>
      <c r="B893" s="2">
        <v>18.3</v>
      </c>
      <c r="C893">
        <v>0</v>
      </c>
      <c r="D893">
        <f t="shared" si="26"/>
        <v>0</v>
      </c>
      <c r="E893" s="6">
        <f t="shared" si="27"/>
        <v>0</v>
      </c>
    </row>
    <row r="894" spans="1:5" x14ac:dyDescent="0.25">
      <c r="A894" s="1">
        <v>43593.083333333336</v>
      </c>
      <c r="B894" s="2">
        <v>16.940000000000001</v>
      </c>
      <c r="C894">
        <v>0</v>
      </c>
      <c r="D894">
        <f t="shared" si="26"/>
        <v>0</v>
      </c>
      <c r="E894" s="6">
        <f t="shared" si="27"/>
        <v>0</v>
      </c>
    </row>
    <row r="895" spans="1:5" x14ac:dyDescent="0.25">
      <c r="A895" s="1">
        <v>43593.125</v>
      </c>
      <c r="B895" s="2">
        <v>16.79</v>
      </c>
      <c r="C895">
        <v>0</v>
      </c>
      <c r="D895">
        <f t="shared" si="26"/>
        <v>0</v>
      </c>
      <c r="E895" s="6">
        <f t="shared" si="27"/>
        <v>0</v>
      </c>
    </row>
    <row r="896" spans="1:5" x14ac:dyDescent="0.25">
      <c r="A896" s="1">
        <v>43593.166666666664</v>
      </c>
      <c r="B896" s="2">
        <v>17.309999999999999</v>
      </c>
      <c r="C896">
        <v>0</v>
      </c>
      <c r="D896">
        <f t="shared" si="26"/>
        <v>0</v>
      </c>
      <c r="E896" s="6">
        <f t="shared" si="27"/>
        <v>0</v>
      </c>
    </row>
    <row r="897" spans="1:5" x14ac:dyDescent="0.25">
      <c r="A897" s="1">
        <v>43593.208333333336</v>
      </c>
      <c r="B897" s="2">
        <v>19.7</v>
      </c>
      <c r="C897">
        <v>0</v>
      </c>
      <c r="D897">
        <f t="shared" si="26"/>
        <v>0</v>
      </c>
      <c r="E897" s="6">
        <f t="shared" si="27"/>
        <v>0</v>
      </c>
    </row>
    <row r="898" spans="1:5" x14ac:dyDescent="0.25">
      <c r="A898" s="1">
        <v>43593.25</v>
      </c>
      <c r="B898" s="2">
        <v>22.49</v>
      </c>
      <c r="C898">
        <v>0</v>
      </c>
      <c r="D898">
        <f t="shared" si="26"/>
        <v>0</v>
      </c>
      <c r="E898" s="6">
        <f t="shared" si="27"/>
        <v>0</v>
      </c>
    </row>
    <row r="899" spans="1:5" x14ac:dyDescent="0.25">
      <c r="A899" s="1">
        <v>43593.291666666664</v>
      </c>
      <c r="B899" s="2">
        <v>22.67</v>
      </c>
      <c r="C899">
        <v>7.4858999999999995E-2</v>
      </c>
      <c r="D899">
        <f t="shared" si="26"/>
        <v>7.4858999999999996E-5</v>
      </c>
      <c r="E899" s="6">
        <f t="shared" si="27"/>
        <v>1.6970535300000001E-3</v>
      </c>
    </row>
    <row r="900" spans="1:5" x14ac:dyDescent="0.25">
      <c r="A900" s="1">
        <v>43593.333333333336</v>
      </c>
      <c r="B900" s="2">
        <v>23.79</v>
      </c>
      <c r="C900">
        <v>0.65051800000000004</v>
      </c>
      <c r="D900">
        <f t="shared" si="26"/>
        <v>6.5051799999999999E-4</v>
      </c>
      <c r="E900" s="6">
        <f t="shared" si="27"/>
        <v>1.5475823219999999E-2</v>
      </c>
    </row>
    <row r="901" spans="1:5" x14ac:dyDescent="0.25">
      <c r="A901" s="1">
        <v>43593.375</v>
      </c>
      <c r="B901" s="2">
        <v>24.08</v>
      </c>
      <c r="C901">
        <v>1.0377339999999999</v>
      </c>
      <c r="D901">
        <f t="shared" si="26"/>
        <v>1.037734E-3</v>
      </c>
      <c r="E901" s="6">
        <f t="shared" si="27"/>
        <v>2.498863472E-2</v>
      </c>
    </row>
    <row r="902" spans="1:5" x14ac:dyDescent="0.25">
      <c r="A902" s="1">
        <v>43593.416666666664</v>
      </c>
      <c r="B902" s="2">
        <v>25.49</v>
      </c>
      <c r="C902">
        <v>1.4891909999999999</v>
      </c>
      <c r="D902">
        <f t="shared" ref="D902:D965" si="28">C902/1000</f>
        <v>1.489191E-3</v>
      </c>
      <c r="E902" s="6">
        <f t="shared" ref="E902:E965" si="29">D902*B902</f>
        <v>3.7959478589999998E-2</v>
      </c>
    </row>
    <row r="903" spans="1:5" x14ac:dyDescent="0.25">
      <c r="A903" s="1">
        <v>43593.458333333336</v>
      </c>
      <c r="B903" s="2">
        <v>25.72</v>
      </c>
      <c r="C903">
        <v>2.7004549999999998</v>
      </c>
      <c r="D903">
        <f t="shared" si="28"/>
        <v>2.700455E-3</v>
      </c>
      <c r="E903" s="6">
        <f t="shared" si="29"/>
        <v>6.9455702600000002E-2</v>
      </c>
    </row>
    <row r="904" spans="1:5" x14ac:dyDescent="0.25">
      <c r="A904" s="1">
        <v>43593.5</v>
      </c>
      <c r="B904" s="2">
        <v>28.88</v>
      </c>
      <c r="C904">
        <v>2.8428819999999999</v>
      </c>
      <c r="D904">
        <f t="shared" si="28"/>
        <v>2.8428819999999997E-3</v>
      </c>
      <c r="E904" s="6">
        <f t="shared" si="29"/>
        <v>8.2102432159999988E-2</v>
      </c>
    </row>
    <row r="905" spans="1:5" x14ac:dyDescent="0.25">
      <c r="A905" s="1">
        <v>43593.541666666664</v>
      </c>
      <c r="B905" s="2">
        <v>29.18</v>
      </c>
      <c r="C905">
        <v>3.2750819999999998</v>
      </c>
      <c r="D905">
        <f t="shared" si="28"/>
        <v>3.2750819999999999E-3</v>
      </c>
      <c r="E905" s="6">
        <f t="shared" si="29"/>
        <v>9.5566892759999994E-2</v>
      </c>
    </row>
    <row r="906" spans="1:5" x14ac:dyDescent="0.25">
      <c r="A906" s="1">
        <v>43593.583333333336</v>
      </c>
      <c r="B906" s="2">
        <v>30.04</v>
      </c>
      <c r="C906">
        <v>1.4610160000000001</v>
      </c>
      <c r="D906">
        <f t="shared" si="28"/>
        <v>1.4610160000000001E-3</v>
      </c>
      <c r="E906" s="6">
        <f t="shared" si="29"/>
        <v>4.3888920640000002E-2</v>
      </c>
    </row>
    <row r="907" spans="1:5" x14ac:dyDescent="0.25">
      <c r="A907" s="1">
        <v>43593.625</v>
      </c>
      <c r="B907" s="2">
        <v>30.52</v>
      </c>
      <c r="C907">
        <v>4.0540419999999999</v>
      </c>
      <c r="D907">
        <f t="shared" si="28"/>
        <v>4.0540419999999999E-3</v>
      </c>
      <c r="E907" s="6">
        <f t="shared" si="29"/>
        <v>0.12372936184</v>
      </c>
    </row>
    <row r="908" spans="1:5" x14ac:dyDescent="0.25">
      <c r="A908" s="1">
        <v>43593.666666666664</v>
      </c>
      <c r="B908" s="2">
        <v>30.2</v>
      </c>
      <c r="C908">
        <v>4.7824539999999995</v>
      </c>
      <c r="D908">
        <f t="shared" si="28"/>
        <v>4.7824539999999994E-3</v>
      </c>
      <c r="E908" s="6">
        <f t="shared" si="29"/>
        <v>0.14443011079999998</v>
      </c>
    </row>
    <row r="909" spans="1:5" x14ac:dyDescent="0.25">
      <c r="A909" s="1">
        <v>43593.708333333336</v>
      </c>
      <c r="B909" s="2">
        <v>30.16</v>
      </c>
      <c r="C909">
        <v>2.9429630000000002</v>
      </c>
      <c r="D909">
        <f t="shared" si="28"/>
        <v>2.9429630000000003E-3</v>
      </c>
      <c r="E909" s="6">
        <f t="shared" si="29"/>
        <v>8.8759764080000011E-2</v>
      </c>
    </row>
    <row r="910" spans="1:5" x14ac:dyDescent="0.25">
      <c r="A910" s="1">
        <v>43593.75</v>
      </c>
      <c r="B910" s="2">
        <v>29.17</v>
      </c>
      <c r="C910">
        <v>1.9845280000000001</v>
      </c>
      <c r="D910">
        <f t="shared" si="28"/>
        <v>1.9845280000000002E-3</v>
      </c>
      <c r="E910" s="6">
        <f t="shared" si="29"/>
        <v>5.7888681760000005E-2</v>
      </c>
    </row>
    <row r="911" spans="1:5" x14ac:dyDescent="0.25">
      <c r="A911" s="1">
        <v>43593.791666666664</v>
      </c>
      <c r="B911" s="2">
        <v>27.46</v>
      </c>
      <c r="C911">
        <v>0.55603200000000008</v>
      </c>
      <c r="D911">
        <f t="shared" si="28"/>
        <v>5.5603200000000003E-4</v>
      </c>
      <c r="E911" s="6">
        <f t="shared" si="29"/>
        <v>1.5268638720000002E-2</v>
      </c>
    </row>
    <row r="912" spans="1:5" x14ac:dyDescent="0.25">
      <c r="A912" s="1">
        <v>43593.833333333336</v>
      </c>
      <c r="B912" s="2">
        <v>29.15</v>
      </c>
      <c r="C912">
        <v>0</v>
      </c>
      <c r="D912">
        <f t="shared" si="28"/>
        <v>0</v>
      </c>
      <c r="E912" s="6">
        <f t="shared" si="29"/>
        <v>0</v>
      </c>
    </row>
    <row r="913" spans="1:5" x14ac:dyDescent="0.25">
      <c r="A913" s="1">
        <v>43593.875</v>
      </c>
      <c r="B913" s="2">
        <v>26.92</v>
      </c>
      <c r="C913">
        <v>0</v>
      </c>
      <c r="D913">
        <f t="shared" si="28"/>
        <v>0</v>
      </c>
      <c r="E913" s="6">
        <f t="shared" si="29"/>
        <v>0</v>
      </c>
    </row>
    <row r="914" spans="1:5" x14ac:dyDescent="0.25">
      <c r="A914" s="1">
        <v>43593.916666666664</v>
      </c>
      <c r="B914" s="2">
        <v>21.99</v>
      </c>
      <c r="C914">
        <v>0</v>
      </c>
      <c r="D914">
        <f t="shared" si="28"/>
        <v>0</v>
      </c>
      <c r="E914" s="6">
        <f t="shared" si="29"/>
        <v>0</v>
      </c>
    </row>
    <row r="915" spans="1:5" x14ac:dyDescent="0.25">
      <c r="A915" s="1">
        <v>43593.958333333336</v>
      </c>
      <c r="B915" s="2">
        <v>20.41</v>
      </c>
      <c r="C915">
        <v>0</v>
      </c>
      <c r="D915">
        <f t="shared" si="28"/>
        <v>0</v>
      </c>
      <c r="E915" s="6">
        <f t="shared" si="29"/>
        <v>0</v>
      </c>
    </row>
    <row r="916" spans="1:5" x14ac:dyDescent="0.25">
      <c r="A916" s="1">
        <v>43594</v>
      </c>
      <c r="B916" s="2">
        <v>17.559999999999999</v>
      </c>
      <c r="C916">
        <v>0</v>
      </c>
      <c r="D916">
        <f t="shared" si="28"/>
        <v>0</v>
      </c>
      <c r="E916" s="6">
        <f t="shared" si="29"/>
        <v>0</v>
      </c>
    </row>
    <row r="917" spans="1:5" x14ac:dyDescent="0.25">
      <c r="A917" s="1">
        <v>43594.041666666664</v>
      </c>
      <c r="B917" s="2">
        <v>17.29</v>
      </c>
      <c r="C917">
        <v>0</v>
      </c>
      <c r="D917">
        <f t="shared" si="28"/>
        <v>0</v>
      </c>
      <c r="E917" s="6">
        <f t="shared" si="29"/>
        <v>0</v>
      </c>
    </row>
    <row r="918" spans="1:5" x14ac:dyDescent="0.25">
      <c r="A918" s="1">
        <v>43594.083333333336</v>
      </c>
      <c r="B918" s="2">
        <v>16.61</v>
      </c>
      <c r="C918">
        <v>0</v>
      </c>
      <c r="D918">
        <f t="shared" si="28"/>
        <v>0</v>
      </c>
      <c r="E918" s="6">
        <f t="shared" si="29"/>
        <v>0</v>
      </c>
    </row>
    <row r="919" spans="1:5" x14ac:dyDescent="0.25">
      <c r="A919" s="1">
        <v>43594.125</v>
      </c>
      <c r="B919" s="2">
        <v>16.22</v>
      </c>
      <c r="C919">
        <v>0</v>
      </c>
      <c r="D919">
        <f t="shared" si="28"/>
        <v>0</v>
      </c>
      <c r="E919" s="6">
        <f t="shared" si="29"/>
        <v>0</v>
      </c>
    </row>
    <row r="920" spans="1:5" x14ac:dyDescent="0.25">
      <c r="A920" s="1">
        <v>43594.166666666664</v>
      </c>
      <c r="B920" s="2">
        <v>16.84</v>
      </c>
      <c r="C920">
        <v>0</v>
      </c>
      <c r="D920">
        <f t="shared" si="28"/>
        <v>0</v>
      </c>
      <c r="E920" s="6">
        <f t="shared" si="29"/>
        <v>0</v>
      </c>
    </row>
    <row r="921" spans="1:5" x14ac:dyDescent="0.25">
      <c r="A921" s="1">
        <v>43594.208333333336</v>
      </c>
      <c r="B921" s="2">
        <v>18.940000000000001</v>
      </c>
      <c r="C921">
        <v>0</v>
      </c>
      <c r="D921">
        <f t="shared" si="28"/>
        <v>0</v>
      </c>
      <c r="E921" s="6">
        <f t="shared" si="29"/>
        <v>0</v>
      </c>
    </row>
    <row r="922" spans="1:5" x14ac:dyDescent="0.25">
      <c r="A922" s="1">
        <v>43594.25</v>
      </c>
      <c r="B922" s="2">
        <v>21.95</v>
      </c>
      <c r="C922">
        <v>0</v>
      </c>
      <c r="D922">
        <f t="shared" si="28"/>
        <v>0</v>
      </c>
      <c r="E922" s="6">
        <f t="shared" si="29"/>
        <v>0</v>
      </c>
    </row>
    <row r="923" spans="1:5" x14ac:dyDescent="0.25">
      <c r="A923" s="1">
        <v>43594.291666666664</v>
      </c>
      <c r="B923" s="2">
        <v>22.29</v>
      </c>
      <c r="C923">
        <v>0.63505899999999993</v>
      </c>
      <c r="D923">
        <f t="shared" si="28"/>
        <v>6.3505899999999988E-4</v>
      </c>
      <c r="E923" s="6">
        <f t="shared" si="29"/>
        <v>1.4155465109999998E-2</v>
      </c>
    </row>
    <row r="924" spans="1:5" x14ac:dyDescent="0.25">
      <c r="A924" s="1">
        <v>43594.333333333336</v>
      </c>
      <c r="B924" s="2">
        <v>22.36</v>
      </c>
      <c r="C924">
        <v>2.3209170000000001</v>
      </c>
      <c r="D924">
        <f t="shared" si="28"/>
        <v>2.320917E-3</v>
      </c>
      <c r="E924" s="6">
        <f t="shared" si="29"/>
        <v>5.1895704119999997E-2</v>
      </c>
    </row>
    <row r="925" spans="1:5" x14ac:dyDescent="0.25">
      <c r="A925" s="1">
        <v>43594.375</v>
      </c>
      <c r="B925" s="2">
        <v>23.08</v>
      </c>
      <c r="C925">
        <v>4.1889599999999998</v>
      </c>
      <c r="D925">
        <f t="shared" si="28"/>
        <v>4.1889599999999994E-3</v>
      </c>
      <c r="E925" s="6">
        <f t="shared" si="29"/>
        <v>9.668119679999998E-2</v>
      </c>
    </row>
    <row r="926" spans="1:5" x14ac:dyDescent="0.25">
      <c r="A926" s="1">
        <v>43594.416666666664</v>
      </c>
      <c r="B926" s="2">
        <v>24.38</v>
      </c>
      <c r="C926">
        <v>5.6984650000000006</v>
      </c>
      <c r="D926">
        <f t="shared" si="28"/>
        <v>5.6984650000000006E-3</v>
      </c>
      <c r="E926" s="6">
        <f t="shared" si="29"/>
        <v>0.1389285767</v>
      </c>
    </row>
    <row r="927" spans="1:5" x14ac:dyDescent="0.25">
      <c r="A927" s="1">
        <v>43594.458333333336</v>
      </c>
      <c r="B927" s="2">
        <v>24.7</v>
      </c>
      <c r="C927">
        <v>4.3735959999999992</v>
      </c>
      <c r="D927">
        <f t="shared" si="28"/>
        <v>4.3735959999999996E-3</v>
      </c>
      <c r="E927" s="6">
        <f t="shared" si="29"/>
        <v>0.10802782119999998</v>
      </c>
    </row>
    <row r="928" spans="1:5" x14ac:dyDescent="0.25">
      <c r="A928" s="1">
        <v>43594.5</v>
      </c>
      <c r="B928" s="2">
        <v>25.8</v>
      </c>
      <c r="C928">
        <v>6.0896180000000006</v>
      </c>
      <c r="D928">
        <f t="shared" si="28"/>
        <v>6.0896180000000006E-3</v>
      </c>
      <c r="E928" s="6">
        <f t="shared" si="29"/>
        <v>0.15711214440000001</v>
      </c>
    </row>
    <row r="929" spans="1:5" x14ac:dyDescent="0.25">
      <c r="A929" s="1">
        <v>43594.541666666664</v>
      </c>
      <c r="B929" s="2">
        <v>26.27</v>
      </c>
      <c r="C929">
        <v>7.6094520000000001</v>
      </c>
      <c r="D929">
        <f t="shared" si="28"/>
        <v>7.6094520000000001E-3</v>
      </c>
      <c r="E929" s="6">
        <f t="shared" si="29"/>
        <v>0.19990030404</v>
      </c>
    </row>
    <row r="930" spans="1:5" x14ac:dyDescent="0.25">
      <c r="A930" s="1">
        <v>43594.583333333336</v>
      </c>
      <c r="B930" s="2">
        <v>26.2</v>
      </c>
      <c r="C930">
        <v>6.5386069999999998</v>
      </c>
      <c r="D930">
        <f t="shared" si="28"/>
        <v>6.5386070000000001E-3</v>
      </c>
      <c r="E930" s="6">
        <f t="shared" si="29"/>
        <v>0.17131150340000001</v>
      </c>
    </row>
    <row r="931" spans="1:5" x14ac:dyDescent="0.25">
      <c r="A931" s="1">
        <v>43594.625</v>
      </c>
      <c r="B931" s="2">
        <v>27.1</v>
      </c>
      <c r="C931">
        <v>6.6547669999999997</v>
      </c>
      <c r="D931">
        <f t="shared" si="28"/>
        <v>6.6547669999999998E-3</v>
      </c>
      <c r="E931" s="6">
        <f t="shared" si="29"/>
        <v>0.18034418569999999</v>
      </c>
    </row>
    <row r="932" spans="1:5" x14ac:dyDescent="0.25">
      <c r="A932" s="1">
        <v>43594.666666666664</v>
      </c>
      <c r="B932" s="2">
        <v>27.27</v>
      </c>
      <c r="C932">
        <v>5.5392049999999999</v>
      </c>
      <c r="D932">
        <f t="shared" si="28"/>
        <v>5.5392050000000002E-3</v>
      </c>
      <c r="E932" s="6">
        <f t="shared" si="29"/>
        <v>0.15105412035000002</v>
      </c>
    </row>
    <row r="933" spans="1:5" x14ac:dyDescent="0.25">
      <c r="A933" s="1">
        <v>43594.708333333336</v>
      </c>
      <c r="B933" s="2">
        <v>27.39</v>
      </c>
      <c r="C933">
        <v>3.162868</v>
      </c>
      <c r="D933">
        <f t="shared" si="28"/>
        <v>3.1628680000000001E-3</v>
      </c>
      <c r="E933" s="6">
        <f t="shared" si="29"/>
        <v>8.6630954520000011E-2</v>
      </c>
    </row>
    <row r="934" spans="1:5" x14ac:dyDescent="0.25">
      <c r="A934" s="1">
        <v>43594.75</v>
      </c>
      <c r="B934" s="2">
        <v>26.14</v>
      </c>
      <c r="C934">
        <v>1.8823859999999999</v>
      </c>
      <c r="D934">
        <f t="shared" si="28"/>
        <v>1.882386E-3</v>
      </c>
      <c r="E934" s="6">
        <f t="shared" si="29"/>
        <v>4.920557004E-2</v>
      </c>
    </row>
    <row r="935" spans="1:5" x14ac:dyDescent="0.25">
      <c r="A935" s="1">
        <v>43594.791666666664</v>
      </c>
      <c r="B935" s="2">
        <v>25.28</v>
      </c>
      <c r="C935">
        <v>0.41026299999999999</v>
      </c>
      <c r="D935">
        <f t="shared" si="28"/>
        <v>4.1026300000000001E-4</v>
      </c>
      <c r="E935" s="6">
        <f t="shared" si="29"/>
        <v>1.0371448640000001E-2</v>
      </c>
    </row>
    <row r="936" spans="1:5" x14ac:dyDescent="0.25">
      <c r="A936" s="1">
        <v>43594.833333333336</v>
      </c>
      <c r="B936" s="2">
        <v>26.84</v>
      </c>
      <c r="C936">
        <v>0</v>
      </c>
      <c r="D936">
        <f t="shared" si="28"/>
        <v>0</v>
      </c>
      <c r="E936" s="6">
        <f t="shared" si="29"/>
        <v>0</v>
      </c>
    </row>
    <row r="937" spans="1:5" x14ac:dyDescent="0.25">
      <c r="A937" s="1">
        <v>43594.875</v>
      </c>
      <c r="B937" s="2">
        <v>25.22</v>
      </c>
      <c r="C937">
        <v>0</v>
      </c>
      <c r="D937">
        <f t="shared" si="28"/>
        <v>0</v>
      </c>
      <c r="E937" s="6">
        <f t="shared" si="29"/>
        <v>0</v>
      </c>
    </row>
    <row r="938" spans="1:5" x14ac:dyDescent="0.25">
      <c r="A938" s="1">
        <v>43594.916666666664</v>
      </c>
      <c r="B938" s="2">
        <v>22.6</v>
      </c>
      <c r="C938">
        <v>0</v>
      </c>
      <c r="D938">
        <f t="shared" si="28"/>
        <v>0</v>
      </c>
      <c r="E938" s="6">
        <f t="shared" si="29"/>
        <v>0</v>
      </c>
    </row>
    <row r="939" spans="1:5" x14ac:dyDescent="0.25">
      <c r="A939" s="1">
        <v>43594.958333333336</v>
      </c>
      <c r="B939" s="2">
        <v>20.87</v>
      </c>
      <c r="C939">
        <v>0</v>
      </c>
      <c r="D939">
        <f t="shared" si="28"/>
        <v>0</v>
      </c>
      <c r="E939" s="6">
        <f t="shared" si="29"/>
        <v>0</v>
      </c>
    </row>
    <row r="940" spans="1:5" x14ac:dyDescent="0.25">
      <c r="A940" s="1">
        <v>43595</v>
      </c>
      <c r="B940" s="2">
        <v>20.73</v>
      </c>
      <c r="C940">
        <v>0</v>
      </c>
      <c r="D940">
        <f t="shared" si="28"/>
        <v>0</v>
      </c>
      <c r="E940" s="6">
        <f t="shared" si="29"/>
        <v>0</v>
      </c>
    </row>
    <row r="941" spans="1:5" x14ac:dyDescent="0.25">
      <c r="A941" s="1">
        <v>43595.041666666664</v>
      </c>
      <c r="B941" s="2">
        <v>20.47</v>
      </c>
      <c r="C941">
        <v>0</v>
      </c>
      <c r="D941">
        <f t="shared" si="28"/>
        <v>0</v>
      </c>
      <c r="E941" s="6">
        <f t="shared" si="29"/>
        <v>0</v>
      </c>
    </row>
    <row r="942" spans="1:5" x14ac:dyDescent="0.25">
      <c r="A942" s="1">
        <v>43595.083333333336</v>
      </c>
      <c r="B942" s="2">
        <v>20.13</v>
      </c>
      <c r="C942">
        <v>0</v>
      </c>
      <c r="D942">
        <f t="shared" si="28"/>
        <v>0</v>
      </c>
      <c r="E942" s="6">
        <f t="shared" si="29"/>
        <v>0</v>
      </c>
    </row>
    <row r="943" spans="1:5" x14ac:dyDescent="0.25">
      <c r="A943" s="1">
        <v>43595.125</v>
      </c>
      <c r="B943" s="2">
        <v>19.97</v>
      </c>
      <c r="C943">
        <v>0</v>
      </c>
      <c r="D943">
        <f t="shared" si="28"/>
        <v>0</v>
      </c>
      <c r="E943" s="6">
        <f t="shared" si="29"/>
        <v>0</v>
      </c>
    </row>
    <row r="944" spans="1:5" x14ac:dyDescent="0.25">
      <c r="A944" s="1">
        <v>43595.166666666664</v>
      </c>
      <c r="B944" s="2">
        <v>20.260000000000002</v>
      </c>
      <c r="C944">
        <v>0</v>
      </c>
      <c r="D944">
        <f t="shared" si="28"/>
        <v>0</v>
      </c>
      <c r="E944" s="6">
        <f t="shared" si="29"/>
        <v>0</v>
      </c>
    </row>
    <row r="945" spans="1:5" x14ac:dyDescent="0.25">
      <c r="A945" s="1">
        <v>43595.208333333336</v>
      </c>
      <c r="B945" s="2">
        <v>21.73</v>
      </c>
      <c r="C945">
        <v>0</v>
      </c>
      <c r="D945">
        <f t="shared" si="28"/>
        <v>0</v>
      </c>
      <c r="E945" s="6">
        <f t="shared" si="29"/>
        <v>0</v>
      </c>
    </row>
    <row r="946" spans="1:5" x14ac:dyDescent="0.25">
      <c r="A946" s="1">
        <v>43595.25</v>
      </c>
      <c r="B946" s="2">
        <v>25.6</v>
      </c>
      <c r="C946">
        <v>0</v>
      </c>
      <c r="D946">
        <f t="shared" si="28"/>
        <v>0</v>
      </c>
      <c r="E946" s="6">
        <f t="shared" si="29"/>
        <v>0</v>
      </c>
    </row>
    <row r="947" spans="1:5" x14ac:dyDescent="0.25">
      <c r="A947" s="1">
        <v>43595.291666666664</v>
      </c>
      <c r="B947" s="2">
        <v>27.51</v>
      </c>
      <c r="C947">
        <v>0.54989599999999994</v>
      </c>
      <c r="D947">
        <f t="shared" si="28"/>
        <v>5.4989599999999991E-4</v>
      </c>
      <c r="E947" s="6">
        <f t="shared" si="29"/>
        <v>1.5127638959999998E-2</v>
      </c>
    </row>
    <row r="948" spans="1:5" x14ac:dyDescent="0.25">
      <c r="A948" s="1">
        <v>43595.333333333336</v>
      </c>
      <c r="B948" s="2">
        <v>27.66</v>
      </c>
      <c r="C948">
        <v>1.732532</v>
      </c>
      <c r="D948">
        <f t="shared" si="28"/>
        <v>1.732532E-3</v>
      </c>
      <c r="E948" s="6">
        <f t="shared" si="29"/>
        <v>4.7921835119999999E-2</v>
      </c>
    </row>
    <row r="949" spans="1:5" x14ac:dyDescent="0.25">
      <c r="A949" s="1">
        <v>43595.375</v>
      </c>
      <c r="B949" s="2">
        <v>28.45</v>
      </c>
      <c r="C949">
        <v>2.3162440000000002</v>
      </c>
      <c r="D949">
        <f t="shared" si="28"/>
        <v>2.3162440000000003E-3</v>
      </c>
      <c r="E949" s="6">
        <f t="shared" si="29"/>
        <v>6.5897141800000003E-2</v>
      </c>
    </row>
    <row r="950" spans="1:5" x14ac:dyDescent="0.25">
      <c r="A950" s="1">
        <v>43595.416666666664</v>
      </c>
      <c r="B950" s="2">
        <v>30.26</v>
      </c>
      <c r="C950">
        <v>1.4015909999999998</v>
      </c>
      <c r="D950">
        <f t="shared" si="28"/>
        <v>1.4015909999999998E-3</v>
      </c>
      <c r="E950" s="6">
        <f t="shared" si="29"/>
        <v>4.2412143659999998E-2</v>
      </c>
    </row>
    <row r="951" spans="1:5" x14ac:dyDescent="0.25">
      <c r="A951" s="1">
        <v>43595.458333333336</v>
      </c>
      <c r="B951" s="2">
        <v>30.19</v>
      </c>
      <c r="C951">
        <v>1.726097</v>
      </c>
      <c r="D951">
        <f t="shared" si="28"/>
        <v>1.726097E-3</v>
      </c>
      <c r="E951" s="6">
        <f t="shared" si="29"/>
        <v>5.2110868430000006E-2</v>
      </c>
    </row>
    <row r="952" spans="1:5" x14ac:dyDescent="0.25">
      <c r="A952" s="1">
        <v>43595.5</v>
      </c>
      <c r="B952" s="2">
        <v>30.24</v>
      </c>
      <c r="C952">
        <v>5.3927650000000007</v>
      </c>
      <c r="D952">
        <f t="shared" si="28"/>
        <v>5.3927650000000008E-3</v>
      </c>
      <c r="E952" s="6">
        <f t="shared" si="29"/>
        <v>0.16307721360000002</v>
      </c>
    </row>
    <row r="953" spans="1:5" x14ac:dyDescent="0.25">
      <c r="A953" s="1">
        <v>43595.541666666664</v>
      </c>
      <c r="B953" s="2">
        <v>30.48</v>
      </c>
      <c r="C953">
        <v>3.6209259999999999</v>
      </c>
      <c r="D953">
        <f t="shared" si="28"/>
        <v>3.620926E-3</v>
      </c>
      <c r="E953" s="6">
        <f t="shared" si="29"/>
        <v>0.11036582448</v>
      </c>
    </row>
    <row r="954" spans="1:5" x14ac:dyDescent="0.25">
      <c r="A954" s="1">
        <v>43595.583333333336</v>
      </c>
      <c r="B954" s="2">
        <v>30.66</v>
      </c>
      <c r="C954">
        <v>6.3238659999999998</v>
      </c>
      <c r="D954">
        <f t="shared" si="28"/>
        <v>6.323866E-3</v>
      </c>
      <c r="E954" s="6">
        <f t="shared" si="29"/>
        <v>0.19388973156</v>
      </c>
    </row>
    <row r="955" spans="1:5" x14ac:dyDescent="0.25">
      <c r="A955" s="1">
        <v>43595.625</v>
      </c>
      <c r="B955" s="2">
        <v>30.77</v>
      </c>
      <c r="C955">
        <v>3.245485</v>
      </c>
      <c r="D955">
        <f t="shared" si="28"/>
        <v>3.2454849999999998E-3</v>
      </c>
      <c r="E955" s="6">
        <f t="shared" si="29"/>
        <v>9.9863573449999993E-2</v>
      </c>
    </row>
    <row r="956" spans="1:5" x14ac:dyDescent="0.25">
      <c r="A956" s="1">
        <v>43595.666666666664</v>
      </c>
      <c r="B956" s="2">
        <v>30.06</v>
      </c>
      <c r="C956">
        <v>4.2796850000000006</v>
      </c>
      <c r="D956">
        <f t="shared" si="28"/>
        <v>4.279685000000001E-3</v>
      </c>
      <c r="E956" s="6">
        <f t="shared" si="29"/>
        <v>0.12864733110000001</v>
      </c>
    </row>
    <row r="957" spans="1:5" x14ac:dyDescent="0.25">
      <c r="A957" s="1">
        <v>43595.708333333336</v>
      </c>
      <c r="B957" s="2">
        <v>30.59</v>
      </c>
      <c r="C957">
        <v>2.3883969999999999</v>
      </c>
      <c r="D957">
        <f t="shared" si="28"/>
        <v>2.388397E-3</v>
      </c>
      <c r="E957" s="6">
        <f t="shared" si="29"/>
        <v>7.306106423E-2</v>
      </c>
    </row>
    <row r="958" spans="1:5" x14ac:dyDescent="0.25">
      <c r="A958" s="1">
        <v>43595.75</v>
      </c>
      <c r="B958" s="2">
        <v>30.03</v>
      </c>
      <c r="C958">
        <v>1.9904190000000002</v>
      </c>
      <c r="D958">
        <f t="shared" si="28"/>
        <v>1.9904190000000002E-3</v>
      </c>
      <c r="E958" s="6">
        <f t="shared" si="29"/>
        <v>5.9772282570000008E-2</v>
      </c>
    </row>
    <row r="959" spans="1:5" x14ac:dyDescent="0.25">
      <c r="A959" s="1">
        <v>43595.791666666664</v>
      </c>
      <c r="B959" s="2">
        <v>27.83</v>
      </c>
      <c r="C959">
        <v>0.32548300000000002</v>
      </c>
      <c r="D959">
        <f t="shared" si="28"/>
        <v>3.25483E-4</v>
      </c>
      <c r="E959" s="6">
        <f t="shared" si="29"/>
        <v>9.0581918899999992E-3</v>
      </c>
    </row>
    <row r="960" spans="1:5" x14ac:dyDescent="0.25">
      <c r="A960" s="1">
        <v>43595.833333333336</v>
      </c>
      <c r="B960" s="2">
        <v>29.46</v>
      </c>
      <c r="C960">
        <v>0</v>
      </c>
      <c r="D960">
        <f t="shared" si="28"/>
        <v>0</v>
      </c>
      <c r="E960" s="6">
        <f t="shared" si="29"/>
        <v>0</v>
      </c>
    </row>
    <row r="961" spans="1:5" x14ac:dyDescent="0.25">
      <c r="A961" s="1">
        <v>43595.875</v>
      </c>
      <c r="B961" s="2">
        <v>27.65</v>
      </c>
      <c r="C961">
        <v>0</v>
      </c>
      <c r="D961">
        <f t="shared" si="28"/>
        <v>0</v>
      </c>
      <c r="E961" s="6">
        <f t="shared" si="29"/>
        <v>0</v>
      </c>
    </row>
    <row r="962" spans="1:5" x14ac:dyDescent="0.25">
      <c r="A962" s="1">
        <v>43595.916666666664</v>
      </c>
      <c r="B962" s="2">
        <v>24.32</v>
      </c>
      <c r="C962">
        <v>0</v>
      </c>
      <c r="D962">
        <f t="shared" si="28"/>
        <v>0</v>
      </c>
      <c r="E962" s="6">
        <f t="shared" si="29"/>
        <v>0</v>
      </c>
    </row>
    <row r="963" spans="1:5" x14ac:dyDescent="0.25">
      <c r="A963" s="1">
        <v>43595.958333333336</v>
      </c>
      <c r="B963" s="2">
        <v>22.76</v>
      </c>
      <c r="C963">
        <v>0</v>
      </c>
      <c r="D963">
        <f t="shared" si="28"/>
        <v>0</v>
      </c>
      <c r="E963" s="6">
        <f t="shared" si="29"/>
        <v>0</v>
      </c>
    </row>
    <row r="964" spans="1:5" x14ac:dyDescent="0.25">
      <c r="A964" s="1">
        <v>43596</v>
      </c>
      <c r="B964" s="2">
        <v>21.2</v>
      </c>
      <c r="C964">
        <v>0</v>
      </c>
      <c r="D964">
        <f t="shared" si="28"/>
        <v>0</v>
      </c>
      <c r="E964" s="6">
        <f t="shared" si="29"/>
        <v>0</v>
      </c>
    </row>
    <row r="965" spans="1:5" x14ac:dyDescent="0.25">
      <c r="A965" s="1">
        <v>43596.041666666664</v>
      </c>
      <c r="B965" s="2">
        <v>20.05</v>
      </c>
      <c r="C965">
        <v>0</v>
      </c>
      <c r="D965">
        <f t="shared" si="28"/>
        <v>0</v>
      </c>
      <c r="E965" s="6">
        <f t="shared" si="29"/>
        <v>0</v>
      </c>
    </row>
    <row r="966" spans="1:5" x14ac:dyDescent="0.25">
      <c r="A966" s="1">
        <v>43596.083333333336</v>
      </c>
      <c r="B966" s="2">
        <v>19.97</v>
      </c>
      <c r="C966">
        <v>0</v>
      </c>
      <c r="D966">
        <f t="shared" ref="D966:D1029" si="30">C966/1000</f>
        <v>0</v>
      </c>
      <c r="E966" s="6">
        <f t="shared" ref="E966:E1029" si="31">D966*B966</f>
        <v>0</v>
      </c>
    </row>
    <row r="967" spans="1:5" x14ac:dyDescent="0.25">
      <c r="A967" s="1">
        <v>43596.125</v>
      </c>
      <c r="B967" s="2">
        <v>19.64</v>
      </c>
      <c r="C967">
        <v>0</v>
      </c>
      <c r="D967">
        <f t="shared" si="30"/>
        <v>0</v>
      </c>
      <c r="E967" s="6">
        <f t="shared" si="31"/>
        <v>0</v>
      </c>
    </row>
    <row r="968" spans="1:5" x14ac:dyDescent="0.25">
      <c r="A968" s="1">
        <v>43596.166666666664</v>
      </c>
      <c r="B968" s="2">
        <v>19.97</v>
      </c>
      <c r="C968">
        <v>0</v>
      </c>
      <c r="D968">
        <f t="shared" si="30"/>
        <v>0</v>
      </c>
      <c r="E968" s="6">
        <f t="shared" si="31"/>
        <v>0</v>
      </c>
    </row>
    <row r="969" spans="1:5" x14ac:dyDescent="0.25">
      <c r="A969" s="1">
        <v>43596.208333333336</v>
      </c>
      <c r="B969" s="2">
        <v>19.77</v>
      </c>
      <c r="C969">
        <v>0</v>
      </c>
      <c r="D969">
        <f t="shared" si="30"/>
        <v>0</v>
      </c>
      <c r="E969" s="6">
        <f t="shared" si="31"/>
        <v>0</v>
      </c>
    </row>
    <row r="970" spans="1:5" x14ac:dyDescent="0.25">
      <c r="A970" s="1">
        <v>43596.25</v>
      </c>
      <c r="B970" s="2">
        <v>20.22</v>
      </c>
      <c r="C970">
        <v>0</v>
      </c>
      <c r="D970">
        <f t="shared" si="30"/>
        <v>0</v>
      </c>
      <c r="E970" s="6">
        <f t="shared" si="31"/>
        <v>0</v>
      </c>
    </row>
    <row r="971" spans="1:5" x14ac:dyDescent="0.25">
      <c r="A971" s="1">
        <v>43596.291666666664</v>
      </c>
      <c r="B971" s="2">
        <v>21.83</v>
      </c>
      <c r="C971">
        <v>9.528E-3</v>
      </c>
      <c r="D971">
        <f t="shared" si="30"/>
        <v>9.5279999999999992E-6</v>
      </c>
      <c r="E971" s="6">
        <f t="shared" si="31"/>
        <v>2.0799623999999997E-4</v>
      </c>
    </row>
    <row r="972" spans="1:5" x14ac:dyDescent="0.25">
      <c r="A972" s="1">
        <v>43596.333333333336</v>
      </c>
      <c r="B972" s="2">
        <v>23.39</v>
      </c>
      <c r="C972">
        <v>0.33513199999999999</v>
      </c>
      <c r="D972">
        <f t="shared" si="30"/>
        <v>3.3513199999999998E-4</v>
      </c>
      <c r="E972" s="6">
        <f t="shared" si="31"/>
        <v>7.83873748E-3</v>
      </c>
    </row>
    <row r="973" spans="1:5" x14ac:dyDescent="0.25">
      <c r="A973" s="1">
        <v>43596.375</v>
      </c>
      <c r="B973" s="2">
        <v>24.91</v>
      </c>
      <c r="C973">
        <v>3.3850210000000001</v>
      </c>
      <c r="D973">
        <f t="shared" si="30"/>
        <v>3.3850210000000002E-3</v>
      </c>
      <c r="E973" s="6">
        <f t="shared" si="31"/>
        <v>8.432087311E-2</v>
      </c>
    </row>
    <row r="974" spans="1:5" x14ac:dyDescent="0.25">
      <c r="A974" s="1">
        <v>43596.416666666664</v>
      </c>
      <c r="B974" s="2">
        <v>25.22</v>
      </c>
      <c r="C974">
        <v>2.2517010000000002</v>
      </c>
      <c r="D974">
        <f t="shared" si="30"/>
        <v>2.251701E-3</v>
      </c>
      <c r="E974" s="6">
        <f t="shared" si="31"/>
        <v>5.678789922E-2</v>
      </c>
    </row>
    <row r="975" spans="1:5" x14ac:dyDescent="0.25">
      <c r="A975" s="1">
        <v>43596.458333333336</v>
      </c>
      <c r="B975" s="2">
        <v>25.07</v>
      </c>
      <c r="C975">
        <v>1.3418979999999998</v>
      </c>
      <c r="D975">
        <f t="shared" si="30"/>
        <v>1.3418979999999998E-3</v>
      </c>
      <c r="E975" s="6">
        <f t="shared" si="31"/>
        <v>3.3641382859999992E-2</v>
      </c>
    </row>
    <row r="976" spans="1:5" x14ac:dyDescent="0.25">
      <c r="A976" s="1">
        <v>43596.5</v>
      </c>
      <c r="B976" s="2">
        <v>23.91</v>
      </c>
      <c r="C976">
        <v>0.66589700000000007</v>
      </c>
      <c r="D976">
        <f t="shared" si="30"/>
        <v>6.6589700000000004E-4</v>
      </c>
      <c r="E976" s="6">
        <f t="shared" si="31"/>
        <v>1.5921597270000001E-2</v>
      </c>
    </row>
    <row r="977" spans="1:5" x14ac:dyDescent="0.25">
      <c r="A977" s="1">
        <v>43596.541666666664</v>
      </c>
      <c r="B977" s="2">
        <v>23.56</v>
      </c>
      <c r="C977">
        <v>1.271245</v>
      </c>
      <c r="D977">
        <f t="shared" si="30"/>
        <v>1.2712450000000001E-3</v>
      </c>
      <c r="E977" s="6">
        <f t="shared" si="31"/>
        <v>2.9950532200000001E-2</v>
      </c>
    </row>
    <row r="978" spans="1:5" x14ac:dyDescent="0.25">
      <c r="A978" s="1">
        <v>43596.583333333336</v>
      </c>
      <c r="B978" s="2">
        <v>23.2</v>
      </c>
      <c r="C978">
        <v>0.79314399999999996</v>
      </c>
      <c r="D978">
        <f t="shared" si="30"/>
        <v>7.9314399999999997E-4</v>
      </c>
      <c r="E978" s="6">
        <f t="shared" si="31"/>
        <v>1.8400940799999998E-2</v>
      </c>
    </row>
    <row r="979" spans="1:5" x14ac:dyDescent="0.25">
      <c r="A979" s="1">
        <v>43596.625</v>
      </c>
      <c r="B979" s="2">
        <v>23.02</v>
      </c>
      <c r="C979">
        <v>7.2280579999999999</v>
      </c>
      <c r="D979">
        <f t="shared" si="30"/>
        <v>7.2280579999999999E-3</v>
      </c>
      <c r="E979" s="6">
        <f t="shared" si="31"/>
        <v>0.16638989516</v>
      </c>
    </row>
    <row r="980" spans="1:5" x14ac:dyDescent="0.25">
      <c r="A980" s="1">
        <v>43596.666666666664</v>
      </c>
      <c r="B980" s="2">
        <v>22.92</v>
      </c>
      <c r="C980">
        <v>3.810778</v>
      </c>
      <c r="D980">
        <f t="shared" si="30"/>
        <v>3.8107779999999999E-3</v>
      </c>
      <c r="E980" s="6">
        <f t="shared" si="31"/>
        <v>8.7343031760000009E-2</v>
      </c>
    </row>
    <row r="981" spans="1:5" x14ac:dyDescent="0.25">
      <c r="A981" s="1">
        <v>43596.708333333336</v>
      </c>
      <c r="B981" s="2">
        <v>22.99</v>
      </c>
      <c r="C981">
        <v>2.7836129999999999</v>
      </c>
      <c r="D981">
        <f t="shared" si="30"/>
        <v>2.7836129999999999E-3</v>
      </c>
      <c r="E981" s="6">
        <f t="shared" si="31"/>
        <v>6.399526287E-2</v>
      </c>
    </row>
    <row r="982" spans="1:5" x14ac:dyDescent="0.25">
      <c r="A982" s="1">
        <v>43596.75</v>
      </c>
      <c r="B982" s="2">
        <v>22.72</v>
      </c>
      <c r="C982">
        <v>1.050584</v>
      </c>
      <c r="D982">
        <f t="shared" si="30"/>
        <v>1.050584E-3</v>
      </c>
      <c r="E982" s="6">
        <f t="shared" si="31"/>
        <v>2.3869268480000001E-2</v>
      </c>
    </row>
    <row r="983" spans="1:5" x14ac:dyDescent="0.25">
      <c r="A983" s="1">
        <v>43596.791666666664</v>
      </c>
      <c r="B983" s="2">
        <v>22.79</v>
      </c>
      <c r="C983">
        <v>0.49242799999999998</v>
      </c>
      <c r="D983">
        <f t="shared" si="30"/>
        <v>4.9242799999999994E-4</v>
      </c>
      <c r="E983" s="6">
        <f t="shared" si="31"/>
        <v>1.1222434119999998E-2</v>
      </c>
    </row>
    <row r="984" spans="1:5" x14ac:dyDescent="0.25">
      <c r="A984" s="1">
        <v>43596.833333333336</v>
      </c>
      <c r="B984" s="2">
        <v>24.46</v>
      </c>
      <c r="C984">
        <v>0</v>
      </c>
      <c r="D984">
        <f t="shared" si="30"/>
        <v>0</v>
      </c>
      <c r="E984" s="6">
        <f t="shared" si="31"/>
        <v>0</v>
      </c>
    </row>
    <row r="985" spans="1:5" x14ac:dyDescent="0.25">
      <c r="A985" s="1">
        <v>43596.875</v>
      </c>
      <c r="B985" s="2">
        <v>23.89</v>
      </c>
      <c r="C985">
        <v>0</v>
      </c>
      <c r="D985">
        <f t="shared" si="30"/>
        <v>0</v>
      </c>
      <c r="E985" s="6">
        <f t="shared" si="31"/>
        <v>0</v>
      </c>
    </row>
    <row r="986" spans="1:5" x14ac:dyDescent="0.25">
      <c r="A986" s="1">
        <v>43596.916666666664</v>
      </c>
      <c r="B986" s="2">
        <v>22.03</v>
      </c>
      <c r="C986">
        <v>0</v>
      </c>
      <c r="D986">
        <f t="shared" si="30"/>
        <v>0</v>
      </c>
      <c r="E986" s="6">
        <f t="shared" si="31"/>
        <v>0</v>
      </c>
    </row>
    <row r="987" spans="1:5" x14ac:dyDescent="0.25">
      <c r="A987" s="1">
        <v>43596.958333333336</v>
      </c>
      <c r="B987" s="2">
        <v>20.37</v>
      </c>
      <c r="C987">
        <v>0</v>
      </c>
      <c r="D987">
        <f t="shared" si="30"/>
        <v>0</v>
      </c>
      <c r="E987" s="6">
        <f t="shared" si="31"/>
        <v>0</v>
      </c>
    </row>
    <row r="988" spans="1:5" x14ac:dyDescent="0.25">
      <c r="A988" s="1">
        <v>43597</v>
      </c>
      <c r="B988" s="2">
        <v>19.82</v>
      </c>
      <c r="C988">
        <v>0</v>
      </c>
      <c r="D988">
        <f t="shared" si="30"/>
        <v>0</v>
      </c>
      <c r="E988" s="6">
        <f t="shared" si="31"/>
        <v>0</v>
      </c>
    </row>
    <row r="989" spans="1:5" x14ac:dyDescent="0.25">
      <c r="A989" s="1">
        <v>43597.041666666664</v>
      </c>
      <c r="B989" s="2">
        <v>19.440000000000001</v>
      </c>
      <c r="C989">
        <v>0</v>
      </c>
      <c r="D989">
        <f t="shared" si="30"/>
        <v>0</v>
      </c>
      <c r="E989" s="6">
        <f t="shared" si="31"/>
        <v>0</v>
      </c>
    </row>
    <row r="990" spans="1:5" x14ac:dyDescent="0.25">
      <c r="A990" s="1">
        <v>43597.083333333336</v>
      </c>
      <c r="B990" s="2">
        <v>19.14</v>
      </c>
      <c r="C990">
        <v>0</v>
      </c>
      <c r="D990">
        <f t="shared" si="30"/>
        <v>0</v>
      </c>
      <c r="E990" s="6">
        <f t="shared" si="31"/>
        <v>0</v>
      </c>
    </row>
    <row r="991" spans="1:5" x14ac:dyDescent="0.25">
      <c r="A991" s="1">
        <v>43597.125</v>
      </c>
      <c r="B991" s="2">
        <v>18.98</v>
      </c>
      <c r="C991">
        <v>0</v>
      </c>
      <c r="D991">
        <f t="shared" si="30"/>
        <v>0</v>
      </c>
      <c r="E991" s="6">
        <f t="shared" si="31"/>
        <v>0</v>
      </c>
    </row>
    <row r="992" spans="1:5" x14ac:dyDescent="0.25">
      <c r="A992" s="1">
        <v>43597.166666666664</v>
      </c>
      <c r="B992" s="2">
        <v>18.91</v>
      </c>
      <c r="C992">
        <v>0</v>
      </c>
      <c r="D992">
        <f t="shared" si="30"/>
        <v>0</v>
      </c>
      <c r="E992" s="6">
        <f t="shared" si="31"/>
        <v>0</v>
      </c>
    </row>
    <row r="993" spans="1:5" x14ac:dyDescent="0.25">
      <c r="A993" s="1">
        <v>43597.208333333336</v>
      </c>
      <c r="B993" s="2">
        <v>18.850000000000001</v>
      </c>
      <c r="C993">
        <v>0</v>
      </c>
      <c r="D993">
        <f t="shared" si="30"/>
        <v>0</v>
      </c>
      <c r="E993" s="6">
        <f t="shared" si="31"/>
        <v>0</v>
      </c>
    </row>
    <row r="994" spans="1:5" x14ac:dyDescent="0.25">
      <c r="A994" s="1">
        <v>43597.25</v>
      </c>
      <c r="B994" s="2">
        <v>18.68</v>
      </c>
      <c r="C994">
        <v>0</v>
      </c>
      <c r="D994">
        <f t="shared" si="30"/>
        <v>0</v>
      </c>
      <c r="E994" s="6">
        <f t="shared" si="31"/>
        <v>0</v>
      </c>
    </row>
    <row r="995" spans="1:5" x14ac:dyDescent="0.25">
      <c r="A995" s="1">
        <v>43597.291666666664</v>
      </c>
      <c r="B995" s="2">
        <v>19.47</v>
      </c>
      <c r="C995">
        <v>0.36216899999999996</v>
      </c>
      <c r="D995">
        <f t="shared" si="30"/>
        <v>3.6216899999999997E-4</v>
      </c>
      <c r="E995" s="6">
        <f t="shared" si="31"/>
        <v>7.0514304299999992E-3</v>
      </c>
    </row>
    <row r="996" spans="1:5" x14ac:dyDescent="0.25">
      <c r="A996" s="1">
        <v>43597.333333333336</v>
      </c>
      <c r="B996" s="2">
        <v>20.94</v>
      </c>
      <c r="C996">
        <v>0.45075700000000002</v>
      </c>
      <c r="D996">
        <f t="shared" si="30"/>
        <v>4.5075700000000003E-4</v>
      </c>
      <c r="E996" s="6">
        <f t="shared" si="31"/>
        <v>9.438851580000001E-3</v>
      </c>
    </row>
    <row r="997" spans="1:5" x14ac:dyDescent="0.25">
      <c r="A997" s="1">
        <v>43597.375</v>
      </c>
      <c r="B997" s="2">
        <v>22.17</v>
      </c>
      <c r="C997">
        <v>1.203155</v>
      </c>
      <c r="D997">
        <f t="shared" si="30"/>
        <v>1.203155E-3</v>
      </c>
      <c r="E997" s="6">
        <f t="shared" si="31"/>
        <v>2.6673946350000002E-2</v>
      </c>
    </row>
    <row r="998" spans="1:5" x14ac:dyDescent="0.25">
      <c r="A998" s="1">
        <v>43597.416666666664</v>
      </c>
      <c r="B998" s="2">
        <v>23.15</v>
      </c>
      <c r="C998">
        <v>1.2116310000000001</v>
      </c>
      <c r="D998">
        <f t="shared" si="30"/>
        <v>1.2116310000000001E-3</v>
      </c>
      <c r="E998" s="6">
        <f t="shared" si="31"/>
        <v>2.8049257650000003E-2</v>
      </c>
    </row>
    <row r="999" spans="1:5" x14ac:dyDescent="0.25">
      <c r="A999" s="1">
        <v>43597.458333333336</v>
      </c>
      <c r="B999" s="2">
        <v>23.23</v>
      </c>
      <c r="C999">
        <v>0.78345600000000004</v>
      </c>
      <c r="D999">
        <f t="shared" si="30"/>
        <v>7.8345600000000008E-4</v>
      </c>
      <c r="E999" s="6">
        <f t="shared" si="31"/>
        <v>1.8199682880000002E-2</v>
      </c>
    </row>
    <row r="1000" spans="1:5" x14ac:dyDescent="0.25">
      <c r="A1000" s="1">
        <v>43597.5</v>
      </c>
      <c r="B1000" s="2">
        <v>23.05</v>
      </c>
      <c r="C1000">
        <v>2.5897049999999999</v>
      </c>
      <c r="D1000">
        <f t="shared" si="30"/>
        <v>2.5897049999999999E-3</v>
      </c>
      <c r="E1000" s="6">
        <f t="shared" si="31"/>
        <v>5.9692700250000001E-2</v>
      </c>
    </row>
    <row r="1001" spans="1:5" x14ac:dyDescent="0.25">
      <c r="A1001" s="1">
        <v>43597.541666666664</v>
      </c>
      <c r="B1001" s="2">
        <v>22.91</v>
      </c>
      <c r="C1001">
        <v>1.236327</v>
      </c>
      <c r="D1001">
        <f t="shared" si="30"/>
        <v>1.236327E-3</v>
      </c>
      <c r="E1001" s="6">
        <f t="shared" si="31"/>
        <v>2.832425157E-2</v>
      </c>
    </row>
    <row r="1002" spans="1:5" x14ac:dyDescent="0.25">
      <c r="A1002" s="1">
        <v>43597.583333333336</v>
      </c>
      <c r="B1002" s="2">
        <v>22.56</v>
      </c>
      <c r="C1002">
        <v>2.444096</v>
      </c>
      <c r="D1002">
        <f t="shared" si="30"/>
        <v>2.4440960000000002E-3</v>
      </c>
      <c r="E1002" s="6">
        <f t="shared" si="31"/>
        <v>5.513880576E-2</v>
      </c>
    </row>
    <row r="1003" spans="1:5" x14ac:dyDescent="0.25">
      <c r="A1003" s="1">
        <v>43597.625</v>
      </c>
      <c r="B1003" s="2">
        <v>22.57</v>
      </c>
      <c r="C1003">
        <v>3.8289770000000001</v>
      </c>
      <c r="D1003">
        <f t="shared" si="30"/>
        <v>3.8289769999999999E-3</v>
      </c>
      <c r="E1003" s="6">
        <f t="shared" si="31"/>
        <v>8.6420010889999996E-2</v>
      </c>
    </row>
    <row r="1004" spans="1:5" x14ac:dyDescent="0.25">
      <c r="A1004" s="1">
        <v>43597.666666666664</v>
      </c>
      <c r="B1004" s="2">
        <v>23.07</v>
      </c>
      <c r="C1004">
        <v>0.99528300000000003</v>
      </c>
      <c r="D1004">
        <f t="shared" si="30"/>
        <v>9.9528300000000002E-4</v>
      </c>
      <c r="E1004" s="6">
        <f t="shared" si="31"/>
        <v>2.296117881E-2</v>
      </c>
    </row>
    <row r="1005" spans="1:5" x14ac:dyDescent="0.25">
      <c r="A1005" s="1">
        <v>43597.708333333336</v>
      </c>
      <c r="B1005" s="2">
        <v>24.02</v>
      </c>
      <c r="C1005">
        <v>1.834179</v>
      </c>
      <c r="D1005">
        <f t="shared" si="30"/>
        <v>1.834179E-3</v>
      </c>
      <c r="E1005" s="6">
        <f t="shared" si="31"/>
        <v>4.4056979580000002E-2</v>
      </c>
    </row>
    <row r="1006" spans="1:5" x14ac:dyDescent="0.25">
      <c r="A1006" s="1">
        <v>43597.75</v>
      </c>
      <c r="B1006" s="2">
        <v>23.93</v>
      </c>
      <c r="C1006">
        <v>0.73712300000000008</v>
      </c>
      <c r="D1006">
        <f t="shared" si="30"/>
        <v>7.3712300000000012E-4</v>
      </c>
      <c r="E1006" s="6">
        <f t="shared" si="31"/>
        <v>1.7639353390000001E-2</v>
      </c>
    </row>
    <row r="1007" spans="1:5" x14ac:dyDescent="0.25">
      <c r="A1007" s="1">
        <v>43597.791666666664</v>
      </c>
      <c r="B1007" s="2">
        <v>24.7</v>
      </c>
      <c r="C1007">
        <v>0.20866999999999999</v>
      </c>
      <c r="D1007">
        <f t="shared" si="30"/>
        <v>2.0866999999999999E-4</v>
      </c>
      <c r="E1007" s="6">
        <f t="shared" si="31"/>
        <v>5.1541489999999994E-3</v>
      </c>
    </row>
    <row r="1008" spans="1:5" x14ac:dyDescent="0.25">
      <c r="A1008" s="1">
        <v>43597.833333333336</v>
      </c>
      <c r="B1008" s="2">
        <v>26.29</v>
      </c>
      <c r="C1008">
        <v>0</v>
      </c>
      <c r="D1008">
        <f t="shared" si="30"/>
        <v>0</v>
      </c>
      <c r="E1008" s="6">
        <f t="shared" si="31"/>
        <v>0</v>
      </c>
    </row>
    <row r="1009" spans="1:5" x14ac:dyDescent="0.25">
      <c r="A1009" s="1">
        <v>43597.875</v>
      </c>
      <c r="B1009" s="2">
        <v>26.33</v>
      </c>
      <c r="C1009">
        <v>0</v>
      </c>
      <c r="D1009">
        <f t="shared" si="30"/>
        <v>0</v>
      </c>
      <c r="E1009" s="6">
        <f t="shared" si="31"/>
        <v>0</v>
      </c>
    </row>
    <row r="1010" spans="1:5" x14ac:dyDescent="0.25">
      <c r="A1010" s="1">
        <v>43597.916666666664</v>
      </c>
      <c r="B1010" s="2">
        <v>21.86</v>
      </c>
      <c r="C1010">
        <v>0</v>
      </c>
      <c r="D1010">
        <f t="shared" si="30"/>
        <v>0</v>
      </c>
      <c r="E1010" s="6">
        <f t="shared" si="31"/>
        <v>0</v>
      </c>
    </row>
    <row r="1011" spans="1:5" x14ac:dyDescent="0.25">
      <c r="A1011" s="1">
        <v>43597.958333333336</v>
      </c>
      <c r="B1011" s="2">
        <v>20.2</v>
      </c>
      <c r="C1011">
        <v>0</v>
      </c>
      <c r="D1011">
        <f t="shared" si="30"/>
        <v>0</v>
      </c>
      <c r="E1011" s="6">
        <f t="shared" si="31"/>
        <v>0</v>
      </c>
    </row>
    <row r="1012" spans="1:5" x14ac:dyDescent="0.25">
      <c r="A1012" s="1">
        <v>43598</v>
      </c>
      <c r="B1012" s="2">
        <v>18.8</v>
      </c>
      <c r="C1012">
        <v>0</v>
      </c>
      <c r="D1012">
        <f t="shared" si="30"/>
        <v>0</v>
      </c>
      <c r="E1012" s="6">
        <f t="shared" si="31"/>
        <v>0</v>
      </c>
    </row>
    <row r="1013" spans="1:5" x14ac:dyDescent="0.25">
      <c r="A1013" s="1">
        <v>43598.041666666664</v>
      </c>
      <c r="B1013" s="2">
        <v>18.73</v>
      </c>
      <c r="C1013">
        <v>0</v>
      </c>
      <c r="D1013">
        <f t="shared" si="30"/>
        <v>0</v>
      </c>
      <c r="E1013" s="6">
        <f t="shared" si="31"/>
        <v>0</v>
      </c>
    </row>
    <row r="1014" spans="1:5" x14ac:dyDescent="0.25">
      <c r="A1014" s="1">
        <v>43598.083333333336</v>
      </c>
      <c r="B1014" s="2">
        <v>18.420000000000002</v>
      </c>
      <c r="C1014">
        <v>0</v>
      </c>
      <c r="D1014">
        <f t="shared" si="30"/>
        <v>0</v>
      </c>
      <c r="E1014" s="6">
        <f t="shared" si="31"/>
        <v>0</v>
      </c>
    </row>
    <row r="1015" spans="1:5" x14ac:dyDescent="0.25">
      <c r="A1015" s="1">
        <v>43598.125</v>
      </c>
      <c r="B1015" s="2">
        <v>18.420000000000002</v>
      </c>
      <c r="C1015">
        <v>0</v>
      </c>
      <c r="D1015">
        <f t="shared" si="30"/>
        <v>0</v>
      </c>
      <c r="E1015" s="6">
        <f t="shared" si="31"/>
        <v>0</v>
      </c>
    </row>
    <row r="1016" spans="1:5" x14ac:dyDescent="0.25">
      <c r="A1016" s="1">
        <v>43598.166666666664</v>
      </c>
      <c r="B1016" s="2">
        <v>18.72</v>
      </c>
      <c r="C1016">
        <v>0</v>
      </c>
      <c r="D1016">
        <f t="shared" si="30"/>
        <v>0</v>
      </c>
      <c r="E1016" s="6">
        <f t="shared" si="31"/>
        <v>0</v>
      </c>
    </row>
    <row r="1017" spans="1:5" x14ac:dyDescent="0.25">
      <c r="A1017" s="1">
        <v>43598.208333333336</v>
      </c>
      <c r="B1017" s="2">
        <v>20.05</v>
      </c>
      <c r="C1017">
        <v>0</v>
      </c>
      <c r="D1017">
        <f t="shared" si="30"/>
        <v>0</v>
      </c>
      <c r="E1017" s="6">
        <f t="shared" si="31"/>
        <v>0</v>
      </c>
    </row>
    <row r="1018" spans="1:5" x14ac:dyDescent="0.25">
      <c r="A1018" s="1">
        <v>43598.25</v>
      </c>
      <c r="B1018" s="2">
        <v>24.68</v>
      </c>
      <c r="C1018">
        <v>0</v>
      </c>
      <c r="D1018">
        <f t="shared" si="30"/>
        <v>0</v>
      </c>
      <c r="E1018" s="6">
        <f t="shared" si="31"/>
        <v>0</v>
      </c>
    </row>
    <row r="1019" spans="1:5" x14ac:dyDescent="0.25">
      <c r="A1019" s="1">
        <v>43598.291666666664</v>
      </c>
      <c r="B1019" s="2">
        <v>26.61</v>
      </c>
      <c r="C1019">
        <v>0.43834500000000004</v>
      </c>
      <c r="D1019">
        <f t="shared" si="30"/>
        <v>4.3834500000000003E-4</v>
      </c>
      <c r="E1019" s="6">
        <f t="shared" si="31"/>
        <v>1.1664360450000001E-2</v>
      </c>
    </row>
    <row r="1020" spans="1:5" x14ac:dyDescent="0.25">
      <c r="A1020" s="1">
        <v>43598.333333333336</v>
      </c>
      <c r="B1020" s="2">
        <v>27.64</v>
      </c>
      <c r="C1020">
        <v>1.099146</v>
      </c>
      <c r="D1020">
        <f t="shared" si="30"/>
        <v>1.0991460000000001E-3</v>
      </c>
      <c r="E1020" s="6">
        <f t="shared" si="31"/>
        <v>3.0380395440000003E-2</v>
      </c>
    </row>
    <row r="1021" spans="1:5" x14ac:dyDescent="0.25">
      <c r="A1021" s="1">
        <v>43598.375</v>
      </c>
      <c r="B1021" s="2">
        <v>27.93</v>
      </c>
      <c r="C1021">
        <v>4.4761180000000005</v>
      </c>
      <c r="D1021">
        <f t="shared" si="30"/>
        <v>4.4761180000000003E-3</v>
      </c>
      <c r="E1021" s="6">
        <f t="shared" si="31"/>
        <v>0.12501797574000001</v>
      </c>
    </row>
    <row r="1022" spans="1:5" x14ac:dyDescent="0.25">
      <c r="A1022" s="1">
        <v>43598.416666666664</v>
      </c>
      <c r="B1022" s="2">
        <v>28.15</v>
      </c>
      <c r="C1022">
        <v>5.1471999999999998</v>
      </c>
      <c r="D1022">
        <f t="shared" si="30"/>
        <v>5.1471999999999993E-3</v>
      </c>
      <c r="E1022" s="6">
        <f t="shared" si="31"/>
        <v>0.14489367999999997</v>
      </c>
    </row>
    <row r="1023" spans="1:5" x14ac:dyDescent="0.25">
      <c r="A1023" s="1">
        <v>43598.458333333336</v>
      </c>
      <c r="B1023" s="2">
        <v>28.02</v>
      </c>
      <c r="C1023">
        <v>6.0096279999999993</v>
      </c>
      <c r="D1023">
        <f t="shared" si="30"/>
        <v>6.0096279999999995E-3</v>
      </c>
      <c r="E1023" s="6">
        <f t="shared" si="31"/>
        <v>0.16838977655999998</v>
      </c>
    </row>
    <row r="1024" spans="1:5" x14ac:dyDescent="0.25">
      <c r="A1024" s="1">
        <v>43598.5</v>
      </c>
      <c r="B1024" s="2">
        <v>26.53</v>
      </c>
      <c r="C1024">
        <v>6.7839489999999998</v>
      </c>
      <c r="D1024">
        <f t="shared" si="30"/>
        <v>6.7839490000000001E-3</v>
      </c>
      <c r="E1024" s="6">
        <f t="shared" si="31"/>
        <v>0.17997816697000002</v>
      </c>
    </row>
    <row r="1025" spans="1:5" x14ac:dyDescent="0.25">
      <c r="A1025" s="1">
        <v>43598.541666666664</v>
      </c>
      <c r="B1025" s="2">
        <v>27.09</v>
      </c>
      <c r="C1025">
        <v>7.1487430000000005</v>
      </c>
      <c r="D1025">
        <f t="shared" si="30"/>
        <v>7.1487430000000008E-3</v>
      </c>
      <c r="E1025" s="6">
        <f t="shared" si="31"/>
        <v>0.19365944787000003</v>
      </c>
    </row>
    <row r="1026" spans="1:5" x14ac:dyDescent="0.25">
      <c r="A1026" s="1">
        <v>43598.583333333336</v>
      </c>
      <c r="B1026" s="2">
        <v>26.36</v>
      </c>
      <c r="C1026">
        <v>6.9183539999999999</v>
      </c>
      <c r="D1026">
        <f t="shared" si="30"/>
        <v>6.9183539999999998E-3</v>
      </c>
      <c r="E1026" s="6">
        <f t="shared" si="31"/>
        <v>0.18236781144</v>
      </c>
    </row>
    <row r="1027" spans="1:5" x14ac:dyDescent="0.25">
      <c r="A1027" s="1">
        <v>43598.625</v>
      </c>
      <c r="B1027" s="2">
        <v>26.3</v>
      </c>
      <c r="C1027">
        <v>5.2065239999999999</v>
      </c>
      <c r="D1027">
        <f t="shared" si="30"/>
        <v>5.2065239999999997E-3</v>
      </c>
      <c r="E1027" s="6">
        <f t="shared" si="31"/>
        <v>0.13693158119999999</v>
      </c>
    </row>
    <row r="1028" spans="1:5" x14ac:dyDescent="0.25">
      <c r="A1028" s="1">
        <v>43598.666666666664</v>
      </c>
      <c r="B1028" s="2">
        <v>25.66</v>
      </c>
      <c r="C1028">
        <v>3.6245090000000002</v>
      </c>
      <c r="D1028">
        <f t="shared" si="30"/>
        <v>3.6245090000000002E-3</v>
      </c>
      <c r="E1028" s="6">
        <f t="shared" si="31"/>
        <v>9.300490094000001E-2</v>
      </c>
    </row>
    <row r="1029" spans="1:5" x14ac:dyDescent="0.25">
      <c r="A1029" s="1">
        <v>43598.708333333336</v>
      </c>
      <c r="B1029" s="2">
        <v>26.33</v>
      </c>
      <c r="C1029">
        <v>0.631301</v>
      </c>
      <c r="D1029">
        <f t="shared" si="30"/>
        <v>6.3130100000000002E-4</v>
      </c>
      <c r="E1029" s="6">
        <f t="shared" si="31"/>
        <v>1.6622155329999999E-2</v>
      </c>
    </row>
    <row r="1030" spans="1:5" x14ac:dyDescent="0.25">
      <c r="A1030" s="1">
        <v>43598.75</v>
      </c>
      <c r="B1030" s="2">
        <v>25.93</v>
      </c>
      <c r="C1030">
        <v>1.3090460000000002</v>
      </c>
      <c r="D1030">
        <f t="shared" ref="D1030:D1093" si="32">C1030/1000</f>
        <v>1.3090460000000001E-3</v>
      </c>
      <c r="E1030" s="6">
        <f t="shared" ref="E1030:E1093" si="33">D1030*B1030</f>
        <v>3.3943562780000006E-2</v>
      </c>
    </row>
    <row r="1031" spans="1:5" x14ac:dyDescent="0.25">
      <c r="A1031" s="1">
        <v>43598.791666666664</v>
      </c>
      <c r="B1031" s="2">
        <v>26.1</v>
      </c>
      <c r="C1031">
        <v>0.520343</v>
      </c>
      <c r="D1031">
        <f t="shared" si="32"/>
        <v>5.2034300000000004E-4</v>
      </c>
      <c r="E1031" s="6">
        <f t="shared" si="33"/>
        <v>1.3580952300000003E-2</v>
      </c>
    </row>
    <row r="1032" spans="1:5" x14ac:dyDescent="0.25">
      <c r="A1032" s="1">
        <v>43598.833333333336</v>
      </c>
      <c r="B1032" s="2">
        <v>27.77</v>
      </c>
      <c r="C1032">
        <v>0</v>
      </c>
      <c r="D1032">
        <f t="shared" si="32"/>
        <v>0</v>
      </c>
      <c r="E1032" s="6">
        <f t="shared" si="33"/>
        <v>0</v>
      </c>
    </row>
    <row r="1033" spans="1:5" x14ac:dyDescent="0.25">
      <c r="A1033" s="1">
        <v>43598.875</v>
      </c>
      <c r="B1033" s="2">
        <v>27.36</v>
      </c>
      <c r="C1033">
        <v>0</v>
      </c>
      <c r="D1033">
        <f t="shared" si="32"/>
        <v>0</v>
      </c>
      <c r="E1033" s="6">
        <f t="shared" si="33"/>
        <v>0</v>
      </c>
    </row>
    <row r="1034" spans="1:5" x14ac:dyDescent="0.25">
      <c r="A1034" s="1">
        <v>43598.916666666664</v>
      </c>
      <c r="B1034" s="2">
        <v>22.91</v>
      </c>
      <c r="C1034">
        <v>0</v>
      </c>
      <c r="D1034">
        <f t="shared" si="32"/>
        <v>0</v>
      </c>
      <c r="E1034" s="6">
        <f t="shared" si="33"/>
        <v>0</v>
      </c>
    </row>
    <row r="1035" spans="1:5" x14ac:dyDescent="0.25">
      <c r="A1035" s="1">
        <v>43598.958333333336</v>
      </c>
      <c r="B1035" s="2">
        <v>21.01</v>
      </c>
      <c r="C1035">
        <v>0</v>
      </c>
      <c r="D1035">
        <f t="shared" si="32"/>
        <v>0</v>
      </c>
      <c r="E1035" s="6">
        <f t="shared" si="33"/>
        <v>0</v>
      </c>
    </row>
    <row r="1036" spans="1:5" x14ac:dyDescent="0.25">
      <c r="A1036" s="1">
        <v>43599</v>
      </c>
      <c r="B1036" s="2">
        <v>19.53</v>
      </c>
      <c r="C1036">
        <v>0</v>
      </c>
      <c r="D1036">
        <f t="shared" si="32"/>
        <v>0</v>
      </c>
      <c r="E1036" s="6">
        <f t="shared" si="33"/>
        <v>0</v>
      </c>
    </row>
    <row r="1037" spans="1:5" x14ac:dyDescent="0.25">
      <c r="A1037" s="1">
        <v>43599.041666666664</v>
      </c>
      <c r="B1037" s="2">
        <v>19.260000000000002</v>
      </c>
      <c r="C1037">
        <v>0</v>
      </c>
      <c r="D1037">
        <f t="shared" si="32"/>
        <v>0</v>
      </c>
      <c r="E1037" s="6">
        <f t="shared" si="33"/>
        <v>0</v>
      </c>
    </row>
    <row r="1038" spans="1:5" x14ac:dyDescent="0.25">
      <c r="A1038" s="1">
        <v>43599.083333333336</v>
      </c>
      <c r="B1038" s="2">
        <v>19.23</v>
      </c>
      <c r="C1038">
        <v>0</v>
      </c>
      <c r="D1038">
        <f t="shared" si="32"/>
        <v>0</v>
      </c>
      <c r="E1038" s="6">
        <f t="shared" si="33"/>
        <v>0</v>
      </c>
    </row>
    <row r="1039" spans="1:5" x14ac:dyDescent="0.25">
      <c r="A1039" s="1">
        <v>43599.125</v>
      </c>
      <c r="B1039" s="2">
        <v>19.510000000000002</v>
      </c>
      <c r="C1039">
        <v>0</v>
      </c>
      <c r="D1039">
        <f t="shared" si="32"/>
        <v>0</v>
      </c>
      <c r="E1039" s="6">
        <f t="shared" si="33"/>
        <v>0</v>
      </c>
    </row>
    <row r="1040" spans="1:5" x14ac:dyDescent="0.25">
      <c r="A1040" s="1">
        <v>43599.166666666664</v>
      </c>
      <c r="B1040" s="2">
        <v>19.75</v>
      </c>
      <c r="C1040">
        <v>0</v>
      </c>
      <c r="D1040">
        <f t="shared" si="32"/>
        <v>0</v>
      </c>
      <c r="E1040" s="6">
        <f t="shared" si="33"/>
        <v>0</v>
      </c>
    </row>
    <row r="1041" spans="1:5" x14ac:dyDescent="0.25">
      <c r="A1041" s="1">
        <v>43599.208333333336</v>
      </c>
      <c r="B1041" s="2">
        <v>22.07</v>
      </c>
      <c r="C1041">
        <v>0</v>
      </c>
      <c r="D1041">
        <f t="shared" si="32"/>
        <v>0</v>
      </c>
      <c r="E1041" s="6">
        <f t="shared" si="33"/>
        <v>0</v>
      </c>
    </row>
    <row r="1042" spans="1:5" x14ac:dyDescent="0.25">
      <c r="A1042" s="1">
        <v>43599.25</v>
      </c>
      <c r="B1042" s="2">
        <v>26.78</v>
      </c>
      <c r="C1042">
        <v>0</v>
      </c>
      <c r="D1042">
        <f t="shared" si="32"/>
        <v>0</v>
      </c>
      <c r="E1042" s="6">
        <f t="shared" si="33"/>
        <v>0</v>
      </c>
    </row>
    <row r="1043" spans="1:5" x14ac:dyDescent="0.25">
      <c r="A1043" s="1">
        <v>43599.291666666664</v>
      </c>
      <c r="B1043" s="2">
        <v>28.57</v>
      </c>
      <c r="C1043">
        <v>2.9578E-2</v>
      </c>
      <c r="D1043">
        <f t="shared" si="32"/>
        <v>2.9578E-5</v>
      </c>
      <c r="E1043" s="6">
        <f t="shared" si="33"/>
        <v>8.4504345999999997E-4</v>
      </c>
    </row>
    <row r="1044" spans="1:5" x14ac:dyDescent="0.25">
      <c r="A1044" s="1">
        <v>43599.333333333336</v>
      </c>
      <c r="B1044" s="2">
        <v>29.14</v>
      </c>
      <c r="C1044">
        <v>0.10324599999999999</v>
      </c>
      <c r="D1044">
        <f t="shared" si="32"/>
        <v>1.0324599999999999E-4</v>
      </c>
      <c r="E1044" s="6">
        <f t="shared" si="33"/>
        <v>3.00858844E-3</v>
      </c>
    </row>
    <row r="1045" spans="1:5" x14ac:dyDescent="0.25">
      <c r="A1045" s="1">
        <v>43599.375</v>
      </c>
      <c r="B1045" s="2">
        <v>28.77</v>
      </c>
      <c r="C1045">
        <v>0.32987499999999997</v>
      </c>
      <c r="D1045">
        <f t="shared" si="32"/>
        <v>3.2987499999999998E-4</v>
      </c>
      <c r="E1045" s="6">
        <f t="shared" si="33"/>
        <v>9.4905037499999987E-3</v>
      </c>
    </row>
    <row r="1046" spans="1:5" x14ac:dyDescent="0.25">
      <c r="A1046" s="1">
        <v>43599.416666666664</v>
      </c>
      <c r="B1046" s="2">
        <v>29.44</v>
      </c>
      <c r="C1046">
        <v>0.45399700000000004</v>
      </c>
      <c r="D1046">
        <f t="shared" si="32"/>
        <v>4.5399700000000004E-4</v>
      </c>
      <c r="E1046" s="6">
        <f t="shared" si="33"/>
        <v>1.3365671680000002E-2</v>
      </c>
    </row>
    <row r="1047" spans="1:5" x14ac:dyDescent="0.25">
      <c r="A1047" s="1">
        <v>43599.458333333336</v>
      </c>
      <c r="B1047" s="2">
        <v>29.37</v>
      </c>
      <c r="C1047">
        <v>0.78815000000000002</v>
      </c>
      <c r="D1047">
        <f t="shared" si="32"/>
        <v>7.8815000000000005E-4</v>
      </c>
      <c r="E1047" s="6">
        <f t="shared" si="33"/>
        <v>2.3147965500000003E-2</v>
      </c>
    </row>
    <row r="1048" spans="1:5" x14ac:dyDescent="0.25">
      <c r="A1048" s="1">
        <v>43599.5</v>
      </c>
      <c r="B1048" s="2">
        <v>28.52</v>
      </c>
      <c r="C1048">
        <v>0.77470500000000009</v>
      </c>
      <c r="D1048">
        <f t="shared" si="32"/>
        <v>7.747050000000001E-4</v>
      </c>
      <c r="E1048" s="6">
        <f t="shared" si="33"/>
        <v>2.2094586600000004E-2</v>
      </c>
    </row>
    <row r="1049" spans="1:5" x14ac:dyDescent="0.25">
      <c r="A1049" s="1">
        <v>43599.541666666664</v>
      </c>
      <c r="B1049" s="2">
        <v>28.46</v>
      </c>
      <c r="C1049">
        <v>1.533603</v>
      </c>
      <c r="D1049">
        <f t="shared" si="32"/>
        <v>1.5336030000000001E-3</v>
      </c>
      <c r="E1049" s="6">
        <f t="shared" si="33"/>
        <v>4.3646341380000002E-2</v>
      </c>
    </row>
    <row r="1050" spans="1:5" x14ac:dyDescent="0.25">
      <c r="A1050" s="1">
        <v>43599.583333333336</v>
      </c>
      <c r="B1050" s="2">
        <v>27.14</v>
      </c>
      <c r="C1050">
        <v>3.0466790000000001</v>
      </c>
      <c r="D1050">
        <f t="shared" si="32"/>
        <v>3.0466790000000001E-3</v>
      </c>
      <c r="E1050" s="6">
        <f t="shared" si="33"/>
        <v>8.2686868060000002E-2</v>
      </c>
    </row>
    <row r="1051" spans="1:5" x14ac:dyDescent="0.25">
      <c r="A1051" s="1">
        <v>43599.625</v>
      </c>
      <c r="B1051" s="2">
        <v>27.45</v>
      </c>
      <c r="C1051">
        <v>4.2568230000000007</v>
      </c>
      <c r="D1051">
        <f t="shared" si="32"/>
        <v>4.2568230000000007E-3</v>
      </c>
      <c r="E1051" s="6">
        <f t="shared" si="33"/>
        <v>0.11684979135000002</v>
      </c>
    </row>
    <row r="1052" spans="1:5" x14ac:dyDescent="0.25">
      <c r="A1052" s="1">
        <v>43599.666666666664</v>
      </c>
      <c r="B1052" s="2">
        <v>27.21</v>
      </c>
      <c r="C1052">
        <v>5.9587960000000004</v>
      </c>
      <c r="D1052">
        <f t="shared" si="32"/>
        <v>5.9587960000000006E-3</v>
      </c>
      <c r="E1052" s="6">
        <f t="shared" si="33"/>
        <v>0.16213883916000002</v>
      </c>
    </row>
    <row r="1053" spans="1:5" x14ac:dyDescent="0.25">
      <c r="A1053" s="1">
        <v>43599.708333333336</v>
      </c>
      <c r="B1053" s="2">
        <v>27.48</v>
      </c>
      <c r="C1053">
        <v>1.3396880000000002</v>
      </c>
      <c r="D1053">
        <f t="shared" si="32"/>
        <v>1.3396880000000001E-3</v>
      </c>
      <c r="E1053" s="6">
        <f t="shared" si="33"/>
        <v>3.6814626240000002E-2</v>
      </c>
    </row>
    <row r="1054" spans="1:5" x14ac:dyDescent="0.25">
      <c r="A1054" s="1">
        <v>43599.75</v>
      </c>
      <c r="B1054" s="2">
        <v>26.76</v>
      </c>
      <c r="C1054">
        <v>1.0293599999999998</v>
      </c>
      <c r="D1054">
        <f t="shared" si="32"/>
        <v>1.0293599999999998E-3</v>
      </c>
      <c r="E1054" s="6">
        <f t="shared" si="33"/>
        <v>2.7545673599999997E-2</v>
      </c>
    </row>
    <row r="1055" spans="1:5" x14ac:dyDescent="0.25">
      <c r="A1055" s="1">
        <v>43599.791666666664</v>
      </c>
      <c r="B1055" s="2">
        <v>27.44</v>
      </c>
      <c r="C1055">
        <v>0.54869899999999994</v>
      </c>
      <c r="D1055">
        <f t="shared" si="32"/>
        <v>5.4869899999999993E-4</v>
      </c>
      <c r="E1055" s="6">
        <f t="shared" si="33"/>
        <v>1.5056300559999999E-2</v>
      </c>
    </row>
    <row r="1056" spans="1:5" x14ac:dyDescent="0.25">
      <c r="A1056" s="1">
        <v>43599.833333333336</v>
      </c>
      <c r="B1056" s="2">
        <v>29.93</v>
      </c>
      <c r="C1056">
        <v>0</v>
      </c>
      <c r="D1056">
        <f t="shared" si="32"/>
        <v>0</v>
      </c>
      <c r="E1056" s="6">
        <f t="shared" si="33"/>
        <v>0</v>
      </c>
    </row>
    <row r="1057" spans="1:5" x14ac:dyDescent="0.25">
      <c r="A1057" s="1">
        <v>43599.875</v>
      </c>
      <c r="B1057" s="2">
        <v>29.26</v>
      </c>
      <c r="C1057">
        <v>0</v>
      </c>
      <c r="D1057">
        <f t="shared" si="32"/>
        <v>0</v>
      </c>
      <c r="E1057" s="6">
        <f t="shared" si="33"/>
        <v>0</v>
      </c>
    </row>
    <row r="1058" spans="1:5" x14ac:dyDescent="0.25">
      <c r="A1058" s="1">
        <v>43599.916666666664</v>
      </c>
      <c r="B1058" s="2">
        <v>23.01</v>
      </c>
      <c r="C1058">
        <v>0</v>
      </c>
      <c r="D1058">
        <f t="shared" si="32"/>
        <v>0</v>
      </c>
      <c r="E1058" s="6">
        <f t="shared" si="33"/>
        <v>0</v>
      </c>
    </row>
    <row r="1059" spans="1:5" x14ac:dyDescent="0.25">
      <c r="A1059" s="1">
        <v>43599.958333333336</v>
      </c>
      <c r="B1059" s="2">
        <v>20.73</v>
      </c>
      <c r="C1059">
        <v>0</v>
      </c>
      <c r="D1059">
        <f t="shared" si="32"/>
        <v>0</v>
      </c>
      <c r="E1059" s="6">
        <f t="shared" si="33"/>
        <v>0</v>
      </c>
    </row>
    <row r="1060" spans="1:5" x14ac:dyDescent="0.25">
      <c r="A1060" s="1">
        <v>43600</v>
      </c>
      <c r="B1060" s="2">
        <v>19.12</v>
      </c>
      <c r="C1060">
        <v>0</v>
      </c>
      <c r="D1060">
        <f t="shared" si="32"/>
        <v>0</v>
      </c>
      <c r="E1060" s="6">
        <f t="shared" si="33"/>
        <v>0</v>
      </c>
    </row>
    <row r="1061" spans="1:5" x14ac:dyDescent="0.25">
      <c r="A1061" s="1">
        <v>43600.041666666664</v>
      </c>
      <c r="B1061" s="2">
        <v>19.27</v>
      </c>
      <c r="C1061">
        <v>0</v>
      </c>
      <c r="D1061">
        <f t="shared" si="32"/>
        <v>0</v>
      </c>
      <c r="E1061" s="6">
        <f t="shared" si="33"/>
        <v>0</v>
      </c>
    </row>
    <row r="1062" spans="1:5" x14ac:dyDescent="0.25">
      <c r="A1062" s="1">
        <v>43600.083333333336</v>
      </c>
      <c r="B1062" s="2">
        <v>19</v>
      </c>
      <c r="C1062">
        <v>0</v>
      </c>
      <c r="D1062">
        <f t="shared" si="32"/>
        <v>0</v>
      </c>
      <c r="E1062" s="6">
        <f t="shared" si="33"/>
        <v>0</v>
      </c>
    </row>
    <row r="1063" spans="1:5" x14ac:dyDescent="0.25">
      <c r="A1063" s="1">
        <v>43600.125</v>
      </c>
      <c r="B1063" s="2">
        <v>18.77</v>
      </c>
      <c r="C1063">
        <v>0</v>
      </c>
      <c r="D1063">
        <f t="shared" si="32"/>
        <v>0</v>
      </c>
      <c r="E1063" s="6">
        <f t="shared" si="33"/>
        <v>0</v>
      </c>
    </row>
    <row r="1064" spans="1:5" x14ac:dyDescent="0.25">
      <c r="A1064" s="1">
        <v>43600.166666666664</v>
      </c>
      <c r="B1064" s="2">
        <v>19.2</v>
      </c>
      <c r="C1064">
        <v>0</v>
      </c>
      <c r="D1064">
        <f t="shared" si="32"/>
        <v>0</v>
      </c>
      <c r="E1064" s="6">
        <f t="shared" si="33"/>
        <v>0</v>
      </c>
    </row>
    <row r="1065" spans="1:5" x14ac:dyDescent="0.25">
      <c r="A1065" s="1">
        <v>43600.208333333336</v>
      </c>
      <c r="B1065" s="2">
        <v>21.02</v>
      </c>
      <c r="C1065">
        <v>0</v>
      </c>
      <c r="D1065">
        <f t="shared" si="32"/>
        <v>0</v>
      </c>
      <c r="E1065" s="6">
        <f t="shared" si="33"/>
        <v>0</v>
      </c>
    </row>
    <row r="1066" spans="1:5" x14ac:dyDescent="0.25">
      <c r="A1066" s="1">
        <v>43600.25</v>
      </c>
      <c r="B1066" s="2">
        <v>24.36</v>
      </c>
      <c r="C1066">
        <v>0</v>
      </c>
      <c r="D1066">
        <f t="shared" si="32"/>
        <v>0</v>
      </c>
      <c r="E1066" s="6">
        <f t="shared" si="33"/>
        <v>0</v>
      </c>
    </row>
    <row r="1067" spans="1:5" x14ac:dyDescent="0.25">
      <c r="A1067" s="1">
        <v>43600.291666666664</v>
      </c>
      <c r="B1067" s="2">
        <v>26</v>
      </c>
      <c r="C1067">
        <v>0.34605000000000002</v>
      </c>
      <c r="D1067">
        <f t="shared" si="32"/>
        <v>3.4605000000000004E-4</v>
      </c>
      <c r="E1067" s="6">
        <f t="shared" si="33"/>
        <v>8.9973000000000015E-3</v>
      </c>
    </row>
    <row r="1068" spans="1:5" x14ac:dyDescent="0.25">
      <c r="A1068" s="1">
        <v>43600.333333333336</v>
      </c>
      <c r="B1068" s="2">
        <v>24.51</v>
      </c>
      <c r="C1068">
        <v>0.29733399999999999</v>
      </c>
      <c r="D1068">
        <f t="shared" si="32"/>
        <v>2.9733400000000001E-4</v>
      </c>
      <c r="E1068" s="6">
        <f t="shared" si="33"/>
        <v>7.2876563400000004E-3</v>
      </c>
    </row>
    <row r="1069" spans="1:5" x14ac:dyDescent="0.25">
      <c r="A1069" s="1">
        <v>43600.375</v>
      </c>
      <c r="B1069" s="2">
        <v>25.95</v>
      </c>
      <c r="C1069">
        <v>1.2449459999999999</v>
      </c>
      <c r="D1069">
        <f t="shared" si="32"/>
        <v>1.2449459999999998E-3</v>
      </c>
      <c r="E1069" s="6">
        <f t="shared" si="33"/>
        <v>3.2306348699999994E-2</v>
      </c>
    </row>
    <row r="1070" spans="1:5" x14ac:dyDescent="0.25">
      <c r="A1070" s="1">
        <v>43600.416666666664</v>
      </c>
      <c r="B1070" s="2">
        <v>26.29</v>
      </c>
      <c r="C1070">
        <v>1.1763800000000002</v>
      </c>
      <c r="D1070">
        <f t="shared" si="32"/>
        <v>1.1763800000000003E-3</v>
      </c>
      <c r="E1070" s="6">
        <f t="shared" si="33"/>
        <v>3.0927030200000007E-2</v>
      </c>
    </row>
    <row r="1071" spans="1:5" x14ac:dyDescent="0.25">
      <c r="A1071" s="1">
        <v>43600.458333333336</v>
      </c>
      <c r="B1071" s="2">
        <v>26.57</v>
      </c>
      <c r="C1071">
        <v>2.1003000000000003</v>
      </c>
      <c r="D1071">
        <f t="shared" si="32"/>
        <v>2.1003000000000003E-3</v>
      </c>
      <c r="E1071" s="6">
        <f t="shared" si="33"/>
        <v>5.5804971000000009E-2</v>
      </c>
    </row>
    <row r="1072" spans="1:5" x14ac:dyDescent="0.25">
      <c r="A1072" s="1">
        <v>43600.5</v>
      </c>
      <c r="B1072" s="2">
        <v>27.7</v>
      </c>
      <c r="C1072">
        <v>1.8315109999999999</v>
      </c>
      <c r="D1072">
        <f t="shared" si="32"/>
        <v>1.8315109999999999E-3</v>
      </c>
      <c r="E1072" s="6">
        <f t="shared" si="33"/>
        <v>5.0732854699999996E-2</v>
      </c>
    </row>
    <row r="1073" spans="1:5" x14ac:dyDescent="0.25">
      <c r="A1073" s="1">
        <v>43600.541666666664</v>
      </c>
      <c r="B1073" s="2">
        <v>29.4</v>
      </c>
      <c r="C1073">
        <v>4.2729430000000006</v>
      </c>
      <c r="D1073">
        <f t="shared" si="32"/>
        <v>4.2729430000000004E-3</v>
      </c>
      <c r="E1073" s="6">
        <f t="shared" si="33"/>
        <v>0.1256245242</v>
      </c>
    </row>
    <row r="1074" spans="1:5" x14ac:dyDescent="0.25">
      <c r="A1074" s="1">
        <v>43600.583333333336</v>
      </c>
      <c r="B1074" s="2">
        <v>29.42</v>
      </c>
      <c r="C1074">
        <v>5.8360150000000006</v>
      </c>
      <c r="D1074">
        <f t="shared" si="32"/>
        <v>5.8360150000000008E-3</v>
      </c>
      <c r="E1074" s="6">
        <f t="shared" si="33"/>
        <v>0.17169556130000002</v>
      </c>
    </row>
    <row r="1075" spans="1:5" x14ac:dyDescent="0.25">
      <c r="A1075" s="1">
        <v>43600.625</v>
      </c>
      <c r="B1075" s="2">
        <v>28.4</v>
      </c>
      <c r="C1075">
        <v>1.360689</v>
      </c>
      <c r="D1075">
        <f t="shared" si="32"/>
        <v>1.360689E-3</v>
      </c>
      <c r="E1075" s="6">
        <f t="shared" si="33"/>
        <v>3.8643567599999998E-2</v>
      </c>
    </row>
    <row r="1076" spans="1:5" x14ac:dyDescent="0.25">
      <c r="A1076" s="1">
        <v>43600.666666666664</v>
      </c>
      <c r="B1076" s="2">
        <v>28.72</v>
      </c>
      <c r="C1076">
        <v>4.3290510000000006</v>
      </c>
      <c r="D1076">
        <f t="shared" si="32"/>
        <v>4.3290510000000004E-3</v>
      </c>
      <c r="E1076" s="6">
        <f t="shared" si="33"/>
        <v>0.12433034472000001</v>
      </c>
    </row>
    <row r="1077" spans="1:5" x14ac:dyDescent="0.25">
      <c r="A1077" s="1">
        <v>43600.708333333336</v>
      </c>
      <c r="B1077" s="2">
        <v>28.42</v>
      </c>
      <c r="C1077">
        <v>0.97167399999999993</v>
      </c>
      <c r="D1077">
        <f t="shared" si="32"/>
        <v>9.7167399999999995E-4</v>
      </c>
      <c r="E1077" s="6">
        <f t="shared" si="33"/>
        <v>2.761497508E-2</v>
      </c>
    </row>
    <row r="1078" spans="1:5" x14ac:dyDescent="0.25">
      <c r="A1078" s="1">
        <v>43600.75</v>
      </c>
      <c r="B1078" s="2">
        <v>28.34</v>
      </c>
      <c r="C1078">
        <v>0.59745999999999999</v>
      </c>
      <c r="D1078">
        <f t="shared" si="32"/>
        <v>5.9745999999999996E-4</v>
      </c>
      <c r="E1078" s="6">
        <f t="shared" si="33"/>
        <v>1.69320164E-2</v>
      </c>
    </row>
    <row r="1079" spans="1:5" x14ac:dyDescent="0.25">
      <c r="A1079" s="1">
        <v>43600.791666666664</v>
      </c>
      <c r="B1079" s="2">
        <v>27.37</v>
      </c>
      <c r="C1079">
        <v>0.31327999999999995</v>
      </c>
      <c r="D1079">
        <f t="shared" si="32"/>
        <v>3.1327999999999993E-4</v>
      </c>
      <c r="E1079" s="6">
        <f t="shared" si="33"/>
        <v>8.5744735999999985E-3</v>
      </c>
    </row>
    <row r="1080" spans="1:5" x14ac:dyDescent="0.25">
      <c r="A1080" s="1">
        <v>43600.833333333336</v>
      </c>
      <c r="B1080" s="2">
        <v>29.91</v>
      </c>
      <c r="C1080">
        <v>0</v>
      </c>
      <c r="D1080">
        <f t="shared" si="32"/>
        <v>0</v>
      </c>
      <c r="E1080" s="6">
        <f t="shared" si="33"/>
        <v>0</v>
      </c>
    </row>
    <row r="1081" spans="1:5" x14ac:dyDescent="0.25">
      <c r="A1081" s="1">
        <v>43600.875</v>
      </c>
      <c r="B1081" s="2">
        <v>27.79</v>
      </c>
      <c r="C1081">
        <v>0</v>
      </c>
      <c r="D1081">
        <f t="shared" si="32"/>
        <v>0</v>
      </c>
      <c r="E1081" s="6">
        <f t="shared" si="33"/>
        <v>0</v>
      </c>
    </row>
    <row r="1082" spans="1:5" x14ac:dyDescent="0.25">
      <c r="A1082" s="1">
        <v>43600.916666666664</v>
      </c>
      <c r="B1082" s="2">
        <v>22.98</v>
      </c>
      <c r="C1082">
        <v>0</v>
      </c>
      <c r="D1082">
        <f t="shared" si="32"/>
        <v>0</v>
      </c>
      <c r="E1082" s="6">
        <f t="shared" si="33"/>
        <v>0</v>
      </c>
    </row>
    <row r="1083" spans="1:5" x14ac:dyDescent="0.25">
      <c r="A1083" s="1">
        <v>43600.958333333336</v>
      </c>
      <c r="B1083" s="2">
        <v>19.89</v>
      </c>
      <c r="C1083">
        <v>0</v>
      </c>
      <c r="D1083">
        <f t="shared" si="32"/>
        <v>0</v>
      </c>
      <c r="E1083" s="6">
        <f t="shared" si="33"/>
        <v>0</v>
      </c>
    </row>
    <row r="1084" spans="1:5" x14ac:dyDescent="0.25">
      <c r="A1084" s="1">
        <v>43601</v>
      </c>
      <c r="B1084" s="2">
        <v>19.28</v>
      </c>
      <c r="C1084">
        <v>0</v>
      </c>
      <c r="D1084">
        <f t="shared" si="32"/>
        <v>0</v>
      </c>
      <c r="E1084" s="6">
        <f t="shared" si="33"/>
        <v>0</v>
      </c>
    </row>
    <row r="1085" spans="1:5" x14ac:dyDescent="0.25">
      <c r="A1085" s="1">
        <v>43601.041666666664</v>
      </c>
      <c r="B1085" s="2">
        <v>19.32</v>
      </c>
      <c r="C1085">
        <v>0</v>
      </c>
      <c r="D1085">
        <f t="shared" si="32"/>
        <v>0</v>
      </c>
      <c r="E1085" s="6">
        <f t="shared" si="33"/>
        <v>0</v>
      </c>
    </row>
    <row r="1086" spans="1:5" x14ac:dyDescent="0.25">
      <c r="A1086" s="1">
        <v>43601.083333333336</v>
      </c>
      <c r="B1086" s="2">
        <v>19.010000000000002</v>
      </c>
      <c r="C1086">
        <v>0</v>
      </c>
      <c r="D1086">
        <f t="shared" si="32"/>
        <v>0</v>
      </c>
      <c r="E1086" s="6">
        <f t="shared" si="33"/>
        <v>0</v>
      </c>
    </row>
    <row r="1087" spans="1:5" x14ac:dyDescent="0.25">
      <c r="A1087" s="1">
        <v>43601.125</v>
      </c>
      <c r="B1087" s="2">
        <v>18.75</v>
      </c>
      <c r="C1087">
        <v>0</v>
      </c>
      <c r="D1087">
        <f t="shared" si="32"/>
        <v>0</v>
      </c>
      <c r="E1087" s="6">
        <f t="shared" si="33"/>
        <v>0</v>
      </c>
    </row>
    <row r="1088" spans="1:5" x14ac:dyDescent="0.25">
      <c r="A1088" s="1">
        <v>43601.166666666664</v>
      </c>
      <c r="B1088" s="2">
        <v>19.27</v>
      </c>
      <c r="C1088">
        <v>0</v>
      </c>
      <c r="D1088">
        <f t="shared" si="32"/>
        <v>0</v>
      </c>
      <c r="E1088" s="6">
        <f t="shared" si="33"/>
        <v>0</v>
      </c>
    </row>
    <row r="1089" spans="1:5" x14ac:dyDescent="0.25">
      <c r="A1089" s="1">
        <v>43601.208333333336</v>
      </c>
      <c r="B1089" s="2">
        <v>20.88</v>
      </c>
      <c r="C1089">
        <v>0</v>
      </c>
      <c r="D1089">
        <f t="shared" si="32"/>
        <v>0</v>
      </c>
      <c r="E1089" s="6">
        <f t="shared" si="33"/>
        <v>0</v>
      </c>
    </row>
    <row r="1090" spans="1:5" x14ac:dyDescent="0.25">
      <c r="A1090" s="1">
        <v>43601.25</v>
      </c>
      <c r="B1090" s="2">
        <v>23.08</v>
      </c>
      <c r="C1090">
        <v>0</v>
      </c>
      <c r="D1090">
        <f t="shared" si="32"/>
        <v>0</v>
      </c>
      <c r="E1090" s="6">
        <f t="shared" si="33"/>
        <v>0</v>
      </c>
    </row>
    <row r="1091" spans="1:5" x14ac:dyDescent="0.25">
      <c r="A1091" s="1">
        <v>43601.291666666664</v>
      </c>
      <c r="B1091" s="2">
        <v>24</v>
      </c>
      <c r="C1091">
        <v>0.50352799999999998</v>
      </c>
      <c r="D1091">
        <f t="shared" si="32"/>
        <v>5.0352799999999994E-4</v>
      </c>
      <c r="E1091" s="6">
        <f t="shared" si="33"/>
        <v>1.2084671999999998E-2</v>
      </c>
    </row>
    <row r="1092" spans="1:5" x14ac:dyDescent="0.25">
      <c r="A1092" s="1">
        <v>43601.333333333336</v>
      </c>
      <c r="B1092" s="2">
        <v>24.18</v>
      </c>
      <c r="C1092">
        <v>1.2680319999999998</v>
      </c>
      <c r="D1092">
        <f t="shared" si="32"/>
        <v>1.2680319999999999E-3</v>
      </c>
      <c r="E1092" s="6">
        <f t="shared" si="33"/>
        <v>3.0661013759999998E-2</v>
      </c>
    </row>
    <row r="1093" spans="1:5" x14ac:dyDescent="0.25">
      <c r="A1093" s="1">
        <v>43601.375</v>
      </c>
      <c r="B1093" s="2">
        <v>25.8</v>
      </c>
      <c r="C1093">
        <v>2.0690560000000002</v>
      </c>
      <c r="D1093">
        <f t="shared" si="32"/>
        <v>2.0690560000000001E-3</v>
      </c>
      <c r="E1093" s="6">
        <f t="shared" si="33"/>
        <v>5.3381644800000003E-2</v>
      </c>
    </row>
    <row r="1094" spans="1:5" x14ac:dyDescent="0.25">
      <c r="A1094" s="1">
        <v>43601.416666666664</v>
      </c>
      <c r="B1094" s="2">
        <v>25.79</v>
      </c>
      <c r="C1094">
        <v>4.0942629999999998</v>
      </c>
      <c r="D1094">
        <f t="shared" ref="D1094:D1157" si="34">C1094/1000</f>
        <v>4.0942629999999999E-3</v>
      </c>
      <c r="E1094" s="6">
        <f t="shared" ref="E1094:E1157" si="35">D1094*B1094</f>
        <v>0.10559104276999999</v>
      </c>
    </row>
    <row r="1095" spans="1:5" x14ac:dyDescent="0.25">
      <c r="A1095" s="1">
        <v>43601.458333333336</v>
      </c>
      <c r="B1095" s="2">
        <v>27.26</v>
      </c>
      <c r="C1095">
        <v>2.6778809999999997</v>
      </c>
      <c r="D1095">
        <f t="shared" si="34"/>
        <v>2.6778809999999996E-3</v>
      </c>
      <c r="E1095" s="6">
        <f t="shared" si="35"/>
        <v>7.2999036059999994E-2</v>
      </c>
    </row>
    <row r="1096" spans="1:5" x14ac:dyDescent="0.25">
      <c r="A1096" s="1">
        <v>43601.5</v>
      </c>
      <c r="B1096" s="2">
        <v>28.69</v>
      </c>
      <c r="C1096">
        <v>2.7442310000000001</v>
      </c>
      <c r="D1096">
        <f t="shared" si="34"/>
        <v>2.7442310000000002E-3</v>
      </c>
      <c r="E1096" s="6">
        <f t="shared" si="35"/>
        <v>7.8731987390000008E-2</v>
      </c>
    </row>
    <row r="1097" spans="1:5" x14ac:dyDescent="0.25">
      <c r="A1097" s="1">
        <v>43601.541666666664</v>
      </c>
      <c r="B1097" s="2">
        <v>29.67</v>
      </c>
      <c r="C1097">
        <v>1.148771</v>
      </c>
      <c r="D1097">
        <f t="shared" si="34"/>
        <v>1.148771E-3</v>
      </c>
      <c r="E1097" s="6">
        <f t="shared" si="35"/>
        <v>3.4084035570000004E-2</v>
      </c>
    </row>
    <row r="1098" spans="1:5" x14ac:dyDescent="0.25">
      <c r="A1098" s="1">
        <v>43601.583333333336</v>
      </c>
      <c r="B1098" s="2">
        <v>30.11</v>
      </c>
      <c r="C1098">
        <v>2.246378</v>
      </c>
      <c r="D1098">
        <f t="shared" si="34"/>
        <v>2.2463779999999998E-3</v>
      </c>
      <c r="E1098" s="6">
        <f t="shared" si="35"/>
        <v>6.763844158E-2</v>
      </c>
    </row>
    <row r="1099" spans="1:5" x14ac:dyDescent="0.25">
      <c r="A1099" s="1">
        <v>43601.625</v>
      </c>
      <c r="B1099" s="2">
        <v>31.65</v>
      </c>
      <c r="C1099">
        <v>1.057836</v>
      </c>
      <c r="D1099">
        <f t="shared" si="34"/>
        <v>1.0578359999999999E-3</v>
      </c>
      <c r="E1099" s="6">
        <f t="shared" si="35"/>
        <v>3.3480509399999997E-2</v>
      </c>
    </row>
    <row r="1100" spans="1:5" x14ac:dyDescent="0.25">
      <c r="A1100" s="1">
        <v>43601.666666666664</v>
      </c>
      <c r="B1100" s="2">
        <v>32.49</v>
      </c>
      <c r="C1100">
        <v>1.2406740000000001</v>
      </c>
      <c r="D1100">
        <f t="shared" si="34"/>
        <v>1.240674E-3</v>
      </c>
      <c r="E1100" s="6">
        <f t="shared" si="35"/>
        <v>4.030949826E-2</v>
      </c>
    </row>
    <row r="1101" spans="1:5" x14ac:dyDescent="0.25">
      <c r="A1101" s="1">
        <v>43601.708333333336</v>
      </c>
      <c r="B1101" s="2">
        <v>32.68</v>
      </c>
      <c r="C1101">
        <v>3.070503</v>
      </c>
      <c r="D1101">
        <f t="shared" si="34"/>
        <v>3.070503E-3</v>
      </c>
      <c r="E1101" s="6">
        <f t="shared" si="35"/>
        <v>0.10034403804</v>
      </c>
    </row>
    <row r="1102" spans="1:5" x14ac:dyDescent="0.25">
      <c r="A1102" s="1">
        <v>43601.75</v>
      </c>
      <c r="B1102" s="2">
        <v>30.39</v>
      </c>
      <c r="C1102">
        <v>2.2909350000000002</v>
      </c>
      <c r="D1102">
        <f t="shared" si="34"/>
        <v>2.290935E-3</v>
      </c>
      <c r="E1102" s="6">
        <f t="shared" si="35"/>
        <v>6.9621514650000008E-2</v>
      </c>
    </row>
    <row r="1103" spans="1:5" x14ac:dyDescent="0.25">
      <c r="A1103" s="1">
        <v>43601.791666666664</v>
      </c>
      <c r="B1103" s="2">
        <v>30.15</v>
      </c>
      <c r="C1103">
        <v>0.57489400000000002</v>
      </c>
      <c r="D1103">
        <f t="shared" si="34"/>
        <v>5.7489400000000006E-4</v>
      </c>
      <c r="E1103" s="6">
        <f t="shared" si="35"/>
        <v>1.7333054100000002E-2</v>
      </c>
    </row>
    <row r="1104" spans="1:5" x14ac:dyDescent="0.25">
      <c r="A1104" s="1">
        <v>43601.833333333336</v>
      </c>
      <c r="B1104" s="2">
        <v>29.94</v>
      </c>
      <c r="C1104">
        <v>0</v>
      </c>
      <c r="D1104">
        <f t="shared" si="34"/>
        <v>0</v>
      </c>
      <c r="E1104" s="6">
        <f t="shared" si="35"/>
        <v>0</v>
      </c>
    </row>
    <row r="1105" spans="1:5" x14ac:dyDescent="0.25">
      <c r="A1105" s="1">
        <v>43601.875</v>
      </c>
      <c r="B1105" s="2">
        <v>30.31</v>
      </c>
      <c r="C1105">
        <v>0</v>
      </c>
      <c r="D1105">
        <f t="shared" si="34"/>
        <v>0</v>
      </c>
      <c r="E1105" s="6">
        <f t="shared" si="35"/>
        <v>0</v>
      </c>
    </row>
    <row r="1106" spans="1:5" x14ac:dyDescent="0.25">
      <c r="A1106" s="1">
        <v>43601.916666666664</v>
      </c>
      <c r="B1106" s="2">
        <v>23.36</v>
      </c>
      <c r="C1106">
        <v>0</v>
      </c>
      <c r="D1106">
        <f t="shared" si="34"/>
        <v>0</v>
      </c>
      <c r="E1106" s="6">
        <f t="shared" si="35"/>
        <v>0</v>
      </c>
    </row>
    <row r="1107" spans="1:5" x14ac:dyDescent="0.25">
      <c r="A1107" s="1">
        <v>43601.958333333336</v>
      </c>
      <c r="B1107" s="2">
        <v>20.73</v>
      </c>
      <c r="C1107">
        <v>0</v>
      </c>
      <c r="D1107">
        <f t="shared" si="34"/>
        <v>0</v>
      </c>
      <c r="E1107" s="6">
        <f t="shared" si="35"/>
        <v>0</v>
      </c>
    </row>
    <row r="1108" spans="1:5" x14ac:dyDescent="0.25">
      <c r="A1108" s="1">
        <v>43602</v>
      </c>
      <c r="B1108" s="2">
        <v>18.78</v>
      </c>
      <c r="C1108">
        <v>0</v>
      </c>
      <c r="D1108">
        <f t="shared" si="34"/>
        <v>0</v>
      </c>
      <c r="E1108" s="6">
        <f t="shared" si="35"/>
        <v>0</v>
      </c>
    </row>
    <row r="1109" spans="1:5" x14ac:dyDescent="0.25">
      <c r="A1109" s="1">
        <v>43602.041666666664</v>
      </c>
      <c r="B1109" s="2">
        <v>17.87</v>
      </c>
      <c r="C1109">
        <v>0</v>
      </c>
      <c r="D1109">
        <f t="shared" si="34"/>
        <v>0</v>
      </c>
      <c r="E1109" s="6">
        <f t="shared" si="35"/>
        <v>0</v>
      </c>
    </row>
    <row r="1110" spans="1:5" x14ac:dyDescent="0.25">
      <c r="A1110" s="1">
        <v>43602.083333333336</v>
      </c>
      <c r="B1110" s="2">
        <v>17.03</v>
      </c>
      <c r="C1110">
        <v>0</v>
      </c>
      <c r="D1110">
        <f t="shared" si="34"/>
        <v>0</v>
      </c>
      <c r="E1110" s="6">
        <f t="shared" si="35"/>
        <v>0</v>
      </c>
    </row>
    <row r="1111" spans="1:5" x14ac:dyDescent="0.25">
      <c r="A1111" s="1">
        <v>43602.125</v>
      </c>
      <c r="B1111" s="2">
        <v>16.91</v>
      </c>
      <c r="C1111">
        <v>0</v>
      </c>
      <c r="D1111">
        <f t="shared" si="34"/>
        <v>0</v>
      </c>
      <c r="E1111" s="6">
        <f t="shared" si="35"/>
        <v>0</v>
      </c>
    </row>
    <row r="1112" spans="1:5" x14ac:dyDescent="0.25">
      <c r="A1112" s="1">
        <v>43602.166666666664</v>
      </c>
      <c r="B1112" s="2">
        <v>17.899999999999999</v>
      </c>
      <c r="C1112">
        <v>0</v>
      </c>
      <c r="D1112">
        <f t="shared" si="34"/>
        <v>0</v>
      </c>
      <c r="E1112" s="6">
        <f t="shared" si="35"/>
        <v>0</v>
      </c>
    </row>
    <row r="1113" spans="1:5" x14ac:dyDescent="0.25">
      <c r="A1113" s="1">
        <v>43602.208333333336</v>
      </c>
      <c r="B1113" s="2">
        <v>20.09</v>
      </c>
      <c r="C1113">
        <v>0</v>
      </c>
      <c r="D1113">
        <f t="shared" si="34"/>
        <v>0</v>
      </c>
      <c r="E1113" s="6">
        <f t="shared" si="35"/>
        <v>0</v>
      </c>
    </row>
    <row r="1114" spans="1:5" x14ac:dyDescent="0.25">
      <c r="A1114" s="1">
        <v>43602.25</v>
      </c>
      <c r="B1114" s="2">
        <v>21.91</v>
      </c>
      <c r="C1114">
        <v>0</v>
      </c>
      <c r="D1114">
        <f t="shared" si="34"/>
        <v>0</v>
      </c>
      <c r="E1114" s="6">
        <f t="shared" si="35"/>
        <v>0</v>
      </c>
    </row>
    <row r="1115" spans="1:5" x14ac:dyDescent="0.25">
      <c r="A1115" s="1">
        <v>43602.291666666664</v>
      </c>
      <c r="B1115" s="2">
        <v>23.22</v>
      </c>
      <c r="C1115">
        <v>0.50475799999999993</v>
      </c>
      <c r="D1115">
        <f t="shared" si="34"/>
        <v>5.047579999999999E-4</v>
      </c>
      <c r="E1115" s="6">
        <f t="shared" si="35"/>
        <v>1.1720480759999997E-2</v>
      </c>
    </row>
    <row r="1116" spans="1:5" x14ac:dyDescent="0.25">
      <c r="A1116" s="1">
        <v>43602.333333333336</v>
      </c>
      <c r="B1116" s="2">
        <v>23.21</v>
      </c>
      <c r="C1116">
        <v>0.40061099999999999</v>
      </c>
      <c r="D1116">
        <f t="shared" si="34"/>
        <v>4.0061099999999999E-4</v>
      </c>
      <c r="E1116" s="6">
        <f t="shared" si="35"/>
        <v>9.2981813100000005E-3</v>
      </c>
    </row>
    <row r="1117" spans="1:5" x14ac:dyDescent="0.25">
      <c r="A1117" s="1">
        <v>43602.375</v>
      </c>
      <c r="B1117" s="2">
        <v>24.74</v>
      </c>
      <c r="C1117">
        <v>3.6528299999999998</v>
      </c>
      <c r="D1117">
        <f t="shared" si="34"/>
        <v>3.6528299999999997E-3</v>
      </c>
      <c r="E1117" s="6">
        <f t="shared" si="35"/>
        <v>9.0371014199999988E-2</v>
      </c>
    </row>
    <row r="1118" spans="1:5" x14ac:dyDescent="0.25">
      <c r="A1118" s="1">
        <v>43602.416666666664</v>
      </c>
      <c r="B1118" s="2">
        <v>26.92</v>
      </c>
      <c r="C1118">
        <v>3.4323960000000002</v>
      </c>
      <c r="D1118">
        <f t="shared" si="34"/>
        <v>3.4323960000000003E-3</v>
      </c>
      <c r="E1118" s="6">
        <f t="shared" si="35"/>
        <v>9.2400100320000012E-2</v>
      </c>
    </row>
    <row r="1119" spans="1:5" x14ac:dyDescent="0.25">
      <c r="A1119" s="1">
        <v>43602.458333333336</v>
      </c>
      <c r="B1119" s="2">
        <v>29.27</v>
      </c>
      <c r="C1119">
        <v>5.0072359999999998</v>
      </c>
      <c r="D1119">
        <f t="shared" si="34"/>
        <v>5.007236E-3</v>
      </c>
      <c r="E1119" s="6">
        <f t="shared" si="35"/>
        <v>0.14656179772</v>
      </c>
    </row>
    <row r="1120" spans="1:5" x14ac:dyDescent="0.25">
      <c r="A1120" s="1">
        <v>43602.5</v>
      </c>
      <c r="B1120" s="2">
        <v>33.21</v>
      </c>
      <c r="C1120">
        <v>6.0036890000000005</v>
      </c>
      <c r="D1120">
        <f t="shared" si="34"/>
        <v>6.0036890000000004E-3</v>
      </c>
      <c r="E1120" s="6">
        <f t="shared" si="35"/>
        <v>0.19938251169000001</v>
      </c>
    </row>
    <row r="1121" spans="1:5" x14ac:dyDescent="0.25">
      <c r="A1121" s="1">
        <v>43602.541666666664</v>
      </c>
      <c r="B1121" s="2">
        <v>34.65</v>
      </c>
      <c r="C1121">
        <v>5.6270500000000006</v>
      </c>
      <c r="D1121">
        <f t="shared" si="34"/>
        <v>5.6270500000000006E-3</v>
      </c>
      <c r="E1121" s="6">
        <f t="shared" si="35"/>
        <v>0.19497728250000002</v>
      </c>
    </row>
    <row r="1122" spans="1:5" x14ac:dyDescent="0.25">
      <c r="A1122" s="1">
        <v>43602.583333333336</v>
      </c>
      <c r="B1122" s="2">
        <v>35.71</v>
      </c>
      <c r="C1122">
        <v>4.4273119999999997</v>
      </c>
      <c r="D1122">
        <f t="shared" si="34"/>
        <v>4.4273120000000001E-3</v>
      </c>
      <c r="E1122" s="6">
        <f t="shared" si="35"/>
        <v>0.15809931152000001</v>
      </c>
    </row>
    <row r="1123" spans="1:5" x14ac:dyDescent="0.25">
      <c r="A1123" s="1">
        <v>43602.625</v>
      </c>
      <c r="B1123" s="2">
        <v>37.46</v>
      </c>
      <c r="C1123">
        <v>6.8800829999999999</v>
      </c>
      <c r="D1123">
        <f t="shared" si="34"/>
        <v>6.8800830000000004E-3</v>
      </c>
      <c r="E1123" s="6">
        <f t="shared" si="35"/>
        <v>0.25772790918000005</v>
      </c>
    </row>
    <row r="1124" spans="1:5" x14ac:dyDescent="0.25">
      <c r="A1124" s="1">
        <v>43602.666666666664</v>
      </c>
      <c r="B1124" s="2">
        <v>38.979999999999997</v>
      </c>
      <c r="C1124">
        <v>5.7000209999999996</v>
      </c>
      <c r="D1124">
        <f t="shared" si="34"/>
        <v>5.7000209999999996E-3</v>
      </c>
      <c r="E1124" s="6">
        <f t="shared" si="35"/>
        <v>0.22218681857999997</v>
      </c>
    </row>
    <row r="1125" spans="1:5" x14ac:dyDescent="0.25">
      <c r="A1125" s="1">
        <v>43602.708333333336</v>
      </c>
      <c r="B1125" s="2">
        <v>37.479999999999997</v>
      </c>
      <c r="C1125">
        <v>4.1455870000000008</v>
      </c>
      <c r="D1125">
        <f t="shared" si="34"/>
        <v>4.1455870000000009E-3</v>
      </c>
      <c r="E1125" s="6">
        <f t="shared" si="35"/>
        <v>0.15537660076000001</v>
      </c>
    </row>
    <row r="1126" spans="1:5" x14ac:dyDescent="0.25">
      <c r="A1126" s="1">
        <v>43602.75</v>
      </c>
      <c r="B1126" s="2">
        <v>34.01</v>
      </c>
      <c r="C1126">
        <v>2.2899059999999998</v>
      </c>
      <c r="D1126">
        <f t="shared" si="34"/>
        <v>2.289906E-3</v>
      </c>
      <c r="E1126" s="6">
        <f t="shared" si="35"/>
        <v>7.787970306E-2</v>
      </c>
    </row>
    <row r="1127" spans="1:5" x14ac:dyDescent="0.25">
      <c r="A1127" s="1">
        <v>43602.791666666664</v>
      </c>
      <c r="B1127" s="2">
        <v>29.89</v>
      </c>
      <c r="C1127">
        <v>0.62430700000000006</v>
      </c>
      <c r="D1127">
        <f t="shared" si="34"/>
        <v>6.2430700000000005E-4</v>
      </c>
      <c r="E1127" s="6">
        <f t="shared" si="35"/>
        <v>1.8660536230000004E-2</v>
      </c>
    </row>
    <row r="1128" spans="1:5" x14ac:dyDescent="0.25">
      <c r="A1128" s="1">
        <v>43602.833333333336</v>
      </c>
      <c r="B1128" s="2">
        <v>30.37</v>
      </c>
      <c r="C1128">
        <v>0</v>
      </c>
      <c r="D1128">
        <f t="shared" si="34"/>
        <v>0</v>
      </c>
      <c r="E1128" s="6">
        <f t="shared" si="35"/>
        <v>0</v>
      </c>
    </row>
    <row r="1129" spans="1:5" x14ac:dyDescent="0.25">
      <c r="A1129" s="1">
        <v>43602.875</v>
      </c>
      <c r="B1129" s="2">
        <v>29.91</v>
      </c>
      <c r="C1129">
        <v>0</v>
      </c>
      <c r="D1129">
        <f t="shared" si="34"/>
        <v>0</v>
      </c>
      <c r="E1129" s="6">
        <f t="shared" si="35"/>
        <v>0</v>
      </c>
    </row>
    <row r="1130" spans="1:5" x14ac:dyDescent="0.25">
      <c r="A1130" s="1">
        <v>43602.916666666664</v>
      </c>
      <c r="B1130" s="2">
        <v>23.57</v>
      </c>
      <c r="C1130">
        <v>0</v>
      </c>
      <c r="D1130">
        <f t="shared" si="34"/>
        <v>0</v>
      </c>
      <c r="E1130" s="6">
        <f t="shared" si="35"/>
        <v>0</v>
      </c>
    </row>
    <row r="1131" spans="1:5" x14ac:dyDescent="0.25">
      <c r="A1131" s="1">
        <v>43602.958333333336</v>
      </c>
      <c r="B1131" s="2">
        <v>21.09</v>
      </c>
      <c r="C1131">
        <v>0</v>
      </c>
      <c r="D1131">
        <f t="shared" si="34"/>
        <v>0</v>
      </c>
      <c r="E1131" s="6">
        <f t="shared" si="35"/>
        <v>0</v>
      </c>
    </row>
    <row r="1132" spans="1:5" x14ac:dyDescent="0.25">
      <c r="A1132" s="1">
        <v>43603</v>
      </c>
      <c r="B1132" s="2">
        <v>20.41</v>
      </c>
      <c r="C1132">
        <v>0</v>
      </c>
      <c r="D1132">
        <f t="shared" si="34"/>
        <v>0</v>
      </c>
      <c r="E1132" s="6">
        <f t="shared" si="35"/>
        <v>0</v>
      </c>
    </row>
    <row r="1133" spans="1:5" x14ac:dyDescent="0.25">
      <c r="A1133" s="1">
        <v>43603.041666666664</v>
      </c>
      <c r="B1133" s="2">
        <v>19.41</v>
      </c>
      <c r="C1133">
        <v>0</v>
      </c>
      <c r="D1133">
        <f t="shared" si="34"/>
        <v>0</v>
      </c>
      <c r="E1133" s="6">
        <f t="shared" si="35"/>
        <v>0</v>
      </c>
    </row>
    <row r="1134" spans="1:5" x14ac:dyDescent="0.25">
      <c r="A1134" s="1">
        <v>43603.083333333336</v>
      </c>
      <c r="B1134" s="2">
        <v>19.05</v>
      </c>
      <c r="C1134">
        <v>0</v>
      </c>
      <c r="D1134">
        <f t="shared" si="34"/>
        <v>0</v>
      </c>
      <c r="E1134" s="6">
        <f t="shared" si="35"/>
        <v>0</v>
      </c>
    </row>
    <row r="1135" spans="1:5" x14ac:dyDescent="0.25">
      <c r="A1135" s="1">
        <v>43603.125</v>
      </c>
      <c r="B1135" s="2">
        <v>17.920000000000002</v>
      </c>
      <c r="C1135">
        <v>0</v>
      </c>
      <c r="D1135">
        <f t="shared" si="34"/>
        <v>0</v>
      </c>
      <c r="E1135" s="6">
        <f t="shared" si="35"/>
        <v>0</v>
      </c>
    </row>
    <row r="1136" spans="1:5" x14ac:dyDescent="0.25">
      <c r="A1136" s="1">
        <v>43603.166666666664</v>
      </c>
      <c r="B1136" s="2">
        <v>17.54</v>
      </c>
      <c r="C1136">
        <v>0</v>
      </c>
      <c r="D1136">
        <f t="shared" si="34"/>
        <v>0</v>
      </c>
      <c r="E1136" s="6">
        <f t="shared" si="35"/>
        <v>0</v>
      </c>
    </row>
    <row r="1137" spans="1:5" x14ac:dyDescent="0.25">
      <c r="A1137" s="1">
        <v>43603.208333333336</v>
      </c>
      <c r="B1137" s="2">
        <v>18.899999999999999</v>
      </c>
      <c r="C1137">
        <v>0</v>
      </c>
      <c r="D1137">
        <f t="shared" si="34"/>
        <v>0</v>
      </c>
      <c r="E1137" s="6">
        <f t="shared" si="35"/>
        <v>0</v>
      </c>
    </row>
    <row r="1138" spans="1:5" x14ac:dyDescent="0.25">
      <c r="A1138" s="1">
        <v>43603.25</v>
      </c>
      <c r="B1138" s="2">
        <v>19.64</v>
      </c>
      <c r="C1138">
        <v>0</v>
      </c>
      <c r="D1138">
        <f t="shared" si="34"/>
        <v>0</v>
      </c>
      <c r="E1138" s="6">
        <f t="shared" si="35"/>
        <v>0</v>
      </c>
    </row>
    <row r="1139" spans="1:5" x14ac:dyDescent="0.25">
      <c r="A1139" s="1">
        <v>43603.291666666664</v>
      </c>
      <c r="B1139" s="2">
        <v>20</v>
      </c>
      <c r="C1139">
        <v>0.64057500000000001</v>
      </c>
      <c r="D1139">
        <f t="shared" si="34"/>
        <v>6.40575E-4</v>
      </c>
      <c r="E1139" s="6">
        <f t="shared" si="35"/>
        <v>1.28115E-2</v>
      </c>
    </row>
    <row r="1140" spans="1:5" x14ac:dyDescent="0.25">
      <c r="A1140" s="1">
        <v>43603.333333333336</v>
      </c>
      <c r="B1140" s="2">
        <v>22.07</v>
      </c>
      <c r="C1140">
        <v>1.707757</v>
      </c>
      <c r="D1140">
        <f t="shared" si="34"/>
        <v>1.7077570000000001E-3</v>
      </c>
      <c r="E1140" s="6">
        <f t="shared" si="35"/>
        <v>3.7690196990000001E-2</v>
      </c>
    </row>
    <row r="1141" spans="1:5" x14ac:dyDescent="0.25">
      <c r="A1141" s="1">
        <v>43603.375</v>
      </c>
      <c r="B1141" s="2">
        <v>23.27</v>
      </c>
      <c r="C1141">
        <v>3.4056190000000002</v>
      </c>
      <c r="D1141">
        <f t="shared" si="34"/>
        <v>3.4056190000000004E-3</v>
      </c>
      <c r="E1141" s="6">
        <f t="shared" si="35"/>
        <v>7.9248754130000001E-2</v>
      </c>
    </row>
    <row r="1142" spans="1:5" x14ac:dyDescent="0.25">
      <c r="A1142" s="1">
        <v>43603.416666666664</v>
      </c>
      <c r="B1142" s="2">
        <v>25.38</v>
      </c>
      <c r="C1142">
        <v>5.2426620000000002</v>
      </c>
      <c r="D1142">
        <f t="shared" si="34"/>
        <v>5.2426620000000004E-3</v>
      </c>
      <c r="E1142" s="6">
        <f t="shared" si="35"/>
        <v>0.13305876156000002</v>
      </c>
    </row>
    <row r="1143" spans="1:5" x14ac:dyDescent="0.25">
      <c r="A1143" s="1">
        <v>43603.458333333336</v>
      </c>
      <c r="B1143" s="2">
        <v>26.65</v>
      </c>
      <c r="C1143">
        <v>5.5511889999999999</v>
      </c>
      <c r="D1143">
        <f t="shared" si="34"/>
        <v>5.5511889999999998E-3</v>
      </c>
      <c r="E1143" s="6">
        <f t="shared" si="35"/>
        <v>0.14793918684999999</v>
      </c>
    </row>
    <row r="1144" spans="1:5" x14ac:dyDescent="0.25">
      <c r="A1144" s="1">
        <v>43603.5</v>
      </c>
      <c r="B1144" s="2">
        <v>31.91</v>
      </c>
      <c r="C1144">
        <v>4.445481</v>
      </c>
      <c r="D1144">
        <f t="shared" si="34"/>
        <v>4.4454810000000003E-3</v>
      </c>
      <c r="E1144" s="6">
        <f t="shared" si="35"/>
        <v>0.14185529871000002</v>
      </c>
    </row>
    <row r="1145" spans="1:5" x14ac:dyDescent="0.25">
      <c r="A1145" s="1">
        <v>43603.541666666664</v>
      </c>
      <c r="B1145" s="2">
        <v>31.06</v>
      </c>
      <c r="C1145">
        <v>6.0396159999999997</v>
      </c>
      <c r="D1145">
        <f t="shared" si="34"/>
        <v>6.0396159999999994E-3</v>
      </c>
      <c r="E1145" s="6">
        <f t="shared" si="35"/>
        <v>0.18759047295999998</v>
      </c>
    </row>
    <row r="1146" spans="1:5" x14ac:dyDescent="0.25">
      <c r="A1146" s="1">
        <v>43603.583333333336</v>
      </c>
      <c r="B1146" s="2">
        <v>33.159999999999997</v>
      </c>
      <c r="C1146">
        <v>4.5926229999999997</v>
      </c>
      <c r="D1146">
        <f t="shared" si="34"/>
        <v>4.5926229999999997E-3</v>
      </c>
      <c r="E1146" s="6">
        <f t="shared" si="35"/>
        <v>0.15229137867999998</v>
      </c>
    </row>
    <row r="1147" spans="1:5" x14ac:dyDescent="0.25">
      <c r="A1147" s="1">
        <v>43603.625</v>
      </c>
      <c r="B1147" s="2">
        <v>33.770000000000003</v>
      </c>
      <c r="C1147">
        <v>5.7085980000000003</v>
      </c>
      <c r="D1147">
        <f t="shared" si="34"/>
        <v>5.7085980000000005E-3</v>
      </c>
      <c r="E1147" s="6">
        <f t="shared" si="35"/>
        <v>0.19277935446000002</v>
      </c>
    </row>
    <row r="1148" spans="1:5" x14ac:dyDescent="0.25">
      <c r="A1148" s="1">
        <v>43603.666666666664</v>
      </c>
      <c r="B1148" s="2">
        <v>38.49</v>
      </c>
      <c r="C1148">
        <v>4.7111899999999993</v>
      </c>
      <c r="D1148">
        <f t="shared" si="34"/>
        <v>4.7111899999999996E-3</v>
      </c>
      <c r="E1148" s="6">
        <f t="shared" si="35"/>
        <v>0.18133370309999999</v>
      </c>
    </row>
    <row r="1149" spans="1:5" x14ac:dyDescent="0.25">
      <c r="A1149" s="1">
        <v>43603.708333333336</v>
      </c>
      <c r="B1149" s="2">
        <v>36.72</v>
      </c>
      <c r="C1149">
        <v>3.3201799999999997</v>
      </c>
      <c r="D1149">
        <f t="shared" si="34"/>
        <v>3.3201799999999998E-3</v>
      </c>
      <c r="E1149" s="6">
        <f t="shared" si="35"/>
        <v>0.12191700959999999</v>
      </c>
    </row>
    <row r="1150" spans="1:5" x14ac:dyDescent="0.25">
      <c r="A1150" s="1">
        <v>43603.75</v>
      </c>
      <c r="B1150" s="2">
        <v>34.380000000000003</v>
      </c>
      <c r="C1150">
        <v>9.6361999999999989E-2</v>
      </c>
      <c r="D1150">
        <f t="shared" si="34"/>
        <v>9.6361999999999983E-5</v>
      </c>
      <c r="E1150" s="6">
        <f t="shared" si="35"/>
        <v>3.3129255599999995E-3</v>
      </c>
    </row>
    <row r="1151" spans="1:5" x14ac:dyDescent="0.25">
      <c r="A1151" s="1">
        <v>43603.791666666664</v>
      </c>
      <c r="B1151" s="2">
        <v>32.86</v>
      </c>
      <c r="C1151">
        <v>0.59309500000000004</v>
      </c>
      <c r="D1151">
        <f t="shared" si="34"/>
        <v>5.9309500000000008E-4</v>
      </c>
      <c r="E1151" s="6">
        <f t="shared" si="35"/>
        <v>1.9489101700000001E-2</v>
      </c>
    </row>
    <row r="1152" spans="1:5" x14ac:dyDescent="0.25">
      <c r="A1152" s="1">
        <v>43603.833333333336</v>
      </c>
      <c r="B1152" s="2">
        <v>34.35</v>
      </c>
      <c r="C1152">
        <v>0</v>
      </c>
      <c r="D1152">
        <f t="shared" si="34"/>
        <v>0</v>
      </c>
      <c r="E1152" s="6">
        <f t="shared" si="35"/>
        <v>0</v>
      </c>
    </row>
    <row r="1153" spans="1:5" x14ac:dyDescent="0.25">
      <c r="A1153" s="1">
        <v>43603.875</v>
      </c>
      <c r="B1153" s="2">
        <v>28.89</v>
      </c>
      <c r="C1153">
        <v>0</v>
      </c>
      <c r="D1153">
        <f t="shared" si="34"/>
        <v>0</v>
      </c>
      <c r="E1153" s="6">
        <f t="shared" si="35"/>
        <v>0</v>
      </c>
    </row>
    <row r="1154" spans="1:5" x14ac:dyDescent="0.25">
      <c r="A1154" s="1">
        <v>43603.916666666664</v>
      </c>
      <c r="B1154" s="2">
        <v>24.66</v>
      </c>
      <c r="C1154">
        <v>0</v>
      </c>
      <c r="D1154">
        <f t="shared" si="34"/>
        <v>0</v>
      </c>
      <c r="E1154" s="6">
        <f t="shared" si="35"/>
        <v>0</v>
      </c>
    </row>
    <row r="1155" spans="1:5" x14ac:dyDescent="0.25">
      <c r="A1155" s="1">
        <v>43603.958333333336</v>
      </c>
      <c r="B1155" s="2">
        <v>21.6</v>
      </c>
      <c r="C1155">
        <v>0</v>
      </c>
      <c r="D1155">
        <f t="shared" si="34"/>
        <v>0</v>
      </c>
      <c r="E1155" s="6">
        <f t="shared" si="35"/>
        <v>0</v>
      </c>
    </row>
    <row r="1156" spans="1:5" x14ac:dyDescent="0.25">
      <c r="A1156" s="1">
        <v>43604</v>
      </c>
      <c r="B1156" s="2">
        <v>19.32</v>
      </c>
      <c r="C1156">
        <v>0</v>
      </c>
      <c r="D1156">
        <f t="shared" si="34"/>
        <v>0</v>
      </c>
      <c r="E1156" s="6">
        <f t="shared" si="35"/>
        <v>0</v>
      </c>
    </row>
    <row r="1157" spans="1:5" x14ac:dyDescent="0.25">
      <c r="A1157" s="1">
        <v>43604.041666666664</v>
      </c>
      <c r="B1157" s="2">
        <v>18.38</v>
      </c>
      <c r="C1157">
        <v>0</v>
      </c>
      <c r="D1157">
        <f t="shared" si="34"/>
        <v>0</v>
      </c>
      <c r="E1157" s="6">
        <f t="shared" si="35"/>
        <v>0</v>
      </c>
    </row>
    <row r="1158" spans="1:5" x14ac:dyDescent="0.25">
      <c r="A1158" s="1">
        <v>43604.083333333336</v>
      </c>
      <c r="B1158" s="2">
        <v>17.39</v>
      </c>
      <c r="C1158">
        <v>0</v>
      </c>
      <c r="D1158">
        <f t="shared" ref="D1158:D1221" si="36">C1158/1000</f>
        <v>0</v>
      </c>
      <c r="E1158" s="6">
        <f t="shared" ref="E1158:E1221" si="37">D1158*B1158</f>
        <v>0</v>
      </c>
    </row>
    <row r="1159" spans="1:5" x14ac:dyDescent="0.25">
      <c r="A1159" s="1">
        <v>43604.125</v>
      </c>
      <c r="B1159" s="2">
        <v>16.37</v>
      </c>
      <c r="C1159">
        <v>0</v>
      </c>
      <c r="D1159">
        <f t="shared" si="36"/>
        <v>0</v>
      </c>
      <c r="E1159" s="6">
        <f t="shared" si="37"/>
        <v>0</v>
      </c>
    </row>
    <row r="1160" spans="1:5" x14ac:dyDescent="0.25">
      <c r="A1160" s="1">
        <v>43604.166666666664</v>
      </c>
      <c r="B1160" s="2">
        <v>16.09</v>
      </c>
      <c r="C1160">
        <v>0</v>
      </c>
      <c r="D1160">
        <f t="shared" si="36"/>
        <v>0</v>
      </c>
      <c r="E1160" s="6">
        <f t="shared" si="37"/>
        <v>0</v>
      </c>
    </row>
    <row r="1161" spans="1:5" x14ac:dyDescent="0.25">
      <c r="A1161" s="1">
        <v>43604.208333333336</v>
      </c>
      <c r="B1161" s="2">
        <v>16.16</v>
      </c>
      <c r="C1161">
        <v>0</v>
      </c>
      <c r="D1161">
        <f t="shared" si="36"/>
        <v>0</v>
      </c>
      <c r="E1161" s="6">
        <f t="shared" si="37"/>
        <v>0</v>
      </c>
    </row>
    <row r="1162" spans="1:5" x14ac:dyDescent="0.25">
      <c r="A1162" s="1">
        <v>43604.25</v>
      </c>
      <c r="B1162" s="2">
        <v>16.37</v>
      </c>
      <c r="C1162">
        <v>0</v>
      </c>
      <c r="D1162">
        <f t="shared" si="36"/>
        <v>0</v>
      </c>
      <c r="E1162" s="6">
        <f t="shared" si="37"/>
        <v>0</v>
      </c>
    </row>
    <row r="1163" spans="1:5" x14ac:dyDescent="0.25">
      <c r="A1163" s="1">
        <v>43604.291666666664</v>
      </c>
      <c r="B1163" s="2">
        <v>18.11</v>
      </c>
      <c r="C1163">
        <v>0.64474699999999996</v>
      </c>
      <c r="D1163">
        <f t="shared" si="36"/>
        <v>6.4474699999999999E-4</v>
      </c>
      <c r="E1163" s="6">
        <f t="shared" si="37"/>
        <v>1.167636817E-2</v>
      </c>
    </row>
    <row r="1164" spans="1:5" x14ac:dyDescent="0.25">
      <c r="A1164" s="1">
        <v>43604.333333333336</v>
      </c>
      <c r="B1164" s="2">
        <v>20.010000000000002</v>
      </c>
      <c r="C1164">
        <v>2.5414659999999998</v>
      </c>
      <c r="D1164">
        <f t="shared" si="36"/>
        <v>2.5414659999999996E-3</v>
      </c>
      <c r="E1164" s="6">
        <f t="shared" si="37"/>
        <v>5.0854734659999998E-2</v>
      </c>
    </row>
    <row r="1165" spans="1:5" x14ac:dyDescent="0.25">
      <c r="A1165" s="1">
        <v>43604.375</v>
      </c>
      <c r="B1165" s="2">
        <v>21.93</v>
      </c>
      <c r="C1165">
        <v>4.5260029999999993</v>
      </c>
      <c r="D1165">
        <f t="shared" si="36"/>
        <v>4.5260029999999989E-3</v>
      </c>
      <c r="E1165" s="6">
        <f t="shared" si="37"/>
        <v>9.9255245789999974E-2</v>
      </c>
    </row>
    <row r="1166" spans="1:5" x14ac:dyDescent="0.25">
      <c r="A1166" s="1">
        <v>43604.416666666664</v>
      </c>
      <c r="B1166" s="2">
        <v>24.27</v>
      </c>
      <c r="C1166">
        <v>6.0556999999999999</v>
      </c>
      <c r="D1166">
        <f t="shared" si="36"/>
        <v>6.0556999999999998E-3</v>
      </c>
      <c r="E1166" s="6">
        <f t="shared" si="37"/>
        <v>0.14697183899999999</v>
      </c>
    </row>
    <row r="1167" spans="1:5" x14ac:dyDescent="0.25">
      <c r="A1167" s="1">
        <v>43604.458333333336</v>
      </c>
      <c r="B1167" s="2">
        <v>25.85</v>
      </c>
      <c r="C1167">
        <v>7.1507479999999992</v>
      </c>
      <c r="D1167">
        <f t="shared" si="36"/>
        <v>7.1507479999999993E-3</v>
      </c>
      <c r="E1167" s="6">
        <f t="shared" si="37"/>
        <v>0.1848468358</v>
      </c>
    </row>
    <row r="1168" spans="1:5" x14ac:dyDescent="0.25">
      <c r="A1168" s="1">
        <v>43604.5</v>
      </c>
      <c r="B1168" s="2">
        <v>30.09</v>
      </c>
      <c r="C1168">
        <v>7.7219189999999998</v>
      </c>
      <c r="D1168">
        <f t="shared" si="36"/>
        <v>7.7219189999999998E-3</v>
      </c>
      <c r="E1168" s="6">
        <f t="shared" si="37"/>
        <v>0.23235254271</v>
      </c>
    </row>
    <row r="1169" spans="1:5" x14ac:dyDescent="0.25">
      <c r="A1169" s="1">
        <v>43604.541666666664</v>
      </c>
      <c r="B1169" s="2">
        <v>31.08</v>
      </c>
      <c r="C1169">
        <v>6.570303</v>
      </c>
      <c r="D1169">
        <f t="shared" si="36"/>
        <v>6.5703030000000004E-3</v>
      </c>
      <c r="E1169" s="6">
        <f t="shared" si="37"/>
        <v>0.20420501724000001</v>
      </c>
    </row>
    <row r="1170" spans="1:5" x14ac:dyDescent="0.25">
      <c r="A1170" s="1">
        <v>43604.583333333336</v>
      </c>
      <c r="B1170" s="2">
        <v>35.43</v>
      </c>
      <c r="C1170">
        <v>7.5955510000000004</v>
      </c>
      <c r="D1170">
        <f t="shared" si="36"/>
        <v>7.5955510000000007E-3</v>
      </c>
      <c r="E1170" s="6">
        <f t="shared" si="37"/>
        <v>0.26911037193000004</v>
      </c>
    </row>
    <row r="1171" spans="1:5" x14ac:dyDescent="0.25">
      <c r="A1171" s="1">
        <v>43604.625</v>
      </c>
      <c r="B1171" s="2">
        <v>35.6</v>
      </c>
      <c r="C1171">
        <v>5.8572299999999995</v>
      </c>
      <c r="D1171">
        <f t="shared" si="36"/>
        <v>5.8572299999999997E-3</v>
      </c>
      <c r="E1171" s="6">
        <f t="shared" si="37"/>
        <v>0.208517388</v>
      </c>
    </row>
    <row r="1172" spans="1:5" x14ac:dyDescent="0.25">
      <c r="A1172" s="1">
        <v>43604.666666666664</v>
      </c>
      <c r="B1172" s="2">
        <v>36.57</v>
      </c>
      <c r="C1172">
        <v>4.7712700000000003</v>
      </c>
      <c r="D1172">
        <f t="shared" si="36"/>
        <v>4.7712700000000002E-3</v>
      </c>
      <c r="E1172" s="6">
        <f t="shared" si="37"/>
        <v>0.17448534390000001</v>
      </c>
    </row>
    <row r="1173" spans="1:5" x14ac:dyDescent="0.25">
      <c r="A1173" s="1">
        <v>43604.708333333336</v>
      </c>
      <c r="B1173" s="2">
        <v>37.729999999999997</v>
      </c>
      <c r="C1173">
        <v>0.36193599999999998</v>
      </c>
      <c r="D1173">
        <f t="shared" si="36"/>
        <v>3.6193599999999999E-4</v>
      </c>
      <c r="E1173" s="6">
        <f t="shared" si="37"/>
        <v>1.3655845279999999E-2</v>
      </c>
    </row>
    <row r="1174" spans="1:5" x14ac:dyDescent="0.25">
      <c r="A1174" s="1">
        <v>43604.75</v>
      </c>
      <c r="B1174" s="2">
        <v>32.29</v>
      </c>
      <c r="C1174">
        <v>0.946048</v>
      </c>
      <c r="D1174">
        <f t="shared" si="36"/>
        <v>9.4604800000000001E-4</v>
      </c>
      <c r="E1174" s="6">
        <f t="shared" si="37"/>
        <v>3.0547889919999998E-2</v>
      </c>
    </row>
    <row r="1175" spans="1:5" x14ac:dyDescent="0.25">
      <c r="A1175" s="1">
        <v>43604.791666666664</v>
      </c>
      <c r="B1175" s="2">
        <v>30.51</v>
      </c>
      <c r="C1175">
        <v>0.55615899999999996</v>
      </c>
      <c r="D1175">
        <f t="shared" si="36"/>
        <v>5.5615899999999997E-4</v>
      </c>
      <c r="E1175" s="6">
        <f t="shared" si="37"/>
        <v>1.696841109E-2</v>
      </c>
    </row>
    <row r="1176" spans="1:5" x14ac:dyDescent="0.25">
      <c r="A1176" s="1">
        <v>43604.833333333336</v>
      </c>
      <c r="B1176" s="2">
        <v>31.3</v>
      </c>
      <c r="C1176">
        <v>0</v>
      </c>
      <c r="D1176">
        <f t="shared" si="36"/>
        <v>0</v>
      </c>
      <c r="E1176" s="6">
        <f t="shared" si="37"/>
        <v>0</v>
      </c>
    </row>
    <row r="1177" spans="1:5" x14ac:dyDescent="0.25">
      <c r="A1177" s="1">
        <v>43604.875</v>
      </c>
      <c r="B1177" s="2">
        <v>28.82</v>
      </c>
      <c r="C1177">
        <v>0</v>
      </c>
      <c r="D1177">
        <f t="shared" si="36"/>
        <v>0</v>
      </c>
      <c r="E1177" s="6">
        <f t="shared" si="37"/>
        <v>0</v>
      </c>
    </row>
    <row r="1178" spans="1:5" x14ac:dyDescent="0.25">
      <c r="A1178" s="1">
        <v>43604.916666666664</v>
      </c>
      <c r="B1178" s="2">
        <v>24.66</v>
      </c>
      <c r="C1178">
        <v>0</v>
      </c>
      <c r="D1178">
        <f t="shared" si="36"/>
        <v>0</v>
      </c>
      <c r="E1178" s="6">
        <f t="shared" si="37"/>
        <v>0</v>
      </c>
    </row>
    <row r="1179" spans="1:5" x14ac:dyDescent="0.25">
      <c r="A1179" s="1">
        <v>43604.958333333336</v>
      </c>
      <c r="B1179" s="2">
        <v>22.12</v>
      </c>
      <c r="C1179">
        <v>0</v>
      </c>
      <c r="D1179">
        <f t="shared" si="36"/>
        <v>0</v>
      </c>
      <c r="E1179" s="6">
        <f t="shared" si="37"/>
        <v>0</v>
      </c>
    </row>
    <row r="1180" spans="1:5" x14ac:dyDescent="0.25">
      <c r="A1180" s="1">
        <v>43605</v>
      </c>
      <c r="B1180" s="2">
        <v>20.49</v>
      </c>
      <c r="C1180">
        <v>0</v>
      </c>
      <c r="D1180">
        <f t="shared" si="36"/>
        <v>0</v>
      </c>
      <c r="E1180" s="6">
        <f t="shared" si="37"/>
        <v>0</v>
      </c>
    </row>
    <row r="1181" spans="1:5" x14ac:dyDescent="0.25">
      <c r="A1181" s="1">
        <v>43605.041666666664</v>
      </c>
      <c r="B1181" s="2">
        <v>18.739999999999998</v>
      </c>
      <c r="C1181">
        <v>0</v>
      </c>
      <c r="D1181">
        <f t="shared" si="36"/>
        <v>0</v>
      </c>
      <c r="E1181" s="6">
        <f t="shared" si="37"/>
        <v>0</v>
      </c>
    </row>
    <row r="1182" spans="1:5" x14ac:dyDescent="0.25">
      <c r="A1182" s="1">
        <v>43605.083333333336</v>
      </c>
      <c r="B1182" s="2">
        <v>17.87</v>
      </c>
      <c r="C1182">
        <v>0</v>
      </c>
      <c r="D1182">
        <f t="shared" si="36"/>
        <v>0</v>
      </c>
      <c r="E1182" s="6">
        <f t="shared" si="37"/>
        <v>0</v>
      </c>
    </row>
    <row r="1183" spans="1:5" x14ac:dyDescent="0.25">
      <c r="A1183" s="1">
        <v>43605.125</v>
      </c>
      <c r="B1183" s="2">
        <v>17.559999999999999</v>
      </c>
      <c r="C1183">
        <v>0</v>
      </c>
      <c r="D1183">
        <f t="shared" si="36"/>
        <v>0</v>
      </c>
      <c r="E1183" s="6">
        <f t="shared" si="37"/>
        <v>0</v>
      </c>
    </row>
    <row r="1184" spans="1:5" x14ac:dyDescent="0.25">
      <c r="A1184" s="1">
        <v>43605.166666666664</v>
      </c>
      <c r="B1184" s="2">
        <v>17.96</v>
      </c>
      <c r="C1184">
        <v>0</v>
      </c>
      <c r="D1184">
        <f t="shared" si="36"/>
        <v>0</v>
      </c>
      <c r="E1184" s="6">
        <f t="shared" si="37"/>
        <v>0</v>
      </c>
    </row>
    <row r="1185" spans="1:5" x14ac:dyDescent="0.25">
      <c r="A1185" s="1">
        <v>43605.208333333336</v>
      </c>
      <c r="B1185" s="2">
        <v>19.78</v>
      </c>
      <c r="C1185">
        <v>0</v>
      </c>
      <c r="D1185">
        <f t="shared" si="36"/>
        <v>0</v>
      </c>
      <c r="E1185" s="6">
        <f t="shared" si="37"/>
        <v>0</v>
      </c>
    </row>
    <row r="1186" spans="1:5" x14ac:dyDescent="0.25">
      <c r="A1186" s="1">
        <v>43605.25</v>
      </c>
      <c r="B1186" s="2">
        <v>22.4</v>
      </c>
      <c r="C1186">
        <v>0</v>
      </c>
      <c r="D1186">
        <f t="shared" si="36"/>
        <v>0</v>
      </c>
      <c r="E1186" s="6">
        <f t="shared" si="37"/>
        <v>0</v>
      </c>
    </row>
    <row r="1187" spans="1:5" x14ac:dyDescent="0.25">
      <c r="A1187" s="1">
        <v>43605.291666666664</v>
      </c>
      <c r="B1187" s="2">
        <v>24.32</v>
      </c>
      <c r="C1187">
        <v>0.66606699999999996</v>
      </c>
      <c r="D1187">
        <f t="shared" si="36"/>
        <v>6.66067E-4</v>
      </c>
      <c r="E1187" s="6">
        <f t="shared" si="37"/>
        <v>1.619874944E-2</v>
      </c>
    </row>
    <row r="1188" spans="1:5" x14ac:dyDescent="0.25">
      <c r="A1188" s="1">
        <v>43605.333333333336</v>
      </c>
      <c r="B1188" s="2">
        <v>24.87</v>
      </c>
      <c r="C1188">
        <v>1.1086819999999999</v>
      </c>
      <c r="D1188">
        <f t="shared" si="36"/>
        <v>1.1086819999999999E-3</v>
      </c>
      <c r="E1188" s="6">
        <f t="shared" si="37"/>
        <v>2.7572921340000001E-2</v>
      </c>
    </row>
    <row r="1189" spans="1:5" x14ac:dyDescent="0.25">
      <c r="A1189" s="1">
        <v>43605.375</v>
      </c>
      <c r="B1189" s="2">
        <v>26.21</v>
      </c>
      <c r="C1189">
        <v>1.764635</v>
      </c>
      <c r="D1189">
        <f t="shared" si="36"/>
        <v>1.7646349999999999E-3</v>
      </c>
      <c r="E1189" s="6">
        <f t="shared" si="37"/>
        <v>4.625108335E-2</v>
      </c>
    </row>
    <row r="1190" spans="1:5" x14ac:dyDescent="0.25">
      <c r="A1190" s="1">
        <v>43605.416666666664</v>
      </c>
      <c r="B1190" s="2">
        <v>27.74</v>
      </c>
      <c r="C1190">
        <v>3.7376450000000001</v>
      </c>
      <c r="D1190">
        <f t="shared" si="36"/>
        <v>3.7376449999999999E-3</v>
      </c>
      <c r="E1190" s="6">
        <f t="shared" si="37"/>
        <v>0.10368227229999999</v>
      </c>
    </row>
    <row r="1191" spans="1:5" x14ac:dyDescent="0.25">
      <c r="A1191" s="1">
        <v>43605.458333333336</v>
      </c>
      <c r="B1191" s="2">
        <v>29.97</v>
      </c>
      <c r="C1191">
        <v>5.4882759999999999</v>
      </c>
      <c r="D1191">
        <f t="shared" si="36"/>
        <v>5.4882760000000003E-3</v>
      </c>
      <c r="E1191" s="6">
        <f t="shared" si="37"/>
        <v>0.16448363172</v>
      </c>
    </row>
    <row r="1192" spans="1:5" x14ac:dyDescent="0.25">
      <c r="A1192" s="1">
        <v>43605.5</v>
      </c>
      <c r="B1192" s="2">
        <v>31.89</v>
      </c>
      <c r="C1192">
        <v>5.6445069999999999</v>
      </c>
      <c r="D1192">
        <f t="shared" si="36"/>
        <v>5.644507E-3</v>
      </c>
      <c r="E1192" s="6">
        <f t="shared" si="37"/>
        <v>0.18000332823000001</v>
      </c>
    </row>
    <row r="1193" spans="1:5" x14ac:dyDescent="0.25">
      <c r="A1193" s="1">
        <v>43605.541666666664</v>
      </c>
      <c r="B1193" s="2">
        <v>34.020000000000003</v>
      </c>
      <c r="C1193">
        <v>7.6246739999999997</v>
      </c>
      <c r="D1193">
        <f t="shared" si="36"/>
        <v>7.6246739999999997E-3</v>
      </c>
      <c r="E1193" s="6">
        <f t="shared" si="37"/>
        <v>0.25939140948</v>
      </c>
    </row>
    <row r="1194" spans="1:5" x14ac:dyDescent="0.25">
      <c r="A1194" s="1">
        <v>43605.583333333336</v>
      </c>
      <c r="B1194" s="2">
        <v>36.229999999999997</v>
      </c>
      <c r="C1194">
        <v>5.8012349999999993</v>
      </c>
      <c r="D1194">
        <f t="shared" si="36"/>
        <v>5.8012349999999992E-3</v>
      </c>
      <c r="E1194" s="6">
        <f t="shared" si="37"/>
        <v>0.21017874404999995</v>
      </c>
    </row>
    <row r="1195" spans="1:5" x14ac:dyDescent="0.25">
      <c r="A1195" s="1">
        <v>43605.625</v>
      </c>
      <c r="B1195" s="2">
        <v>36.08</v>
      </c>
      <c r="C1195">
        <v>6.7548450000000004</v>
      </c>
      <c r="D1195">
        <f t="shared" si="36"/>
        <v>6.7548450000000006E-3</v>
      </c>
      <c r="E1195" s="6">
        <f t="shared" si="37"/>
        <v>0.2437148076</v>
      </c>
    </row>
    <row r="1196" spans="1:5" x14ac:dyDescent="0.25">
      <c r="A1196" s="1">
        <v>43605.666666666664</v>
      </c>
      <c r="B1196" s="2">
        <v>36.619999999999997</v>
      </c>
      <c r="C1196">
        <v>4.3660680000000003</v>
      </c>
      <c r="D1196">
        <f t="shared" si="36"/>
        <v>4.3660679999999999E-3</v>
      </c>
      <c r="E1196" s="6">
        <f t="shared" si="37"/>
        <v>0.15988541015999999</v>
      </c>
    </row>
    <row r="1197" spans="1:5" x14ac:dyDescent="0.25">
      <c r="A1197" s="1">
        <v>43605.708333333336</v>
      </c>
      <c r="B1197" s="2">
        <v>36.47</v>
      </c>
      <c r="C1197">
        <v>3.9868890000000001</v>
      </c>
      <c r="D1197">
        <f t="shared" si="36"/>
        <v>3.9868890000000004E-3</v>
      </c>
      <c r="E1197" s="6">
        <f t="shared" si="37"/>
        <v>0.14540184183000002</v>
      </c>
    </row>
    <row r="1198" spans="1:5" x14ac:dyDescent="0.25">
      <c r="A1198" s="1">
        <v>43605.75</v>
      </c>
      <c r="B1198" s="2">
        <v>31.47</v>
      </c>
      <c r="C1198">
        <v>1.904072</v>
      </c>
      <c r="D1198">
        <f t="shared" si="36"/>
        <v>1.9040719999999999E-3</v>
      </c>
      <c r="E1198" s="6">
        <f t="shared" si="37"/>
        <v>5.9921145839999995E-2</v>
      </c>
    </row>
    <row r="1199" spans="1:5" x14ac:dyDescent="0.25">
      <c r="A1199" s="1">
        <v>43605.791666666664</v>
      </c>
      <c r="B1199" s="2">
        <v>29.23</v>
      </c>
      <c r="C1199">
        <v>0.60974000000000006</v>
      </c>
      <c r="D1199">
        <f t="shared" si="36"/>
        <v>6.0974000000000011E-4</v>
      </c>
      <c r="E1199" s="6">
        <f t="shared" si="37"/>
        <v>1.7822700200000003E-2</v>
      </c>
    </row>
    <row r="1200" spans="1:5" x14ac:dyDescent="0.25">
      <c r="A1200" s="1">
        <v>43605.833333333336</v>
      </c>
      <c r="B1200" s="2">
        <v>28.66</v>
      </c>
      <c r="C1200">
        <v>0</v>
      </c>
      <c r="D1200">
        <f t="shared" si="36"/>
        <v>0</v>
      </c>
      <c r="E1200" s="6">
        <f t="shared" si="37"/>
        <v>0</v>
      </c>
    </row>
    <row r="1201" spans="1:5" x14ac:dyDescent="0.25">
      <c r="A1201" s="1">
        <v>43605.875</v>
      </c>
      <c r="B1201" s="2">
        <v>27.76</v>
      </c>
      <c r="C1201">
        <v>0</v>
      </c>
      <c r="D1201">
        <f t="shared" si="36"/>
        <v>0</v>
      </c>
      <c r="E1201" s="6">
        <f t="shared" si="37"/>
        <v>0</v>
      </c>
    </row>
    <row r="1202" spans="1:5" x14ac:dyDescent="0.25">
      <c r="A1202" s="1">
        <v>43605.916666666664</v>
      </c>
      <c r="B1202" s="2">
        <v>23.75</v>
      </c>
      <c r="C1202">
        <v>0</v>
      </c>
      <c r="D1202">
        <f t="shared" si="36"/>
        <v>0</v>
      </c>
      <c r="E1202" s="6">
        <f t="shared" si="37"/>
        <v>0</v>
      </c>
    </row>
    <row r="1203" spans="1:5" x14ac:dyDescent="0.25">
      <c r="A1203" s="1">
        <v>43605.958333333336</v>
      </c>
      <c r="B1203" s="2">
        <v>22.21</v>
      </c>
      <c r="C1203">
        <v>0</v>
      </c>
      <c r="D1203">
        <f t="shared" si="36"/>
        <v>0</v>
      </c>
      <c r="E1203" s="6">
        <f t="shared" si="37"/>
        <v>0</v>
      </c>
    </row>
    <row r="1204" spans="1:5" x14ac:dyDescent="0.25">
      <c r="A1204" s="1">
        <v>43606</v>
      </c>
      <c r="B1204" s="2">
        <v>19.63</v>
      </c>
      <c r="C1204">
        <v>0</v>
      </c>
      <c r="D1204">
        <f t="shared" si="36"/>
        <v>0</v>
      </c>
      <c r="E1204" s="6">
        <f t="shared" si="37"/>
        <v>0</v>
      </c>
    </row>
    <row r="1205" spans="1:5" x14ac:dyDescent="0.25">
      <c r="A1205" s="1">
        <v>43606.041666666664</v>
      </c>
      <c r="B1205" s="2">
        <v>18.829999999999998</v>
      </c>
      <c r="C1205">
        <v>0</v>
      </c>
      <c r="D1205">
        <f t="shared" si="36"/>
        <v>0</v>
      </c>
      <c r="E1205" s="6">
        <f t="shared" si="37"/>
        <v>0</v>
      </c>
    </row>
    <row r="1206" spans="1:5" x14ac:dyDescent="0.25">
      <c r="A1206" s="1">
        <v>43606.083333333336</v>
      </c>
      <c r="B1206" s="2">
        <v>18.739999999999998</v>
      </c>
      <c r="C1206">
        <v>0</v>
      </c>
      <c r="D1206">
        <f t="shared" si="36"/>
        <v>0</v>
      </c>
      <c r="E1206" s="6">
        <f t="shared" si="37"/>
        <v>0</v>
      </c>
    </row>
    <row r="1207" spans="1:5" x14ac:dyDescent="0.25">
      <c r="A1207" s="1">
        <v>43606.125</v>
      </c>
      <c r="B1207" s="2">
        <v>18.46</v>
      </c>
      <c r="C1207">
        <v>0</v>
      </c>
      <c r="D1207">
        <f t="shared" si="36"/>
        <v>0</v>
      </c>
      <c r="E1207" s="6">
        <f t="shared" si="37"/>
        <v>0</v>
      </c>
    </row>
    <row r="1208" spans="1:5" x14ac:dyDescent="0.25">
      <c r="A1208" s="1">
        <v>43606.166666666664</v>
      </c>
      <c r="B1208" s="2">
        <v>18.8</v>
      </c>
      <c r="C1208">
        <v>0</v>
      </c>
      <c r="D1208">
        <f t="shared" si="36"/>
        <v>0</v>
      </c>
      <c r="E1208" s="6">
        <f t="shared" si="37"/>
        <v>0</v>
      </c>
    </row>
    <row r="1209" spans="1:5" x14ac:dyDescent="0.25">
      <c r="A1209" s="1">
        <v>43606.208333333336</v>
      </c>
      <c r="B1209" s="2">
        <v>19.010000000000002</v>
      </c>
      <c r="C1209">
        <v>0</v>
      </c>
      <c r="D1209">
        <f t="shared" si="36"/>
        <v>0</v>
      </c>
      <c r="E1209" s="6">
        <f t="shared" si="37"/>
        <v>0</v>
      </c>
    </row>
    <row r="1210" spans="1:5" x14ac:dyDescent="0.25">
      <c r="A1210" s="1">
        <v>43606.25</v>
      </c>
      <c r="B1210" s="2">
        <v>22.77</v>
      </c>
      <c r="C1210">
        <v>3.8482000000000002E-2</v>
      </c>
      <c r="D1210">
        <f t="shared" si="36"/>
        <v>3.8482000000000002E-5</v>
      </c>
      <c r="E1210" s="6">
        <f t="shared" si="37"/>
        <v>8.7623514000000004E-4</v>
      </c>
    </row>
    <row r="1211" spans="1:5" x14ac:dyDescent="0.25">
      <c r="A1211" s="1">
        <v>43606.291666666664</v>
      </c>
      <c r="B1211" s="2">
        <v>23.09</v>
      </c>
      <c r="C1211">
        <v>0.66918600000000006</v>
      </c>
      <c r="D1211">
        <f t="shared" si="36"/>
        <v>6.6918600000000011E-4</v>
      </c>
      <c r="E1211" s="6">
        <f t="shared" si="37"/>
        <v>1.5451504740000002E-2</v>
      </c>
    </row>
    <row r="1212" spans="1:5" x14ac:dyDescent="0.25">
      <c r="A1212" s="1">
        <v>43606.333333333336</v>
      </c>
      <c r="B1212" s="2">
        <v>22.69</v>
      </c>
      <c r="C1212">
        <v>2.4691480000000001</v>
      </c>
      <c r="D1212">
        <f t="shared" si="36"/>
        <v>2.469148E-3</v>
      </c>
      <c r="E1212" s="6">
        <f t="shared" si="37"/>
        <v>5.6024968120000004E-2</v>
      </c>
    </row>
    <row r="1213" spans="1:5" x14ac:dyDescent="0.25">
      <c r="A1213" s="1">
        <v>43606.375</v>
      </c>
      <c r="B1213" s="2">
        <v>23.1</v>
      </c>
      <c r="C1213">
        <v>4.352436</v>
      </c>
      <c r="D1213">
        <f t="shared" si="36"/>
        <v>4.3524360000000003E-3</v>
      </c>
      <c r="E1213" s="6">
        <f t="shared" si="37"/>
        <v>0.10054127160000001</v>
      </c>
    </row>
    <row r="1214" spans="1:5" x14ac:dyDescent="0.25">
      <c r="A1214" s="1">
        <v>43606.416666666664</v>
      </c>
      <c r="B1214" s="2">
        <v>24.02</v>
      </c>
      <c r="C1214">
        <v>5.8221350000000003</v>
      </c>
      <c r="D1214">
        <f t="shared" si="36"/>
        <v>5.822135E-3</v>
      </c>
      <c r="E1214" s="6">
        <f t="shared" si="37"/>
        <v>0.1398476827</v>
      </c>
    </row>
    <row r="1215" spans="1:5" x14ac:dyDescent="0.25">
      <c r="A1215" s="1">
        <v>43606.458333333336</v>
      </c>
      <c r="B1215" s="2">
        <v>24.18</v>
      </c>
      <c r="C1215">
        <v>6.8739499999999998</v>
      </c>
      <c r="D1215">
        <f t="shared" si="36"/>
        <v>6.8739500000000002E-3</v>
      </c>
      <c r="E1215" s="6">
        <f t="shared" si="37"/>
        <v>0.166212111</v>
      </c>
    </row>
    <row r="1216" spans="1:5" x14ac:dyDescent="0.25">
      <c r="A1216" s="1">
        <v>43606.5</v>
      </c>
      <c r="B1216" s="2">
        <v>25.08</v>
      </c>
      <c r="C1216">
        <v>7.4326760000000007</v>
      </c>
      <c r="D1216">
        <f t="shared" si="36"/>
        <v>7.4326760000000009E-3</v>
      </c>
      <c r="E1216" s="6">
        <f t="shared" si="37"/>
        <v>0.18641151408000001</v>
      </c>
    </row>
    <row r="1217" spans="1:5" x14ac:dyDescent="0.25">
      <c r="A1217" s="1">
        <v>43606.541666666664</v>
      </c>
      <c r="B1217" s="2">
        <v>26.52</v>
      </c>
      <c r="C1217">
        <v>7.5392200000000003</v>
      </c>
      <c r="D1217">
        <f t="shared" si="36"/>
        <v>7.5392200000000001E-3</v>
      </c>
      <c r="E1217" s="6">
        <f t="shared" si="37"/>
        <v>0.19994011440000001</v>
      </c>
    </row>
    <row r="1218" spans="1:5" x14ac:dyDescent="0.25">
      <c r="A1218" s="1">
        <v>43606.583333333336</v>
      </c>
      <c r="B1218" s="2">
        <v>25.96</v>
      </c>
      <c r="C1218">
        <v>6.5738019999999997</v>
      </c>
      <c r="D1218">
        <f t="shared" si="36"/>
        <v>6.5738020000000001E-3</v>
      </c>
      <c r="E1218" s="6">
        <f t="shared" si="37"/>
        <v>0.17065589992000002</v>
      </c>
    </row>
    <row r="1219" spans="1:5" x14ac:dyDescent="0.25">
      <c r="A1219" s="1">
        <v>43606.625</v>
      </c>
      <c r="B1219" s="2">
        <v>25.78</v>
      </c>
      <c r="C1219">
        <v>6.6108770000000003</v>
      </c>
      <c r="D1219">
        <f t="shared" si="36"/>
        <v>6.6108770000000002E-3</v>
      </c>
      <c r="E1219" s="6">
        <f t="shared" si="37"/>
        <v>0.17042840906000001</v>
      </c>
    </row>
    <row r="1220" spans="1:5" x14ac:dyDescent="0.25">
      <c r="A1220" s="1">
        <v>43606.666666666664</v>
      </c>
      <c r="B1220" s="2">
        <v>27.1</v>
      </c>
      <c r="C1220">
        <v>5.5022290000000007</v>
      </c>
      <c r="D1220">
        <f t="shared" si="36"/>
        <v>5.5022290000000008E-3</v>
      </c>
      <c r="E1220" s="6">
        <f t="shared" si="37"/>
        <v>0.14911040590000002</v>
      </c>
    </row>
    <row r="1221" spans="1:5" x14ac:dyDescent="0.25">
      <c r="A1221" s="1">
        <v>43606.708333333336</v>
      </c>
      <c r="B1221" s="2">
        <v>27.15</v>
      </c>
      <c r="C1221">
        <v>4.0059839999999998</v>
      </c>
      <c r="D1221">
        <f t="shared" si="36"/>
        <v>4.0059839999999998E-3</v>
      </c>
      <c r="E1221" s="6">
        <f t="shared" si="37"/>
        <v>0.10876246559999998</v>
      </c>
    </row>
    <row r="1222" spans="1:5" x14ac:dyDescent="0.25">
      <c r="A1222" s="1">
        <v>43606.75</v>
      </c>
      <c r="B1222" s="2">
        <v>25.83</v>
      </c>
      <c r="C1222">
        <v>2.2199819999999999</v>
      </c>
      <c r="D1222">
        <f t="shared" ref="D1222:D1285" si="38">C1222/1000</f>
        <v>2.2199819999999997E-3</v>
      </c>
      <c r="E1222" s="6">
        <f t="shared" ref="E1222:E1285" si="39">D1222*B1222</f>
        <v>5.7342135059999987E-2</v>
      </c>
    </row>
    <row r="1223" spans="1:5" x14ac:dyDescent="0.25">
      <c r="A1223" s="1">
        <v>43606.791666666664</v>
      </c>
      <c r="B1223" s="2">
        <v>24.59</v>
      </c>
      <c r="C1223">
        <v>0.67677900000000002</v>
      </c>
      <c r="D1223">
        <f t="shared" si="38"/>
        <v>6.7677899999999997E-4</v>
      </c>
      <c r="E1223" s="6">
        <f t="shared" si="39"/>
        <v>1.6641995609999998E-2</v>
      </c>
    </row>
    <row r="1224" spans="1:5" x14ac:dyDescent="0.25">
      <c r="A1224" s="1">
        <v>43606.833333333336</v>
      </c>
      <c r="B1224" s="2">
        <v>25.21</v>
      </c>
      <c r="C1224">
        <v>0</v>
      </c>
      <c r="D1224">
        <f t="shared" si="38"/>
        <v>0</v>
      </c>
      <c r="E1224" s="6">
        <f t="shared" si="39"/>
        <v>0</v>
      </c>
    </row>
    <row r="1225" spans="1:5" x14ac:dyDescent="0.25">
      <c r="A1225" s="1">
        <v>43606.875</v>
      </c>
      <c r="B1225" s="2">
        <v>23.83</v>
      </c>
      <c r="C1225">
        <v>0</v>
      </c>
      <c r="D1225">
        <f t="shared" si="38"/>
        <v>0</v>
      </c>
      <c r="E1225" s="6">
        <f t="shared" si="39"/>
        <v>0</v>
      </c>
    </row>
    <row r="1226" spans="1:5" x14ac:dyDescent="0.25">
      <c r="A1226" s="1">
        <v>43606.916666666664</v>
      </c>
      <c r="B1226" s="2">
        <v>21.09</v>
      </c>
      <c r="C1226">
        <v>0</v>
      </c>
      <c r="D1226">
        <f t="shared" si="38"/>
        <v>0</v>
      </c>
      <c r="E1226" s="6">
        <f t="shared" si="39"/>
        <v>0</v>
      </c>
    </row>
    <row r="1227" spans="1:5" x14ac:dyDescent="0.25">
      <c r="A1227" s="1">
        <v>43606.958333333336</v>
      </c>
      <c r="B1227" s="2">
        <v>18.600000000000001</v>
      </c>
      <c r="C1227">
        <v>0</v>
      </c>
      <c r="D1227">
        <f t="shared" si="38"/>
        <v>0</v>
      </c>
      <c r="E1227" s="6">
        <f t="shared" si="39"/>
        <v>0</v>
      </c>
    </row>
    <row r="1228" spans="1:5" x14ac:dyDescent="0.25">
      <c r="A1228" s="1">
        <v>43607</v>
      </c>
      <c r="B1228" s="2">
        <v>17.41</v>
      </c>
      <c r="C1228">
        <v>0</v>
      </c>
      <c r="D1228">
        <f t="shared" si="38"/>
        <v>0</v>
      </c>
      <c r="E1228" s="6">
        <f t="shared" si="39"/>
        <v>0</v>
      </c>
    </row>
    <row r="1229" spans="1:5" x14ac:dyDescent="0.25">
      <c r="A1229" s="1">
        <v>43607.041666666664</v>
      </c>
      <c r="B1229" s="2">
        <v>17.09</v>
      </c>
      <c r="C1229">
        <v>0</v>
      </c>
      <c r="D1229">
        <f t="shared" si="38"/>
        <v>0</v>
      </c>
      <c r="E1229" s="6">
        <f t="shared" si="39"/>
        <v>0</v>
      </c>
    </row>
    <row r="1230" spans="1:5" x14ac:dyDescent="0.25">
      <c r="A1230" s="1">
        <v>43607.083333333336</v>
      </c>
      <c r="B1230" s="2">
        <v>16.12</v>
      </c>
      <c r="C1230">
        <v>0</v>
      </c>
      <c r="D1230">
        <f t="shared" si="38"/>
        <v>0</v>
      </c>
      <c r="E1230" s="6">
        <f t="shared" si="39"/>
        <v>0</v>
      </c>
    </row>
    <row r="1231" spans="1:5" x14ac:dyDescent="0.25">
      <c r="A1231" s="1">
        <v>43607.125</v>
      </c>
      <c r="B1231" s="2">
        <v>16.079999999999998</v>
      </c>
      <c r="C1231">
        <v>0</v>
      </c>
      <c r="D1231">
        <f t="shared" si="38"/>
        <v>0</v>
      </c>
      <c r="E1231" s="6">
        <f t="shared" si="39"/>
        <v>0</v>
      </c>
    </row>
    <row r="1232" spans="1:5" x14ac:dyDescent="0.25">
      <c r="A1232" s="1">
        <v>43607.166666666664</v>
      </c>
      <c r="B1232" s="2">
        <v>17.010000000000002</v>
      </c>
      <c r="C1232">
        <v>0</v>
      </c>
      <c r="D1232">
        <f t="shared" si="38"/>
        <v>0</v>
      </c>
      <c r="E1232" s="6">
        <f t="shared" si="39"/>
        <v>0</v>
      </c>
    </row>
    <row r="1233" spans="1:5" x14ac:dyDescent="0.25">
      <c r="A1233" s="1">
        <v>43607.208333333336</v>
      </c>
      <c r="B1233" s="2">
        <v>18.170000000000002</v>
      </c>
      <c r="C1233">
        <v>0</v>
      </c>
      <c r="D1233">
        <f t="shared" si="38"/>
        <v>0</v>
      </c>
      <c r="E1233" s="6">
        <f t="shared" si="39"/>
        <v>0</v>
      </c>
    </row>
    <row r="1234" spans="1:5" x14ac:dyDescent="0.25">
      <c r="A1234" s="1">
        <v>43607.25</v>
      </c>
      <c r="B1234" s="2">
        <v>21.38</v>
      </c>
      <c r="C1234">
        <v>3.8457999999999999E-2</v>
      </c>
      <c r="D1234">
        <f t="shared" si="38"/>
        <v>3.8457999999999997E-5</v>
      </c>
      <c r="E1234" s="6">
        <f t="shared" si="39"/>
        <v>8.2223203999999984E-4</v>
      </c>
    </row>
    <row r="1235" spans="1:5" x14ac:dyDescent="0.25">
      <c r="A1235" s="1">
        <v>43607.291666666664</v>
      </c>
      <c r="B1235" s="2">
        <v>21.52</v>
      </c>
      <c r="C1235">
        <v>0.62319399999999991</v>
      </c>
      <c r="D1235">
        <f t="shared" si="38"/>
        <v>6.2319399999999987E-4</v>
      </c>
      <c r="E1235" s="6">
        <f t="shared" si="39"/>
        <v>1.3411134879999996E-2</v>
      </c>
    </row>
    <row r="1236" spans="1:5" x14ac:dyDescent="0.25">
      <c r="A1236" s="1">
        <v>43607.333333333336</v>
      </c>
      <c r="B1236" s="2">
        <v>21.55</v>
      </c>
      <c r="C1236">
        <v>1.8633109999999999</v>
      </c>
      <c r="D1236">
        <f t="shared" si="38"/>
        <v>1.8633109999999999E-3</v>
      </c>
      <c r="E1236" s="6">
        <f t="shared" si="39"/>
        <v>4.0154352050000001E-2</v>
      </c>
    </row>
    <row r="1237" spans="1:5" x14ac:dyDescent="0.25">
      <c r="A1237" s="1">
        <v>43607.375</v>
      </c>
      <c r="B1237" s="2">
        <v>22.78</v>
      </c>
      <c r="C1237">
        <v>3.5968550000000001</v>
      </c>
      <c r="D1237">
        <f t="shared" si="38"/>
        <v>3.5968549999999999E-3</v>
      </c>
      <c r="E1237" s="6">
        <f t="shared" si="39"/>
        <v>8.1936356900000007E-2</v>
      </c>
    </row>
    <row r="1238" spans="1:5" x14ac:dyDescent="0.25">
      <c r="A1238" s="1">
        <v>43607.416666666664</v>
      </c>
      <c r="B1238" s="2">
        <v>23.46</v>
      </c>
      <c r="C1238">
        <v>5.1276319999999993</v>
      </c>
      <c r="D1238">
        <f t="shared" si="38"/>
        <v>5.1276319999999992E-3</v>
      </c>
      <c r="E1238" s="6">
        <f t="shared" si="39"/>
        <v>0.12029424671999998</v>
      </c>
    </row>
    <row r="1239" spans="1:5" x14ac:dyDescent="0.25">
      <c r="A1239" s="1">
        <v>43607.458333333336</v>
      </c>
      <c r="B1239" s="2">
        <v>24.6</v>
      </c>
      <c r="C1239">
        <v>6.4950089999999996</v>
      </c>
      <c r="D1239">
        <f t="shared" si="38"/>
        <v>6.4950089999999995E-3</v>
      </c>
      <c r="E1239" s="6">
        <f t="shared" si="39"/>
        <v>0.1597772214</v>
      </c>
    </row>
    <row r="1240" spans="1:5" x14ac:dyDescent="0.25">
      <c r="A1240" s="1">
        <v>43607.5</v>
      </c>
      <c r="B1240" s="2">
        <v>26.89</v>
      </c>
      <c r="C1240">
        <v>7.6505850000000004</v>
      </c>
      <c r="D1240">
        <f t="shared" si="38"/>
        <v>7.6505850000000005E-3</v>
      </c>
      <c r="E1240" s="6">
        <f t="shared" si="39"/>
        <v>0.20572423065000001</v>
      </c>
    </row>
    <row r="1241" spans="1:5" x14ac:dyDescent="0.25">
      <c r="A1241" s="1">
        <v>43607.541666666664</v>
      </c>
      <c r="B1241" s="2">
        <v>31.18</v>
      </c>
      <c r="C1241">
        <v>7.7967790000000008</v>
      </c>
      <c r="D1241">
        <f t="shared" si="38"/>
        <v>7.7967790000000011E-3</v>
      </c>
      <c r="E1241" s="6">
        <f t="shared" si="39"/>
        <v>0.24310356922000004</v>
      </c>
    </row>
    <row r="1242" spans="1:5" x14ac:dyDescent="0.25">
      <c r="A1242" s="1">
        <v>43607.583333333336</v>
      </c>
      <c r="B1242" s="2">
        <v>35.18</v>
      </c>
      <c r="C1242">
        <v>7.5515660000000002</v>
      </c>
      <c r="D1242">
        <f t="shared" si="38"/>
        <v>7.551566E-3</v>
      </c>
      <c r="E1242" s="6">
        <f t="shared" si="39"/>
        <v>0.26566409188000001</v>
      </c>
    </row>
    <row r="1243" spans="1:5" x14ac:dyDescent="0.25">
      <c r="A1243" s="1">
        <v>43607.625</v>
      </c>
      <c r="B1243" s="2">
        <v>39.06</v>
      </c>
      <c r="C1243">
        <v>6.8948639999999992</v>
      </c>
      <c r="D1243">
        <f t="shared" si="38"/>
        <v>6.8948639999999988E-3</v>
      </c>
      <c r="E1243" s="6">
        <f t="shared" si="39"/>
        <v>0.26931338783999997</v>
      </c>
    </row>
    <row r="1244" spans="1:5" x14ac:dyDescent="0.25">
      <c r="A1244" s="1">
        <v>43607.666666666664</v>
      </c>
      <c r="B1244" s="2">
        <v>40.32</v>
      </c>
      <c r="C1244">
        <v>5.8416880000000004</v>
      </c>
      <c r="D1244">
        <f t="shared" si="38"/>
        <v>5.8416880000000003E-3</v>
      </c>
      <c r="E1244" s="6">
        <f t="shared" si="39"/>
        <v>0.23553686016</v>
      </c>
    </row>
    <row r="1245" spans="1:5" x14ac:dyDescent="0.25">
      <c r="A1245" s="1">
        <v>43607.708333333336</v>
      </c>
      <c r="B1245" s="2">
        <v>40.97</v>
      </c>
      <c r="C1245">
        <v>4.3283050000000003</v>
      </c>
      <c r="D1245">
        <f t="shared" si="38"/>
        <v>4.3283050000000002E-3</v>
      </c>
      <c r="E1245" s="6">
        <f t="shared" si="39"/>
        <v>0.17733065584999999</v>
      </c>
    </row>
    <row r="1246" spans="1:5" x14ac:dyDescent="0.25">
      <c r="A1246" s="1">
        <v>43607.75</v>
      </c>
      <c r="B1246" s="2">
        <v>34.590000000000003</v>
      </c>
      <c r="C1246">
        <v>2.416763</v>
      </c>
      <c r="D1246">
        <f t="shared" si="38"/>
        <v>2.4167630000000002E-3</v>
      </c>
      <c r="E1246" s="6">
        <f t="shared" si="39"/>
        <v>8.3595832170000009E-2</v>
      </c>
    </row>
    <row r="1247" spans="1:5" x14ac:dyDescent="0.25">
      <c r="A1247" s="1">
        <v>43607.791666666664</v>
      </c>
      <c r="B1247" s="2">
        <v>31.54</v>
      </c>
      <c r="C1247">
        <v>0.5965689999999999</v>
      </c>
      <c r="D1247">
        <f t="shared" si="38"/>
        <v>5.9656899999999992E-4</v>
      </c>
      <c r="E1247" s="6">
        <f t="shared" si="39"/>
        <v>1.8815786259999998E-2</v>
      </c>
    </row>
    <row r="1248" spans="1:5" x14ac:dyDescent="0.25">
      <c r="A1248" s="1">
        <v>43607.833333333336</v>
      </c>
      <c r="B1248" s="2">
        <v>31.57</v>
      </c>
      <c r="C1248">
        <v>1.8926999999999999E-2</v>
      </c>
      <c r="D1248">
        <f t="shared" si="38"/>
        <v>1.8927E-5</v>
      </c>
      <c r="E1248" s="6">
        <f t="shared" si="39"/>
        <v>5.9752538999999997E-4</v>
      </c>
    </row>
    <row r="1249" spans="1:5" x14ac:dyDescent="0.25">
      <c r="A1249" s="1">
        <v>43607.875</v>
      </c>
      <c r="B1249" s="2">
        <v>28.18</v>
      </c>
      <c r="C1249">
        <v>0</v>
      </c>
      <c r="D1249">
        <f t="shared" si="38"/>
        <v>0</v>
      </c>
      <c r="E1249" s="6">
        <f t="shared" si="39"/>
        <v>0</v>
      </c>
    </row>
    <row r="1250" spans="1:5" x14ac:dyDescent="0.25">
      <c r="A1250" s="1">
        <v>43607.916666666664</v>
      </c>
      <c r="B1250" s="2">
        <v>23.36</v>
      </c>
      <c r="C1250">
        <v>0</v>
      </c>
      <c r="D1250">
        <f t="shared" si="38"/>
        <v>0</v>
      </c>
      <c r="E1250" s="6">
        <f t="shared" si="39"/>
        <v>0</v>
      </c>
    </row>
    <row r="1251" spans="1:5" x14ac:dyDescent="0.25">
      <c r="A1251" s="1">
        <v>43607.958333333336</v>
      </c>
      <c r="B1251" s="2">
        <v>21.57</v>
      </c>
      <c r="C1251">
        <v>0</v>
      </c>
      <c r="D1251">
        <f t="shared" si="38"/>
        <v>0</v>
      </c>
      <c r="E1251" s="6">
        <f t="shared" si="39"/>
        <v>0</v>
      </c>
    </row>
    <row r="1252" spans="1:5" x14ac:dyDescent="0.25">
      <c r="A1252" s="1">
        <v>43608</v>
      </c>
      <c r="B1252" s="2">
        <v>18.53</v>
      </c>
      <c r="C1252">
        <v>0</v>
      </c>
      <c r="D1252">
        <f t="shared" si="38"/>
        <v>0</v>
      </c>
      <c r="E1252" s="6">
        <f t="shared" si="39"/>
        <v>0</v>
      </c>
    </row>
    <row r="1253" spans="1:5" x14ac:dyDescent="0.25">
      <c r="A1253" s="1">
        <v>43608.041666666664</v>
      </c>
      <c r="B1253" s="2">
        <v>17.43</v>
      </c>
      <c r="C1253">
        <v>0</v>
      </c>
      <c r="D1253">
        <f t="shared" si="38"/>
        <v>0</v>
      </c>
      <c r="E1253" s="6">
        <f t="shared" si="39"/>
        <v>0</v>
      </c>
    </row>
    <row r="1254" spans="1:5" x14ac:dyDescent="0.25">
      <c r="A1254" s="1">
        <v>43608.083333333336</v>
      </c>
      <c r="B1254" s="2">
        <v>16.850000000000001</v>
      </c>
      <c r="C1254">
        <v>0</v>
      </c>
      <c r="D1254">
        <f t="shared" si="38"/>
        <v>0</v>
      </c>
      <c r="E1254" s="6">
        <f t="shared" si="39"/>
        <v>0</v>
      </c>
    </row>
    <row r="1255" spans="1:5" x14ac:dyDescent="0.25">
      <c r="A1255" s="1">
        <v>43608.125</v>
      </c>
      <c r="B1255" s="2">
        <v>16.18</v>
      </c>
      <c r="C1255">
        <v>0</v>
      </c>
      <c r="D1255">
        <f t="shared" si="38"/>
        <v>0</v>
      </c>
      <c r="E1255" s="6">
        <f t="shared" si="39"/>
        <v>0</v>
      </c>
    </row>
    <row r="1256" spans="1:5" x14ac:dyDescent="0.25">
      <c r="A1256" s="1">
        <v>43608.166666666664</v>
      </c>
      <c r="B1256" s="2">
        <v>16.82</v>
      </c>
      <c r="C1256">
        <v>0</v>
      </c>
      <c r="D1256">
        <f t="shared" si="38"/>
        <v>0</v>
      </c>
      <c r="E1256" s="6">
        <f t="shared" si="39"/>
        <v>0</v>
      </c>
    </row>
    <row r="1257" spans="1:5" x14ac:dyDescent="0.25">
      <c r="A1257" s="1">
        <v>43608.208333333336</v>
      </c>
      <c r="B1257" s="2">
        <v>18.61</v>
      </c>
      <c r="C1257">
        <v>0</v>
      </c>
      <c r="D1257">
        <f t="shared" si="38"/>
        <v>0</v>
      </c>
      <c r="E1257" s="6">
        <f t="shared" si="39"/>
        <v>0</v>
      </c>
    </row>
    <row r="1258" spans="1:5" x14ac:dyDescent="0.25">
      <c r="A1258" s="1">
        <v>43608.25</v>
      </c>
      <c r="B1258" s="2">
        <v>20.22</v>
      </c>
      <c r="C1258">
        <v>2.3536999999999999E-2</v>
      </c>
      <c r="D1258">
        <f t="shared" si="38"/>
        <v>2.3536999999999998E-5</v>
      </c>
      <c r="E1258" s="6">
        <f t="shared" si="39"/>
        <v>4.7591813999999996E-4</v>
      </c>
    </row>
    <row r="1259" spans="1:5" x14ac:dyDescent="0.25">
      <c r="A1259" s="1">
        <v>43608.291666666664</v>
      </c>
      <c r="B1259" s="2">
        <v>21.72</v>
      </c>
      <c r="C1259">
        <v>0.67252499999999993</v>
      </c>
      <c r="D1259">
        <f t="shared" si="38"/>
        <v>6.7252499999999988E-4</v>
      </c>
      <c r="E1259" s="6">
        <f t="shared" si="39"/>
        <v>1.4607242999999997E-2</v>
      </c>
    </row>
    <row r="1260" spans="1:5" x14ac:dyDescent="0.25">
      <c r="A1260" s="1">
        <v>43608.333333333336</v>
      </c>
      <c r="B1260" s="2">
        <v>22.06</v>
      </c>
      <c r="C1260">
        <v>2.6273980000000003</v>
      </c>
      <c r="D1260">
        <f t="shared" si="38"/>
        <v>2.6273980000000004E-3</v>
      </c>
      <c r="E1260" s="6">
        <f t="shared" si="39"/>
        <v>5.7960399880000006E-2</v>
      </c>
    </row>
    <row r="1261" spans="1:5" x14ac:dyDescent="0.25">
      <c r="A1261" s="1">
        <v>43608.375</v>
      </c>
      <c r="B1261" s="2">
        <v>23.67</v>
      </c>
      <c r="C1261">
        <v>4.6155939999999998</v>
      </c>
      <c r="D1261">
        <f t="shared" si="38"/>
        <v>4.6155939999999998E-3</v>
      </c>
      <c r="E1261" s="6">
        <f t="shared" si="39"/>
        <v>0.10925110998</v>
      </c>
    </row>
    <row r="1262" spans="1:5" x14ac:dyDescent="0.25">
      <c r="A1262" s="1">
        <v>43608.416666666664</v>
      </c>
      <c r="B1262" s="2">
        <v>25.7</v>
      </c>
      <c r="C1262">
        <v>6.1614930000000001</v>
      </c>
      <c r="D1262">
        <f t="shared" si="38"/>
        <v>6.1614930000000005E-3</v>
      </c>
      <c r="E1262" s="6">
        <f t="shared" si="39"/>
        <v>0.1583503701</v>
      </c>
    </row>
    <row r="1263" spans="1:5" x14ac:dyDescent="0.25">
      <c r="A1263" s="1">
        <v>43608.458333333336</v>
      </c>
      <c r="B1263" s="2">
        <v>28.92</v>
      </c>
      <c r="C1263">
        <v>7.2384779999999997</v>
      </c>
      <c r="D1263">
        <f t="shared" si="38"/>
        <v>7.2384779999999996E-3</v>
      </c>
      <c r="E1263" s="6">
        <f t="shared" si="39"/>
        <v>0.20933678376000001</v>
      </c>
    </row>
    <row r="1264" spans="1:5" x14ac:dyDescent="0.25">
      <c r="A1264" s="1">
        <v>43608.5</v>
      </c>
      <c r="B1264" s="2">
        <v>33.799999999999997</v>
      </c>
      <c r="C1264">
        <v>7.7941510000000003</v>
      </c>
      <c r="D1264">
        <f t="shared" si="38"/>
        <v>7.794151E-3</v>
      </c>
      <c r="E1264" s="6">
        <f t="shared" si="39"/>
        <v>0.2634423038</v>
      </c>
    </row>
    <row r="1265" spans="1:5" x14ac:dyDescent="0.25">
      <c r="A1265" s="1">
        <v>43608.541666666664</v>
      </c>
      <c r="B1265" s="2">
        <v>38.26</v>
      </c>
      <c r="C1265">
        <v>7.938758</v>
      </c>
      <c r="D1265">
        <f t="shared" si="38"/>
        <v>7.9387580000000006E-3</v>
      </c>
      <c r="E1265" s="6">
        <f t="shared" si="39"/>
        <v>0.30373688108000002</v>
      </c>
    </row>
    <row r="1266" spans="1:5" x14ac:dyDescent="0.25">
      <c r="A1266" s="1">
        <v>43608.583333333336</v>
      </c>
      <c r="B1266" s="2">
        <v>42.42</v>
      </c>
      <c r="C1266">
        <v>7.6677239999999998</v>
      </c>
      <c r="D1266">
        <f t="shared" si="38"/>
        <v>7.6677239999999999E-3</v>
      </c>
      <c r="E1266" s="6">
        <f t="shared" si="39"/>
        <v>0.32526485208</v>
      </c>
    </row>
    <row r="1267" spans="1:5" x14ac:dyDescent="0.25">
      <c r="A1267" s="1">
        <v>43608.625</v>
      </c>
      <c r="B1267" s="2">
        <v>46.3</v>
      </c>
      <c r="C1267">
        <v>6.9941880000000003</v>
      </c>
      <c r="D1267">
        <f t="shared" si="38"/>
        <v>6.9941880000000001E-3</v>
      </c>
      <c r="E1267" s="6">
        <f t="shared" si="39"/>
        <v>0.32383090440000001</v>
      </c>
    </row>
    <row r="1268" spans="1:5" x14ac:dyDescent="0.25">
      <c r="A1268" s="1">
        <v>43608.666666666664</v>
      </c>
      <c r="B1268" s="2">
        <v>48.67</v>
      </c>
      <c r="C1268">
        <v>5.8795399999999995</v>
      </c>
      <c r="D1268">
        <f t="shared" si="38"/>
        <v>5.8795399999999999E-3</v>
      </c>
      <c r="E1268" s="6">
        <f t="shared" si="39"/>
        <v>0.28615721180000003</v>
      </c>
    </row>
    <row r="1269" spans="1:5" x14ac:dyDescent="0.25">
      <c r="A1269" s="1">
        <v>43608.708333333336</v>
      </c>
      <c r="B1269" s="2">
        <v>50.48</v>
      </c>
      <c r="C1269">
        <v>4.3477049999999995</v>
      </c>
      <c r="D1269">
        <f t="shared" si="38"/>
        <v>4.3477049999999995E-3</v>
      </c>
      <c r="E1269" s="6">
        <f t="shared" si="39"/>
        <v>0.21947214839999996</v>
      </c>
    </row>
    <row r="1270" spans="1:5" x14ac:dyDescent="0.25">
      <c r="A1270" s="1">
        <v>43608.75</v>
      </c>
      <c r="B1270" s="2">
        <v>41.82</v>
      </c>
      <c r="C1270">
        <v>2.4063690000000002</v>
      </c>
      <c r="D1270">
        <f t="shared" si="38"/>
        <v>2.4063690000000002E-3</v>
      </c>
      <c r="E1270" s="6">
        <f t="shared" si="39"/>
        <v>0.10063435158</v>
      </c>
    </row>
    <row r="1271" spans="1:5" x14ac:dyDescent="0.25">
      <c r="A1271" s="1">
        <v>43608.791666666664</v>
      </c>
      <c r="B1271" s="2">
        <v>37.5</v>
      </c>
      <c r="C1271">
        <v>0.60018399999999994</v>
      </c>
      <c r="D1271">
        <f t="shared" si="38"/>
        <v>6.0018399999999992E-4</v>
      </c>
      <c r="E1271" s="6">
        <f t="shared" si="39"/>
        <v>2.2506899999999996E-2</v>
      </c>
    </row>
    <row r="1272" spans="1:5" x14ac:dyDescent="0.25">
      <c r="A1272" s="1">
        <v>43608.833333333336</v>
      </c>
      <c r="B1272" s="2">
        <v>37.35</v>
      </c>
      <c r="C1272">
        <v>1.8874999999999999E-2</v>
      </c>
      <c r="D1272">
        <f t="shared" si="38"/>
        <v>1.8874999999999998E-5</v>
      </c>
      <c r="E1272" s="6">
        <f t="shared" si="39"/>
        <v>7.049812499999999E-4</v>
      </c>
    </row>
    <row r="1273" spans="1:5" x14ac:dyDescent="0.25">
      <c r="A1273" s="1">
        <v>43608.875</v>
      </c>
      <c r="B1273" s="2">
        <v>35.49</v>
      </c>
      <c r="C1273">
        <v>0</v>
      </c>
      <c r="D1273">
        <f t="shared" si="38"/>
        <v>0</v>
      </c>
      <c r="E1273" s="6">
        <f t="shared" si="39"/>
        <v>0</v>
      </c>
    </row>
    <row r="1274" spans="1:5" x14ac:dyDescent="0.25">
      <c r="A1274" s="1">
        <v>43608.916666666664</v>
      </c>
      <c r="B1274" s="2">
        <v>26.14</v>
      </c>
      <c r="C1274">
        <v>0</v>
      </c>
      <c r="D1274">
        <f t="shared" si="38"/>
        <v>0</v>
      </c>
      <c r="E1274" s="6">
        <f t="shared" si="39"/>
        <v>0</v>
      </c>
    </row>
    <row r="1275" spans="1:5" x14ac:dyDescent="0.25">
      <c r="A1275" s="1">
        <v>43608.958333333336</v>
      </c>
      <c r="B1275" s="2">
        <v>23.19</v>
      </c>
      <c r="C1275">
        <v>0</v>
      </c>
      <c r="D1275">
        <f t="shared" si="38"/>
        <v>0</v>
      </c>
      <c r="E1275" s="6">
        <f t="shared" si="39"/>
        <v>0</v>
      </c>
    </row>
    <row r="1276" spans="1:5" x14ac:dyDescent="0.25">
      <c r="A1276" s="1">
        <v>43609</v>
      </c>
      <c r="B1276" s="2">
        <v>19.510000000000002</v>
      </c>
      <c r="C1276">
        <v>0</v>
      </c>
      <c r="D1276">
        <f t="shared" si="38"/>
        <v>0</v>
      </c>
      <c r="E1276" s="6">
        <f t="shared" si="39"/>
        <v>0</v>
      </c>
    </row>
    <row r="1277" spans="1:5" x14ac:dyDescent="0.25">
      <c r="A1277" s="1">
        <v>43609.041666666664</v>
      </c>
      <c r="B1277" s="2">
        <v>18.739999999999998</v>
      </c>
      <c r="C1277">
        <v>0</v>
      </c>
      <c r="D1277">
        <f t="shared" si="38"/>
        <v>0</v>
      </c>
      <c r="E1277" s="6">
        <f t="shared" si="39"/>
        <v>0</v>
      </c>
    </row>
    <row r="1278" spans="1:5" x14ac:dyDescent="0.25">
      <c r="A1278" s="1">
        <v>43609.083333333336</v>
      </c>
      <c r="B1278" s="2">
        <v>17.510000000000002</v>
      </c>
      <c r="C1278">
        <v>0</v>
      </c>
      <c r="D1278">
        <f t="shared" si="38"/>
        <v>0</v>
      </c>
      <c r="E1278" s="6">
        <f t="shared" si="39"/>
        <v>0</v>
      </c>
    </row>
    <row r="1279" spans="1:5" x14ac:dyDescent="0.25">
      <c r="A1279" s="1">
        <v>43609.125</v>
      </c>
      <c r="B1279" s="2">
        <v>16.309999999999999</v>
      </c>
      <c r="C1279">
        <v>0</v>
      </c>
      <c r="D1279">
        <f t="shared" si="38"/>
        <v>0</v>
      </c>
      <c r="E1279" s="6">
        <f t="shared" si="39"/>
        <v>0</v>
      </c>
    </row>
    <row r="1280" spans="1:5" x14ac:dyDescent="0.25">
      <c r="A1280" s="1">
        <v>43609.166666666664</v>
      </c>
      <c r="B1280" s="2">
        <v>16.84</v>
      </c>
      <c r="C1280">
        <v>0</v>
      </c>
      <c r="D1280">
        <f t="shared" si="38"/>
        <v>0</v>
      </c>
      <c r="E1280" s="6">
        <f t="shared" si="39"/>
        <v>0</v>
      </c>
    </row>
    <row r="1281" spans="1:5" x14ac:dyDescent="0.25">
      <c r="A1281" s="1">
        <v>43609.208333333336</v>
      </c>
      <c r="B1281" s="2">
        <v>19.28</v>
      </c>
      <c r="C1281">
        <v>0</v>
      </c>
      <c r="D1281">
        <f t="shared" si="38"/>
        <v>0</v>
      </c>
      <c r="E1281" s="6">
        <f t="shared" si="39"/>
        <v>0</v>
      </c>
    </row>
    <row r="1282" spans="1:5" x14ac:dyDescent="0.25">
      <c r="A1282" s="1">
        <v>43609.25</v>
      </c>
      <c r="B1282" s="2">
        <v>20.48</v>
      </c>
      <c r="C1282">
        <v>2.862E-2</v>
      </c>
      <c r="D1282">
        <f t="shared" si="38"/>
        <v>2.862E-5</v>
      </c>
      <c r="E1282" s="6">
        <f t="shared" si="39"/>
        <v>5.8613760000000002E-4</v>
      </c>
    </row>
    <row r="1283" spans="1:5" x14ac:dyDescent="0.25">
      <c r="A1283" s="1">
        <v>43609.291666666664</v>
      </c>
      <c r="B1283" s="2">
        <v>21.31</v>
      </c>
      <c r="C1283">
        <v>0.67431500000000011</v>
      </c>
      <c r="D1283">
        <f t="shared" si="38"/>
        <v>6.7431500000000009E-4</v>
      </c>
      <c r="E1283" s="6">
        <f t="shared" si="39"/>
        <v>1.4369652650000002E-2</v>
      </c>
    </row>
    <row r="1284" spans="1:5" x14ac:dyDescent="0.25">
      <c r="A1284" s="1">
        <v>43609.333333333336</v>
      </c>
      <c r="B1284" s="2">
        <v>22.85</v>
      </c>
      <c r="C1284">
        <v>2.5713090000000003</v>
      </c>
      <c r="D1284">
        <f t="shared" si="38"/>
        <v>2.5713090000000004E-3</v>
      </c>
      <c r="E1284" s="6">
        <f t="shared" si="39"/>
        <v>5.8754410650000012E-2</v>
      </c>
    </row>
    <row r="1285" spans="1:5" x14ac:dyDescent="0.25">
      <c r="A1285" s="1">
        <v>43609.375</v>
      </c>
      <c r="B1285" s="2">
        <v>23.62</v>
      </c>
      <c r="C1285">
        <v>4.5019650000000002</v>
      </c>
      <c r="D1285">
        <f t="shared" si="38"/>
        <v>4.5019650000000001E-3</v>
      </c>
      <c r="E1285" s="6">
        <f t="shared" si="39"/>
        <v>0.1063364133</v>
      </c>
    </row>
    <row r="1286" spans="1:5" x14ac:dyDescent="0.25">
      <c r="A1286" s="1">
        <v>43609.416666666664</v>
      </c>
      <c r="B1286" s="2">
        <v>24.83</v>
      </c>
      <c r="C1286">
        <v>5.9576690000000001</v>
      </c>
      <c r="D1286">
        <f t="shared" ref="D1286:D1349" si="40">C1286/1000</f>
        <v>5.9576690000000005E-3</v>
      </c>
      <c r="E1286" s="6">
        <f t="shared" ref="E1286:E1349" si="41">D1286*B1286</f>
        <v>0.14792892127000001</v>
      </c>
    </row>
    <row r="1287" spans="1:5" x14ac:dyDescent="0.25">
      <c r="A1287" s="1">
        <v>43609.458333333336</v>
      </c>
      <c r="B1287" s="2">
        <v>26.37</v>
      </c>
      <c r="C1287">
        <v>6.9609709999999998</v>
      </c>
      <c r="D1287">
        <f t="shared" si="40"/>
        <v>6.9609709999999998E-3</v>
      </c>
      <c r="E1287" s="6">
        <f t="shared" si="41"/>
        <v>0.18356080527000002</v>
      </c>
    </row>
    <row r="1288" spans="1:5" x14ac:dyDescent="0.25">
      <c r="A1288" s="1">
        <v>43609.5</v>
      </c>
      <c r="B1288" s="2">
        <v>29.37</v>
      </c>
      <c r="C1288">
        <v>6.7064329999999996</v>
      </c>
      <c r="D1288">
        <f t="shared" si="40"/>
        <v>6.7064329999999995E-3</v>
      </c>
      <c r="E1288" s="6">
        <f t="shared" si="41"/>
        <v>0.19696793721</v>
      </c>
    </row>
    <row r="1289" spans="1:5" x14ac:dyDescent="0.25">
      <c r="A1289" s="1">
        <v>43609.541666666664</v>
      </c>
      <c r="B1289" s="2">
        <v>31.3</v>
      </c>
      <c r="C1289">
        <v>6.7393029999999996</v>
      </c>
      <c r="D1289">
        <f t="shared" si="40"/>
        <v>6.7393029999999994E-3</v>
      </c>
      <c r="E1289" s="6">
        <f t="shared" si="41"/>
        <v>0.21094018389999999</v>
      </c>
    </row>
    <row r="1290" spans="1:5" x14ac:dyDescent="0.25">
      <c r="A1290" s="1">
        <v>43609.583333333336</v>
      </c>
      <c r="B1290" s="2">
        <v>33.340000000000003</v>
      </c>
      <c r="C1290">
        <v>6.630668</v>
      </c>
      <c r="D1290">
        <f t="shared" si="40"/>
        <v>6.6306680000000002E-3</v>
      </c>
      <c r="E1290" s="6">
        <f t="shared" si="41"/>
        <v>0.22106647112000002</v>
      </c>
    </row>
    <row r="1291" spans="1:5" x14ac:dyDescent="0.25">
      <c r="A1291" s="1">
        <v>43609.625</v>
      </c>
      <c r="B1291" s="2">
        <v>38.020000000000003</v>
      </c>
      <c r="C1291">
        <v>5.9099469999999998</v>
      </c>
      <c r="D1291">
        <f t="shared" si="40"/>
        <v>5.9099469999999996E-3</v>
      </c>
      <c r="E1291" s="6">
        <f t="shared" si="41"/>
        <v>0.22469618494000002</v>
      </c>
    </row>
    <row r="1292" spans="1:5" x14ac:dyDescent="0.25">
      <c r="A1292" s="1">
        <v>43609.666666666664</v>
      </c>
      <c r="B1292" s="2">
        <v>39.99</v>
      </c>
      <c r="C1292">
        <v>5.2183509999999993</v>
      </c>
      <c r="D1292">
        <f t="shared" si="40"/>
        <v>5.2183509999999995E-3</v>
      </c>
      <c r="E1292" s="6">
        <f t="shared" si="41"/>
        <v>0.20868185648999998</v>
      </c>
    </row>
    <row r="1293" spans="1:5" x14ac:dyDescent="0.25">
      <c r="A1293" s="1">
        <v>43609.708333333336</v>
      </c>
      <c r="B1293" s="2">
        <v>39.81</v>
      </c>
      <c r="C1293">
        <v>4.089499</v>
      </c>
      <c r="D1293">
        <f t="shared" si="40"/>
        <v>4.0894989999999999E-3</v>
      </c>
      <c r="E1293" s="6">
        <f t="shared" si="41"/>
        <v>0.16280295519000001</v>
      </c>
    </row>
    <row r="1294" spans="1:5" x14ac:dyDescent="0.25">
      <c r="A1294" s="1">
        <v>43609.75</v>
      </c>
      <c r="B1294" s="2">
        <v>32.1</v>
      </c>
      <c r="C1294">
        <v>2.2880390000000004</v>
      </c>
      <c r="D1294">
        <f t="shared" si="40"/>
        <v>2.2880390000000004E-3</v>
      </c>
      <c r="E1294" s="6">
        <f t="shared" si="41"/>
        <v>7.3446051900000017E-2</v>
      </c>
    </row>
    <row r="1295" spans="1:5" x14ac:dyDescent="0.25">
      <c r="A1295" s="1">
        <v>43609.791666666664</v>
      </c>
      <c r="B1295" s="2">
        <v>28.23</v>
      </c>
      <c r="C1295">
        <v>0.66591200000000006</v>
      </c>
      <c r="D1295">
        <f t="shared" si="40"/>
        <v>6.6591200000000006E-4</v>
      </c>
      <c r="E1295" s="6">
        <f t="shared" si="41"/>
        <v>1.8798695760000001E-2</v>
      </c>
    </row>
    <row r="1296" spans="1:5" x14ac:dyDescent="0.25">
      <c r="A1296" s="1">
        <v>43609.833333333336</v>
      </c>
      <c r="B1296" s="2">
        <v>26.82</v>
      </c>
      <c r="C1296">
        <v>1.9350000000000003E-2</v>
      </c>
      <c r="D1296">
        <f t="shared" si="40"/>
        <v>1.9350000000000003E-5</v>
      </c>
      <c r="E1296" s="6">
        <f t="shared" si="41"/>
        <v>5.1896700000000006E-4</v>
      </c>
    </row>
    <row r="1297" spans="1:5" x14ac:dyDescent="0.25">
      <c r="A1297" s="1">
        <v>43609.875</v>
      </c>
      <c r="B1297" s="2">
        <v>25</v>
      </c>
      <c r="C1297">
        <v>0</v>
      </c>
      <c r="D1297">
        <f t="shared" si="40"/>
        <v>0</v>
      </c>
      <c r="E1297" s="6">
        <f t="shared" si="41"/>
        <v>0</v>
      </c>
    </row>
    <row r="1298" spans="1:5" x14ac:dyDescent="0.25">
      <c r="A1298" s="1">
        <v>43609.916666666664</v>
      </c>
      <c r="B1298" s="2">
        <v>21.34</v>
      </c>
      <c r="C1298">
        <v>0</v>
      </c>
      <c r="D1298">
        <f t="shared" si="40"/>
        <v>0</v>
      </c>
      <c r="E1298" s="6">
        <f t="shared" si="41"/>
        <v>0</v>
      </c>
    </row>
    <row r="1299" spans="1:5" x14ac:dyDescent="0.25">
      <c r="A1299" s="1">
        <v>43609.958333333336</v>
      </c>
      <c r="B1299" s="2">
        <v>20.190000000000001</v>
      </c>
      <c r="C1299">
        <v>0</v>
      </c>
      <c r="D1299">
        <f t="shared" si="40"/>
        <v>0</v>
      </c>
      <c r="E1299" s="6">
        <f t="shared" si="41"/>
        <v>0</v>
      </c>
    </row>
    <row r="1300" spans="1:5" x14ac:dyDescent="0.25">
      <c r="A1300" s="1">
        <v>43610</v>
      </c>
      <c r="B1300" s="2">
        <v>19.11</v>
      </c>
      <c r="C1300">
        <v>0</v>
      </c>
      <c r="D1300">
        <f t="shared" si="40"/>
        <v>0</v>
      </c>
      <c r="E1300" s="6">
        <f t="shared" si="41"/>
        <v>0</v>
      </c>
    </row>
    <row r="1301" spans="1:5" x14ac:dyDescent="0.25">
      <c r="A1301" s="1">
        <v>43610.041666666664</v>
      </c>
      <c r="B1301" s="2">
        <v>18.93</v>
      </c>
      <c r="C1301">
        <v>0</v>
      </c>
      <c r="D1301">
        <f t="shared" si="40"/>
        <v>0</v>
      </c>
      <c r="E1301" s="6">
        <f t="shared" si="41"/>
        <v>0</v>
      </c>
    </row>
    <row r="1302" spans="1:5" x14ac:dyDescent="0.25">
      <c r="A1302" s="1">
        <v>43610.083333333336</v>
      </c>
      <c r="B1302" s="2">
        <v>18.13</v>
      </c>
      <c r="C1302">
        <v>0</v>
      </c>
      <c r="D1302">
        <f t="shared" si="40"/>
        <v>0</v>
      </c>
      <c r="E1302" s="6">
        <f t="shared" si="41"/>
        <v>0</v>
      </c>
    </row>
    <row r="1303" spans="1:5" x14ac:dyDescent="0.25">
      <c r="A1303" s="1">
        <v>43610.125</v>
      </c>
      <c r="B1303" s="2">
        <v>16.690000000000001</v>
      </c>
      <c r="C1303">
        <v>0</v>
      </c>
      <c r="D1303">
        <f t="shared" si="40"/>
        <v>0</v>
      </c>
      <c r="E1303" s="6">
        <f t="shared" si="41"/>
        <v>0</v>
      </c>
    </row>
    <row r="1304" spans="1:5" x14ac:dyDescent="0.25">
      <c r="A1304" s="1">
        <v>43610.166666666664</v>
      </c>
      <c r="B1304" s="2">
        <v>16.36</v>
      </c>
      <c r="C1304">
        <v>0</v>
      </c>
      <c r="D1304">
        <f t="shared" si="40"/>
        <v>0</v>
      </c>
      <c r="E1304" s="6">
        <f t="shared" si="41"/>
        <v>0</v>
      </c>
    </row>
    <row r="1305" spans="1:5" x14ac:dyDescent="0.25">
      <c r="A1305" s="1">
        <v>43610.208333333336</v>
      </c>
      <c r="B1305" s="2">
        <v>16.7</v>
      </c>
      <c r="C1305">
        <v>0</v>
      </c>
      <c r="D1305">
        <f t="shared" si="40"/>
        <v>0</v>
      </c>
      <c r="E1305" s="6">
        <f t="shared" si="41"/>
        <v>0</v>
      </c>
    </row>
    <row r="1306" spans="1:5" x14ac:dyDescent="0.25">
      <c r="A1306" s="1">
        <v>43610.25</v>
      </c>
      <c r="B1306" s="2">
        <v>17.75</v>
      </c>
      <c r="C1306">
        <v>0</v>
      </c>
      <c r="D1306">
        <f t="shared" si="40"/>
        <v>0</v>
      </c>
      <c r="E1306" s="6">
        <f t="shared" si="41"/>
        <v>0</v>
      </c>
    </row>
    <row r="1307" spans="1:5" x14ac:dyDescent="0.25">
      <c r="A1307" s="1">
        <v>43610.291666666664</v>
      </c>
      <c r="B1307" s="2">
        <v>18.75</v>
      </c>
      <c r="C1307">
        <v>0</v>
      </c>
      <c r="D1307">
        <f t="shared" si="40"/>
        <v>0</v>
      </c>
      <c r="E1307" s="6">
        <f t="shared" si="41"/>
        <v>0</v>
      </c>
    </row>
    <row r="1308" spans="1:5" x14ac:dyDescent="0.25">
      <c r="A1308" s="1">
        <v>43610.333333333336</v>
      </c>
      <c r="B1308" s="2">
        <v>20.77</v>
      </c>
      <c r="C1308">
        <v>0.30690800000000001</v>
      </c>
      <c r="D1308">
        <f t="shared" si="40"/>
        <v>3.06908E-4</v>
      </c>
      <c r="E1308" s="6">
        <f t="shared" si="41"/>
        <v>6.37447916E-3</v>
      </c>
    </row>
    <row r="1309" spans="1:5" x14ac:dyDescent="0.25">
      <c r="A1309" s="1">
        <v>43610.375</v>
      </c>
      <c r="B1309" s="2">
        <v>22.14</v>
      </c>
      <c r="C1309">
        <v>2.447651</v>
      </c>
      <c r="D1309">
        <f t="shared" si="40"/>
        <v>2.4476509999999999E-3</v>
      </c>
      <c r="E1309" s="6">
        <f t="shared" si="41"/>
        <v>5.4190993139999998E-2</v>
      </c>
    </row>
    <row r="1310" spans="1:5" x14ac:dyDescent="0.25">
      <c r="A1310" s="1">
        <v>43610.416666666664</v>
      </c>
      <c r="B1310" s="2">
        <v>23.77</v>
      </c>
      <c r="C1310">
        <v>4.8542629999999996</v>
      </c>
      <c r="D1310">
        <f t="shared" si="40"/>
        <v>4.8542629999999993E-3</v>
      </c>
      <c r="E1310" s="6">
        <f t="shared" si="41"/>
        <v>0.11538583150999998</v>
      </c>
    </row>
    <row r="1311" spans="1:5" x14ac:dyDescent="0.25">
      <c r="A1311" s="1">
        <v>43610.458333333336</v>
      </c>
      <c r="B1311" s="2">
        <v>28.44</v>
      </c>
      <c r="C1311">
        <v>5.1734140000000002</v>
      </c>
      <c r="D1311">
        <f t="shared" si="40"/>
        <v>5.1734140000000003E-3</v>
      </c>
      <c r="E1311" s="6">
        <f t="shared" si="41"/>
        <v>0.14713189416000003</v>
      </c>
    </row>
    <row r="1312" spans="1:5" x14ac:dyDescent="0.25">
      <c r="A1312" s="1">
        <v>43610.5</v>
      </c>
      <c r="B1312" s="2">
        <v>33.049999999999997</v>
      </c>
      <c r="C1312">
        <v>5.7852889999999997</v>
      </c>
      <c r="D1312">
        <f t="shared" si="40"/>
        <v>5.7852889999999999E-3</v>
      </c>
      <c r="E1312" s="6">
        <f t="shared" si="41"/>
        <v>0.19120380144999999</v>
      </c>
    </row>
    <row r="1313" spans="1:5" x14ac:dyDescent="0.25">
      <c r="A1313" s="1">
        <v>43610.541666666664</v>
      </c>
      <c r="B1313" s="2">
        <v>37.67</v>
      </c>
      <c r="C1313">
        <v>6.5702830000000008</v>
      </c>
      <c r="D1313">
        <f t="shared" si="40"/>
        <v>6.5702830000000005E-3</v>
      </c>
      <c r="E1313" s="6">
        <f t="shared" si="41"/>
        <v>0.24750256061000003</v>
      </c>
    </row>
    <row r="1314" spans="1:5" x14ac:dyDescent="0.25">
      <c r="A1314" s="1">
        <v>43610.583333333336</v>
      </c>
      <c r="B1314" s="2">
        <v>44.12</v>
      </c>
      <c r="C1314">
        <v>6.2678370000000001</v>
      </c>
      <c r="D1314">
        <f t="shared" si="40"/>
        <v>6.2678370000000001E-3</v>
      </c>
      <c r="E1314" s="6">
        <f t="shared" si="41"/>
        <v>0.27653696843999998</v>
      </c>
    </row>
    <row r="1315" spans="1:5" x14ac:dyDescent="0.25">
      <c r="A1315" s="1">
        <v>43610.625</v>
      </c>
      <c r="B1315" s="2">
        <v>55.95</v>
      </c>
      <c r="C1315">
        <v>5.3364070000000003</v>
      </c>
      <c r="D1315">
        <f t="shared" si="40"/>
        <v>5.3364070000000005E-3</v>
      </c>
      <c r="E1315" s="6">
        <f t="shared" si="41"/>
        <v>0.29857197165000005</v>
      </c>
    </row>
    <row r="1316" spans="1:5" x14ac:dyDescent="0.25">
      <c r="A1316" s="1">
        <v>43610.666666666664</v>
      </c>
      <c r="B1316" s="2">
        <v>65.319999999999993</v>
      </c>
      <c r="C1316">
        <v>2.9435189999999998</v>
      </c>
      <c r="D1316">
        <f t="shared" si="40"/>
        <v>2.9435189999999999E-3</v>
      </c>
      <c r="E1316" s="6">
        <f t="shared" si="41"/>
        <v>0.19227066107999996</v>
      </c>
    </row>
    <row r="1317" spans="1:5" x14ac:dyDescent="0.25">
      <c r="A1317" s="1">
        <v>43610.708333333336</v>
      </c>
      <c r="B1317" s="2">
        <v>64.02</v>
      </c>
      <c r="C1317">
        <v>1.835132</v>
      </c>
      <c r="D1317">
        <f t="shared" si="40"/>
        <v>1.835132E-3</v>
      </c>
      <c r="E1317" s="6">
        <f t="shared" si="41"/>
        <v>0.11748515063999999</v>
      </c>
    </row>
    <row r="1318" spans="1:5" x14ac:dyDescent="0.25">
      <c r="A1318" s="1">
        <v>43610.75</v>
      </c>
      <c r="B1318" s="2">
        <v>44.35</v>
      </c>
      <c r="C1318">
        <v>2.2708789999999999</v>
      </c>
      <c r="D1318">
        <f t="shared" si="40"/>
        <v>2.270879E-3</v>
      </c>
      <c r="E1318" s="6">
        <f t="shared" si="41"/>
        <v>0.10071348365</v>
      </c>
    </row>
    <row r="1319" spans="1:5" x14ac:dyDescent="0.25">
      <c r="A1319" s="1">
        <v>43610.791666666664</v>
      </c>
      <c r="B1319" s="2">
        <v>37.229999999999997</v>
      </c>
      <c r="C1319">
        <v>0.70134000000000007</v>
      </c>
      <c r="D1319">
        <f t="shared" si="40"/>
        <v>7.0134000000000006E-4</v>
      </c>
      <c r="E1319" s="6">
        <f t="shared" si="41"/>
        <v>2.6110888200000001E-2</v>
      </c>
    </row>
    <row r="1320" spans="1:5" x14ac:dyDescent="0.25">
      <c r="A1320" s="1">
        <v>43610.833333333336</v>
      </c>
      <c r="B1320" s="2">
        <v>31.68</v>
      </c>
      <c r="C1320">
        <v>2.4577999999999999E-2</v>
      </c>
      <c r="D1320">
        <f t="shared" si="40"/>
        <v>2.4578000000000001E-5</v>
      </c>
      <c r="E1320" s="6">
        <f t="shared" si="41"/>
        <v>7.7863104000000006E-4</v>
      </c>
    </row>
    <row r="1321" spans="1:5" x14ac:dyDescent="0.25">
      <c r="A1321" s="1">
        <v>43610.875</v>
      </c>
      <c r="B1321" s="2">
        <v>30.82</v>
      </c>
      <c r="C1321">
        <v>0</v>
      </c>
      <c r="D1321">
        <f t="shared" si="40"/>
        <v>0</v>
      </c>
      <c r="E1321" s="6">
        <f t="shared" si="41"/>
        <v>0</v>
      </c>
    </row>
    <row r="1322" spans="1:5" x14ac:dyDescent="0.25">
      <c r="A1322" s="1">
        <v>43610.916666666664</v>
      </c>
      <c r="B1322" s="2">
        <v>24.9</v>
      </c>
      <c r="C1322">
        <v>0</v>
      </c>
      <c r="D1322">
        <f t="shared" si="40"/>
        <v>0</v>
      </c>
      <c r="E1322" s="6">
        <f t="shared" si="41"/>
        <v>0</v>
      </c>
    </row>
    <row r="1323" spans="1:5" x14ac:dyDescent="0.25">
      <c r="A1323" s="1">
        <v>43610.958333333336</v>
      </c>
      <c r="B1323" s="2">
        <v>22.07</v>
      </c>
      <c r="C1323">
        <v>0</v>
      </c>
      <c r="D1323">
        <f t="shared" si="40"/>
        <v>0</v>
      </c>
      <c r="E1323" s="6">
        <f t="shared" si="41"/>
        <v>0</v>
      </c>
    </row>
    <row r="1324" spans="1:5" x14ac:dyDescent="0.25">
      <c r="A1324" s="1">
        <v>43611</v>
      </c>
      <c r="B1324" s="2">
        <v>18.75</v>
      </c>
      <c r="C1324">
        <v>0</v>
      </c>
      <c r="D1324">
        <f t="shared" si="40"/>
        <v>0</v>
      </c>
      <c r="E1324" s="6">
        <f t="shared" si="41"/>
        <v>0</v>
      </c>
    </row>
    <row r="1325" spans="1:5" x14ac:dyDescent="0.25">
      <c r="A1325" s="1">
        <v>43611.041666666664</v>
      </c>
      <c r="B1325" s="2">
        <v>17.079999999999998</v>
      </c>
      <c r="C1325">
        <v>0</v>
      </c>
      <c r="D1325">
        <f t="shared" si="40"/>
        <v>0</v>
      </c>
      <c r="E1325" s="6">
        <f t="shared" si="41"/>
        <v>0</v>
      </c>
    </row>
    <row r="1326" spans="1:5" x14ac:dyDescent="0.25">
      <c r="A1326" s="1">
        <v>43611.083333333336</v>
      </c>
      <c r="B1326" s="2">
        <v>16.100000000000001</v>
      </c>
      <c r="C1326">
        <v>0</v>
      </c>
      <c r="D1326">
        <f t="shared" si="40"/>
        <v>0</v>
      </c>
      <c r="E1326" s="6">
        <f t="shared" si="41"/>
        <v>0</v>
      </c>
    </row>
    <row r="1327" spans="1:5" x14ac:dyDescent="0.25">
      <c r="A1327" s="1">
        <v>43611.125</v>
      </c>
      <c r="B1327" s="2">
        <v>15.54</v>
      </c>
      <c r="C1327">
        <v>0</v>
      </c>
      <c r="D1327">
        <f t="shared" si="40"/>
        <v>0</v>
      </c>
      <c r="E1327" s="6">
        <f t="shared" si="41"/>
        <v>0</v>
      </c>
    </row>
    <row r="1328" spans="1:5" x14ac:dyDescent="0.25">
      <c r="A1328" s="1">
        <v>43611.166666666664</v>
      </c>
      <c r="B1328" s="2">
        <v>15.21</v>
      </c>
      <c r="C1328">
        <v>0</v>
      </c>
      <c r="D1328">
        <f t="shared" si="40"/>
        <v>0</v>
      </c>
      <c r="E1328" s="6">
        <f t="shared" si="41"/>
        <v>0</v>
      </c>
    </row>
    <row r="1329" spans="1:5" x14ac:dyDescent="0.25">
      <c r="A1329" s="1">
        <v>43611.208333333336</v>
      </c>
      <c r="B1329" s="2">
        <v>15.17</v>
      </c>
      <c r="C1329">
        <v>0</v>
      </c>
      <c r="D1329">
        <f t="shared" si="40"/>
        <v>0</v>
      </c>
      <c r="E1329" s="6">
        <f t="shared" si="41"/>
        <v>0</v>
      </c>
    </row>
    <row r="1330" spans="1:5" x14ac:dyDescent="0.25">
      <c r="A1330" s="1">
        <v>43611.25</v>
      </c>
      <c r="B1330" s="2">
        <v>13.32</v>
      </c>
      <c r="C1330">
        <v>0</v>
      </c>
      <c r="D1330">
        <f t="shared" si="40"/>
        <v>0</v>
      </c>
      <c r="E1330" s="6">
        <f t="shared" si="41"/>
        <v>0</v>
      </c>
    </row>
    <row r="1331" spans="1:5" x14ac:dyDescent="0.25">
      <c r="A1331" s="1">
        <v>43611.291666666664</v>
      </c>
      <c r="B1331" s="2">
        <v>16.66</v>
      </c>
      <c r="C1331">
        <v>0.35945100000000002</v>
      </c>
      <c r="D1331">
        <f t="shared" si="40"/>
        <v>3.59451E-4</v>
      </c>
      <c r="E1331" s="6">
        <f t="shared" si="41"/>
        <v>5.9884536600000003E-3</v>
      </c>
    </row>
    <row r="1332" spans="1:5" x14ac:dyDescent="0.25">
      <c r="A1332" s="1">
        <v>43611.333333333336</v>
      </c>
      <c r="B1332" s="2">
        <v>19.84</v>
      </c>
      <c r="C1332">
        <v>0.860429</v>
      </c>
      <c r="D1332">
        <f t="shared" si="40"/>
        <v>8.6042900000000001E-4</v>
      </c>
      <c r="E1332" s="6">
        <f t="shared" si="41"/>
        <v>1.707091136E-2</v>
      </c>
    </row>
    <row r="1333" spans="1:5" x14ac:dyDescent="0.25">
      <c r="A1333" s="1">
        <v>43611.375</v>
      </c>
      <c r="B1333" s="2">
        <v>21.66</v>
      </c>
      <c r="C1333">
        <v>2.157305</v>
      </c>
      <c r="D1333">
        <f t="shared" si="40"/>
        <v>2.157305E-3</v>
      </c>
      <c r="E1333" s="6">
        <f t="shared" si="41"/>
        <v>4.6727226300000001E-2</v>
      </c>
    </row>
    <row r="1334" spans="1:5" x14ac:dyDescent="0.25">
      <c r="A1334" s="1">
        <v>43611.416666666664</v>
      </c>
      <c r="B1334" s="2">
        <v>23.69</v>
      </c>
      <c r="C1334">
        <v>3.0621419999999997</v>
      </c>
      <c r="D1334">
        <f t="shared" si="40"/>
        <v>3.0621419999999999E-3</v>
      </c>
      <c r="E1334" s="6">
        <f t="shared" si="41"/>
        <v>7.2542143980000001E-2</v>
      </c>
    </row>
    <row r="1335" spans="1:5" x14ac:dyDescent="0.25">
      <c r="A1335" s="1">
        <v>43611.458333333336</v>
      </c>
      <c r="B1335" s="2">
        <v>26.05</v>
      </c>
      <c r="C1335">
        <v>3.9458449999999998</v>
      </c>
      <c r="D1335">
        <f t="shared" si="40"/>
        <v>3.9458449999999999E-3</v>
      </c>
      <c r="E1335" s="6">
        <f t="shared" si="41"/>
        <v>0.10278926225</v>
      </c>
    </row>
    <row r="1336" spans="1:5" x14ac:dyDescent="0.25">
      <c r="A1336" s="1">
        <v>43611.5</v>
      </c>
      <c r="B1336" s="2">
        <v>31</v>
      </c>
      <c r="C1336">
        <v>5.2424979999999994</v>
      </c>
      <c r="D1336">
        <f t="shared" si="40"/>
        <v>5.2424979999999991E-3</v>
      </c>
      <c r="E1336" s="6">
        <f t="shared" si="41"/>
        <v>0.16251743799999996</v>
      </c>
    </row>
    <row r="1337" spans="1:5" x14ac:dyDescent="0.25">
      <c r="A1337" s="1">
        <v>43611.541666666664</v>
      </c>
      <c r="B1337" s="2">
        <v>32.619999999999997</v>
      </c>
      <c r="C1337">
        <v>2.3812420000000003</v>
      </c>
      <c r="D1337">
        <f t="shared" si="40"/>
        <v>2.3812420000000004E-3</v>
      </c>
      <c r="E1337" s="6">
        <f t="shared" si="41"/>
        <v>7.7676114040000008E-2</v>
      </c>
    </row>
    <row r="1338" spans="1:5" x14ac:dyDescent="0.25">
      <c r="A1338" s="1">
        <v>43611.583333333336</v>
      </c>
      <c r="B1338" s="2">
        <v>36.81</v>
      </c>
      <c r="C1338">
        <v>3.5232399999999999</v>
      </c>
      <c r="D1338">
        <f t="shared" si="40"/>
        <v>3.52324E-3</v>
      </c>
      <c r="E1338" s="6">
        <f t="shared" si="41"/>
        <v>0.12969046440000001</v>
      </c>
    </row>
    <row r="1339" spans="1:5" x14ac:dyDescent="0.25">
      <c r="A1339" s="1">
        <v>43611.625</v>
      </c>
      <c r="B1339" s="2">
        <v>39.33</v>
      </c>
      <c r="C1339">
        <v>2.2263249999999997</v>
      </c>
      <c r="D1339">
        <f t="shared" si="40"/>
        <v>2.2263249999999995E-3</v>
      </c>
      <c r="E1339" s="6">
        <f t="shared" si="41"/>
        <v>8.7561362249999983E-2</v>
      </c>
    </row>
    <row r="1340" spans="1:5" x14ac:dyDescent="0.25">
      <c r="A1340" s="1">
        <v>43611.666666666664</v>
      </c>
      <c r="B1340" s="2">
        <v>42.2</v>
      </c>
      <c r="C1340">
        <v>5.0109950000000003</v>
      </c>
      <c r="D1340">
        <f t="shared" si="40"/>
        <v>5.0109950000000007E-3</v>
      </c>
      <c r="E1340" s="6">
        <f t="shared" si="41"/>
        <v>0.21146398900000005</v>
      </c>
    </row>
    <row r="1341" spans="1:5" x14ac:dyDescent="0.25">
      <c r="A1341" s="1">
        <v>43611.708333333336</v>
      </c>
      <c r="B1341" s="2">
        <v>39.07</v>
      </c>
      <c r="C1341">
        <v>3.8843009999999998</v>
      </c>
      <c r="D1341">
        <f t="shared" si="40"/>
        <v>3.8843009999999997E-3</v>
      </c>
      <c r="E1341" s="6">
        <f t="shared" si="41"/>
        <v>0.15175964006999998</v>
      </c>
    </row>
    <row r="1342" spans="1:5" x14ac:dyDescent="0.25">
      <c r="A1342" s="1">
        <v>43611.75</v>
      </c>
      <c r="B1342" s="2">
        <v>33.83</v>
      </c>
      <c r="C1342">
        <v>0.45370199999999999</v>
      </c>
      <c r="D1342">
        <f t="shared" si="40"/>
        <v>4.53702E-4</v>
      </c>
      <c r="E1342" s="6">
        <f t="shared" si="41"/>
        <v>1.534873866E-2</v>
      </c>
    </row>
    <row r="1343" spans="1:5" x14ac:dyDescent="0.25">
      <c r="A1343" s="1">
        <v>43611.791666666664</v>
      </c>
      <c r="B1343" s="2">
        <v>28.37</v>
      </c>
      <c r="C1343">
        <v>0.68917700000000004</v>
      </c>
      <c r="D1343">
        <f t="shared" si="40"/>
        <v>6.8917700000000002E-4</v>
      </c>
      <c r="E1343" s="6">
        <f t="shared" si="41"/>
        <v>1.955195149E-2</v>
      </c>
    </row>
    <row r="1344" spans="1:5" x14ac:dyDescent="0.25">
      <c r="A1344" s="1">
        <v>43611.833333333336</v>
      </c>
      <c r="B1344" s="2">
        <v>29.04</v>
      </c>
      <c r="C1344">
        <v>2.5381000000000001E-2</v>
      </c>
      <c r="D1344">
        <f t="shared" si="40"/>
        <v>2.5381E-5</v>
      </c>
      <c r="E1344" s="6">
        <f t="shared" si="41"/>
        <v>7.3706423999999997E-4</v>
      </c>
    </row>
    <row r="1345" spans="1:5" x14ac:dyDescent="0.25">
      <c r="A1345" s="1">
        <v>43611.875</v>
      </c>
      <c r="B1345" s="2">
        <v>26.64</v>
      </c>
      <c r="C1345">
        <v>0</v>
      </c>
      <c r="D1345">
        <f t="shared" si="40"/>
        <v>0</v>
      </c>
      <c r="E1345" s="6">
        <f t="shared" si="41"/>
        <v>0</v>
      </c>
    </row>
    <row r="1346" spans="1:5" x14ac:dyDescent="0.25">
      <c r="A1346" s="1">
        <v>43611.916666666664</v>
      </c>
      <c r="B1346" s="2">
        <v>22.4</v>
      </c>
      <c r="C1346">
        <v>0</v>
      </c>
      <c r="D1346">
        <f t="shared" si="40"/>
        <v>0</v>
      </c>
      <c r="E1346" s="6">
        <f t="shared" si="41"/>
        <v>0</v>
      </c>
    </row>
    <row r="1347" spans="1:5" x14ac:dyDescent="0.25">
      <c r="A1347" s="1">
        <v>43611.958333333336</v>
      </c>
      <c r="B1347" s="2">
        <v>21.3</v>
      </c>
      <c r="C1347">
        <v>0</v>
      </c>
      <c r="D1347">
        <f t="shared" si="40"/>
        <v>0</v>
      </c>
      <c r="E1347" s="6">
        <f t="shared" si="41"/>
        <v>0</v>
      </c>
    </row>
    <row r="1348" spans="1:5" x14ac:dyDescent="0.25">
      <c r="A1348" s="1">
        <v>43612</v>
      </c>
      <c r="B1348" s="2">
        <v>18.39</v>
      </c>
      <c r="C1348">
        <v>0</v>
      </c>
      <c r="D1348">
        <f t="shared" si="40"/>
        <v>0</v>
      </c>
      <c r="E1348" s="6">
        <f t="shared" si="41"/>
        <v>0</v>
      </c>
    </row>
    <row r="1349" spans="1:5" x14ac:dyDescent="0.25">
      <c r="A1349" s="1">
        <v>43612.041666666664</v>
      </c>
      <c r="B1349" s="2">
        <v>16.920000000000002</v>
      </c>
      <c r="C1349">
        <v>0</v>
      </c>
      <c r="D1349">
        <f t="shared" si="40"/>
        <v>0</v>
      </c>
      <c r="E1349" s="6">
        <f t="shared" si="41"/>
        <v>0</v>
      </c>
    </row>
    <row r="1350" spans="1:5" x14ac:dyDescent="0.25">
      <c r="A1350" s="1">
        <v>43612.083333333336</v>
      </c>
      <c r="B1350" s="2">
        <v>16.05</v>
      </c>
      <c r="C1350">
        <v>0</v>
      </c>
      <c r="D1350">
        <f t="shared" ref="D1350:D1413" si="42">C1350/1000</f>
        <v>0</v>
      </c>
      <c r="E1350" s="6">
        <f t="shared" ref="E1350:E1413" si="43">D1350*B1350</f>
        <v>0</v>
      </c>
    </row>
    <row r="1351" spans="1:5" x14ac:dyDescent="0.25">
      <c r="A1351" s="1">
        <v>43612.125</v>
      </c>
      <c r="B1351" s="2">
        <v>14.83</v>
      </c>
      <c r="C1351">
        <v>0</v>
      </c>
      <c r="D1351">
        <f t="shared" si="42"/>
        <v>0</v>
      </c>
      <c r="E1351" s="6">
        <f t="shared" si="43"/>
        <v>0</v>
      </c>
    </row>
    <row r="1352" spans="1:5" x14ac:dyDescent="0.25">
      <c r="A1352" s="1">
        <v>43612.166666666664</v>
      </c>
      <c r="B1352" s="2">
        <v>14.75</v>
      </c>
      <c r="C1352">
        <v>0</v>
      </c>
      <c r="D1352">
        <f t="shared" si="42"/>
        <v>0</v>
      </c>
      <c r="E1352" s="6">
        <f t="shared" si="43"/>
        <v>0</v>
      </c>
    </row>
    <row r="1353" spans="1:5" x14ac:dyDescent="0.25">
      <c r="A1353" s="1">
        <v>43612.208333333336</v>
      </c>
      <c r="B1353" s="2">
        <v>14.58</v>
      </c>
      <c r="C1353">
        <v>0</v>
      </c>
      <c r="D1353">
        <f t="shared" si="42"/>
        <v>0</v>
      </c>
      <c r="E1353" s="6">
        <f t="shared" si="43"/>
        <v>0</v>
      </c>
    </row>
    <row r="1354" spans="1:5" x14ac:dyDescent="0.25">
      <c r="A1354" s="1">
        <v>43612.25</v>
      </c>
      <c r="B1354" s="2">
        <v>12.84</v>
      </c>
      <c r="C1354">
        <v>8.0239999999999999E-3</v>
      </c>
      <c r="D1354">
        <f t="shared" si="42"/>
        <v>8.0239999999999997E-6</v>
      </c>
      <c r="E1354" s="6">
        <f t="shared" si="43"/>
        <v>1.0302816E-4</v>
      </c>
    </row>
    <row r="1355" spans="1:5" x14ac:dyDescent="0.25">
      <c r="A1355" s="1">
        <v>43612.291666666664</v>
      </c>
      <c r="B1355" s="2">
        <v>16.55</v>
      </c>
      <c r="C1355">
        <v>0.65187400000000006</v>
      </c>
      <c r="D1355">
        <f t="shared" si="42"/>
        <v>6.5187400000000009E-4</v>
      </c>
      <c r="E1355" s="6">
        <f t="shared" si="43"/>
        <v>1.0788514700000001E-2</v>
      </c>
    </row>
    <row r="1356" spans="1:5" x14ac:dyDescent="0.25">
      <c r="A1356" s="1">
        <v>43612.333333333336</v>
      </c>
      <c r="B1356" s="2">
        <v>18.61</v>
      </c>
      <c r="C1356">
        <v>2.3481830000000001</v>
      </c>
      <c r="D1356">
        <f t="shared" si="42"/>
        <v>2.3481830000000002E-3</v>
      </c>
      <c r="E1356" s="6">
        <f t="shared" si="43"/>
        <v>4.3699685630000006E-2</v>
      </c>
    </row>
    <row r="1357" spans="1:5" x14ac:dyDescent="0.25">
      <c r="A1357" s="1">
        <v>43612.375</v>
      </c>
      <c r="B1357" s="2">
        <v>20.76</v>
      </c>
      <c r="C1357">
        <v>4.1020110000000001</v>
      </c>
      <c r="D1357">
        <f t="shared" si="42"/>
        <v>4.102011E-3</v>
      </c>
      <c r="E1357" s="6">
        <f t="shared" si="43"/>
        <v>8.5157748360000007E-2</v>
      </c>
    </row>
    <row r="1358" spans="1:5" x14ac:dyDescent="0.25">
      <c r="A1358" s="1">
        <v>43612.416666666664</v>
      </c>
      <c r="B1358" s="2">
        <v>21.45</v>
      </c>
      <c r="C1358">
        <v>5.5232389999999993</v>
      </c>
      <c r="D1358">
        <f t="shared" si="42"/>
        <v>5.5232389999999992E-3</v>
      </c>
      <c r="E1358" s="6">
        <f t="shared" si="43"/>
        <v>0.11847347654999998</v>
      </c>
    </row>
    <row r="1359" spans="1:5" x14ac:dyDescent="0.25">
      <c r="A1359" s="1">
        <v>43612.458333333336</v>
      </c>
      <c r="B1359" s="2">
        <v>23.18</v>
      </c>
      <c r="C1359">
        <v>5.8680569999999994</v>
      </c>
      <c r="D1359">
        <f t="shared" si="42"/>
        <v>5.8680569999999994E-3</v>
      </c>
      <c r="E1359" s="6">
        <f t="shared" si="43"/>
        <v>0.13602156125999998</v>
      </c>
    </row>
    <row r="1360" spans="1:5" x14ac:dyDescent="0.25">
      <c r="A1360" s="1">
        <v>43612.5</v>
      </c>
      <c r="B1360" s="2">
        <v>24.47</v>
      </c>
      <c r="C1360">
        <v>6.1700820000000007</v>
      </c>
      <c r="D1360">
        <f t="shared" si="42"/>
        <v>6.1700820000000003E-3</v>
      </c>
      <c r="E1360" s="6">
        <f t="shared" si="43"/>
        <v>0.15098190653999999</v>
      </c>
    </row>
    <row r="1361" spans="1:5" x14ac:dyDescent="0.25">
      <c r="A1361" s="1">
        <v>43612.541666666664</v>
      </c>
      <c r="B1361" s="2">
        <v>26.72</v>
      </c>
      <c r="C1361">
        <v>6.2506519999999997</v>
      </c>
      <c r="D1361">
        <f t="shared" si="42"/>
        <v>6.2506519999999998E-3</v>
      </c>
      <c r="E1361" s="6">
        <f t="shared" si="43"/>
        <v>0.16701742143999998</v>
      </c>
    </row>
    <row r="1362" spans="1:5" x14ac:dyDescent="0.25">
      <c r="A1362" s="1">
        <v>43612.583333333336</v>
      </c>
      <c r="B1362" s="2">
        <v>28.86</v>
      </c>
      <c r="C1362">
        <v>6.0996769999999998</v>
      </c>
      <c r="D1362">
        <f t="shared" si="42"/>
        <v>6.0996769999999995E-3</v>
      </c>
      <c r="E1362" s="6">
        <f t="shared" si="43"/>
        <v>0.17603667821999999</v>
      </c>
    </row>
    <row r="1363" spans="1:5" x14ac:dyDescent="0.25">
      <c r="A1363" s="1">
        <v>43612.625</v>
      </c>
      <c r="B1363" s="2">
        <v>29.22</v>
      </c>
      <c r="C1363">
        <v>5.4427700000000003</v>
      </c>
      <c r="D1363">
        <f t="shared" si="42"/>
        <v>5.4427700000000004E-3</v>
      </c>
      <c r="E1363" s="6">
        <f t="shared" si="43"/>
        <v>0.15903773940000002</v>
      </c>
    </row>
    <row r="1364" spans="1:5" x14ac:dyDescent="0.25">
      <c r="A1364" s="1">
        <v>43612.666666666664</v>
      </c>
      <c r="B1364" s="2">
        <v>31.49</v>
      </c>
      <c r="C1364">
        <v>4.6137459999999999</v>
      </c>
      <c r="D1364">
        <f t="shared" si="42"/>
        <v>4.6137460000000002E-3</v>
      </c>
      <c r="E1364" s="6">
        <f t="shared" si="43"/>
        <v>0.14528686154000001</v>
      </c>
    </row>
    <row r="1365" spans="1:5" x14ac:dyDescent="0.25">
      <c r="A1365" s="1">
        <v>43612.708333333336</v>
      </c>
      <c r="B1365" s="2">
        <v>32.049999999999997</v>
      </c>
      <c r="C1365">
        <v>3.6027439999999999</v>
      </c>
      <c r="D1365">
        <f t="shared" si="42"/>
        <v>3.6027439999999997E-3</v>
      </c>
      <c r="E1365" s="6">
        <f t="shared" si="43"/>
        <v>0.11546794519999998</v>
      </c>
    </row>
    <row r="1366" spans="1:5" x14ac:dyDescent="0.25">
      <c r="A1366" s="1">
        <v>43612.75</v>
      </c>
      <c r="B1366" s="2">
        <v>28.81</v>
      </c>
      <c r="C1366">
        <v>2.011177</v>
      </c>
      <c r="D1366">
        <f t="shared" si="42"/>
        <v>2.0111769999999998E-3</v>
      </c>
      <c r="E1366" s="6">
        <f t="shared" si="43"/>
        <v>5.7942009369999992E-2</v>
      </c>
    </row>
    <row r="1367" spans="1:5" x14ac:dyDescent="0.25">
      <c r="A1367" s="1">
        <v>43612.791666666664</v>
      </c>
      <c r="B1367" s="2">
        <v>26.14</v>
      </c>
      <c r="C1367">
        <v>0.66452700000000009</v>
      </c>
      <c r="D1367">
        <f t="shared" si="42"/>
        <v>6.6452700000000004E-4</v>
      </c>
      <c r="E1367" s="6">
        <f t="shared" si="43"/>
        <v>1.737073578E-2</v>
      </c>
    </row>
    <row r="1368" spans="1:5" x14ac:dyDescent="0.25">
      <c r="A1368" s="1">
        <v>43612.833333333336</v>
      </c>
      <c r="B1368" s="2">
        <v>26.91</v>
      </c>
      <c r="C1368">
        <v>3.2683999999999998E-2</v>
      </c>
      <c r="D1368">
        <f t="shared" si="42"/>
        <v>3.2684000000000001E-5</v>
      </c>
      <c r="E1368" s="6">
        <f t="shared" si="43"/>
        <v>8.7952644000000003E-4</v>
      </c>
    </row>
    <row r="1369" spans="1:5" x14ac:dyDescent="0.25">
      <c r="A1369" s="1">
        <v>43612.875</v>
      </c>
      <c r="B1369" s="2">
        <v>26.36</v>
      </c>
      <c r="C1369">
        <v>0</v>
      </c>
      <c r="D1369">
        <f t="shared" si="42"/>
        <v>0</v>
      </c>
      <c r="E1369" s="6">
        <f t="shared" si="43"/>
        <v>0</v>
      </c>
    </row>
    <row r="1370" spans="1:5" x14ac:dyDescent="0.25">
      <c r="A1370" s="1">
        <v>43612.916666666664</v>
      </c>
      <c r="B1370" s="2">
        <v>21.07</v>
      </c>
      <c r="C1370">
        <v>0</v>
      </c>
      <c r="D1370">
        <f t="shared" si="42"/>
        <v>0</v>
      </c>
      <c r="E1370" s="6">
        <f t="shared" si="43"/>
        <v>0</v>
      </c>
    </row>
    <row r="1371" spans="1:5" x14ac:dyDescent="0.25">
      <c r="A1371" s="1">
        <v>43612.958333333336</v>
      </c>
      <c r="B1371" s="2">
        <v>19.739999999999998</v>
      </c>
      <c r="C1371">
        <v>0</v>
      </c>
      <c r="D1371">
        <f t="shared" si="42"/>
        <v>0</v>
      </c>
      <c r="E1371" s="6">
        <f t="shared" si="43"/>
        <v>0</v>
      </c>
    </row>
    <row r="1372" spans="1:5" x14ac:dyDescent="0.25">
      <c r="A1372" s="1">
        <v>43613</v>
      </c>
      <c r="B1372" s="2">
        <v>16.82</v>
      </c>
      <c r="C1372">
        <v>0</v>
      </c>
      <c r="D1372">
        <f t="shared" si="42"/>
        <v>0</v>
      </c>
      <c r="E1372" s="6">
        <f t="shared" si="43"/>
        <v>0</v>
      </c>
    </row>
    <row r="1373" spans="1:5" x14ac:dyDescent="0.25">
      <c r="A1373" s="1">
        <v>43613.041666666664</v>
      </c>
      <c r="B1373" s="2">
        <v>15.78</v>
      </c>
      <c r="C1373">
        <v>0</v>
      </c>
      <c r="D1373">
        <f t="shared" si="42"/>
        <v>0</v>
      </c>
      <c r="E1373" s="6">
        <f t="shared" si="43"/>
        <v>0</v>
      </c>
    </row>
    <row r="1374" spans="1:5" x14ac:dyDescent="0.25">
      <c r="A1374" s="1">
        <v>43613.083333333336</v>
      </c>
      <c r="B1374" s="2">
        <v>15.12</v>
      </c>
      <c r="C1374">
        <v>0</v>
      </c>
      <c r="D1374">
        <f t="shared" si="42"/>
        <v>0</v>
      </c>
      <c r="E1374" s="6">
        <f t="shared" si="43"/>
        <v>0</v>
      </c>
    </row>
    <row r="1375" spans="1:5" x14ac:dyDescent="0.25">
      <c r="A1375" s="1">
        <v>43613.125</v>
      </c>
      <c r="B1375" s="2">
        <v>15.12</v>
      </c>
      <c r="C1375">
        <v>0</v>
      </c>
      <c r="D1375">
        <f t="shared" si="42"/>
        <v>0</v>
      </c>
      <c r="E1375" s="6">
        <f t="shared" si="43"/>
        <v>0</v>
      </c>
    </row>
    <row r="1376" spans="1:5" x14ac:dyDescent="0.25">
      <c r="A1376" s="1">
        <v>43613.166666666664</v>
      </c>
      <c r="B1376" s="2">
        <v>15.35</v>
      </c>
      <c r="C1376">
        <v>0</v>
      </c>
      <c r="D1376">
        <f t="shared" si="42"/>
        <v>0</v>
      </c>
      <c r="E1376" s="6">
        <f t="shared" si="43"/>
        <v>0</v>
      </c>
    </row>
    <row r="1377" spans="1:5" x14ac:dyDescent="0.25">
      <c r="A1377" s="1">
        <v>43613.208333333336</v>
      </c>
      <c r="B1377" s="2">
        <v>16.96</v>
      </c>
      <c r="C1377">
        <v>0</v>
      </c>
      <c r="D1377">
        <f t="shared" si="42"/>
        <v>0</v>
      </c>
      <c r="E1377" s="6">
        <f t="shared" si="43"/>
        <v>0</v>
      </c>
    </row>
    <row r="1378" spans="1:5" x14ac:dyDescent="0.25">
      <c r="A1378" s="1">
        <v>43613.25</v>
      </c>
      <c r="B1378" s="2">
        <v>19.2</v>
      </c>
      <c r="C1378">
        <v>3.5715999999999998E-2</v>
      </c>
      <c r="D1378">
        <f t="shared" si="42"/>
        <v>3.5715999999999995E-5</v>
      </c>
      <c r="E1378" s="6">
        <f t="shared" si="43"/>
        <v>6.8574719999999986E-4</v>
      </c>
    </row>
    <row r="1379" spans="1:5" x14ac:dyDescent="0.25">
      <c r="A1379" s="1">
        <v>43613.291666666664</v>
      </c>
      <c r="B1379" s="2">
        <v>20.49</v>
      </c>
      <c r="C1379">
        <v>0.73000199999999993</v>
      </c>
      <c r="D1379">
        <f t="shared" si="42"/>
        <v>7.3000199999999989E-4</v>
      </c>
      <c r="E1379" s="6">
        <f t="shared" si="43"/>
        <v>1.4957740979999997E-2</v>
      </c>
    </row>
    <row r="1380" spans="1:5" x14ac:dyDescent="0.25">
      <c r="A1380" s="1">
        <v>43613.333333333336</v>
      </c>
      <c r="B1380" s="2">
        <v>21.05</v>
      </c>
      <c r="C1380">
        <v>2.3349520000000004</v>
      </c>
      <c r="D1380">
        <f t="shared" si="42"/>
        <v>2.3349520000000004E-3</v>
      </c>
      <c r="E1380" s="6">
        <f t="shared" si="43"/>
        <v>4.9150739600000007E-2</v>
      </c>
    </row>
    <row r="1381" spans="1:5" x14ac:dyDescent="0.25">
      <c r="A1381" s="1">
        <v>43613.375</v>
      </c>
      <c r="B1381" s="2">
        <v>23.45</v>
      </c>
      <c r="C1381">
        <v>4.0496650000000001</v>
      </c>
      <c r="D1381">
        <f t="shared" si="42"/>
        <v>4.049665E-3</v>
      </c>
      <c r="E1381" s="6">
        <f t="shared" si="43"/>
        <v>9.4964644249999994E-2</v>
      </c>
    </row>
    <row r="1382" spans="1:5" x14ac:dyDescent="0.25">
      <c r="A1382" s="1">
        <v>43613.416666666664</v>
      </c>
      <c r="B1382" s="2">
        <v>25.97</v>
      </c>
      <c r="C1382">
        <v>5.446402</v>
      </c>
      <c r="D1382">
        <f t="shared" si="42"/>
        <v>5.4464020000000004E-3</v>
      </c>
      <c r="E1382" s="6">
        <f t="shared" si="43"/>
        <v>0.14144305994</v>
      </c>
    </row>
    <row r="1383" spans="1:5" x14ac:dyDescent="0.25">
      <c r="A1383" s="1">
        <v>43613.458333333336</v>
      </c>
      <c r="B1383" s="2">
        <v>31.09</v>
      </c>
      <c r="C1383">
        <v>6.5029979999999998</v>
      </c>
      <c r="D1383">
        <f t="shared" si="42"/>
        <v>6.5029979999999994E-3</v>
      </c>
      <c r="E1383" s="6">
        <f t="shared" si="43"/>
        <v>0.20217820781999998</v>
      </c>
    </row>
    <row r="1384" spans="1:5" x14ac:dyDescent="0.25">
      <c r="A1384" s="1">
        <v>43613.5</v>
      </c>
      <c r="B1384" s="2">
        <v>38.35</v>
      </c>
      <c r="C1384">
        <v>7.0636530000000004</v>
      </c>
      <c r="D1384">
        <f t="shared" si="42"/>
        <v>7.0636530000000005E-3</v>
      </c>
      <c r="E1384" s="6">
        <f t="shared" si="43"/>
        <v>0.27089109255000005</v>
      </c>
    </row>
    <row r="1385" spans="1:5" x14ac:dyDescent="0.25">
      <c r="A1385" s="1">
        <v>43613.541666666664</v>
      </c>
      <c r="B1385" s="2">
        <v>44.64</v>
      </c>
      <c r="C1385">
        <v>7.2044870000000003</v>
      </c>
      <c r="D1385">
        <f t="shared" si="42"/>
        <v>7.2044870000000007E-3</v>
      </c>
      <c r="E1385" s="6">
        <f t="shared" si="43"/>
        <v>0.32160829968000004</v>
      </c>
    </row>
    <row r="1386" spans="1:5" x14ac:dyDescent="0.25">
      <c r="A1386" s="1">
        <v>43613.583333333336</v>
      </c>
      <c r="B1386" s="2">
        <v>52.84</v>
      </c>
      <c r="C1386">
        <v>6.9674019999999999</v>
      </c>
      <c r="D1386">
        <f t="shared" si="42"/>
        <v>6.9674020000000001E-3</v>
      </c>
      <c r="E1386" s="6">
        <f t="shared" si="43"/>
        <v>0.36815752168000004</v>
      </c>
    </row>
    <row r="1387" spans="1:5" x14ac:dyDescent="0.25">
      <c r="A1387" s="1">
        <v>43613.625</v>
      </c>
      <c r="B1387" s="2">
        <v>59.24</v>
      </c>
      <c r="C1387">
        <v>6.3629239999999996</v>
      </c>
      <c r="D1387">
        <f t="shared" si="42"/>
        <v>6.3629239999999998E-3</v>
      </c>
      <c r="E1387" s="6">
        <f t="shared" si="43"/>
        <v>0.37693961776000001</v>
      </c>
    </row>
    <row r="1388" spans="1:5" x14ac:dyDescent="0.25">
      <c r="A1388" s="1">
        <v>43613.666666666664</v>
      </c>
      <c r="B1388" s="2">
        <v>66.31</v>
      </c>
      <c r="C1388">
        <v>5.349005</v>
      </c>
      <c r="D1388">
        <f t="shared" si="42"/>
        <v>5.3490050000000004E-3</v>
      </c>
      <c r="E1388" s="6">
        <f t="shared" si="43"/>
        <v>0.35469252155000003</v>
      </c>
    </row>
    <row r="1389" spans="1:5" x14ac:dyDescent="0.25">
      <c r="A1389" s="1">
        <v>43613.708333333336</v>
      </c>
      <c r="B1389" s="2">
        <v>59.61</v>
      </c>
      <c r="C1389">
        <v>3.9328939999999997</v>
      </c>
      <c r="D1389">
        <f t="shared" si="42"/>
        <v>3.9328939999999993E-3</v>
      </c>
      <c r="E1389" s="6">
        <f t="shared" si="43"/>
        <v>0.23443981133999994</v>
      </c>
    </row>
    <row r="1390" spans="1:5" x14ac:dyDescent="0.25">
      <c r="A1390" s="1">
        <v>43613.75</v>
      </c>
      <c r="B1390" s="2">
        <v>47.32</v>
      </c>
      <c r="C1390">
        <v>2.202083</v>
      </c>
      <c r="D1390">
        <f t="shared" si="42"/>
        <v>2.2020830000000001E-3</v>
      </c>
      <c r="E1390" s="6">
        <f t="shared" si="43"/>
        <v>0.10420256756</v>
      </c>
    </row>
    <row r="1391" spans="1:5" x14ac:dyDescent="0.25">
      <c r="A1391" s="1">
        <v>43613.791666666664</v>
      </c>
      <c r="B1391" s="2">
        <v>39.770000000000003</v>
      </c>
      <c r="C1391">
        <v>0.59041299999999997</v>
      </c>
      <c r="D1391">
        <f t="shared" si="42"/>
        <v>5.9041299999999992E-4</v>
      </c>
      <c r="E1391" s="6">
        <f t="shared" si="43"/>
        <v>2.3480725009999998E-2</v>
      </c>
    </row>
    <row r="1392" spans="1:5" x14ac:dyDescent="0.25">
      <c r="A1392" s="1">
        <v>43613.833333333336</v>
      </c>
      <c r="B1392" s="2">
        <v>35.409999999999997</v>
      </c>
      <c r="C1392">
        <v>6.5938999999999998E-2</v>
      </c>
      <c r="D1392">
        <f t="shared" si="42"/>
        <v>6.5938999999999993E-5</v>
      </c>
      <c r="E1392" s="6">
        <f t="shared" si="43"/>
        <v>2.3348999899999996E-3</v>
      </c>
    </row>
    <row r="1393" spans="1:5" x14ac:dyDescent="0.25">
      <c r="A1393" s="1">
        <v>43613.875</v>
      </c>
      <c r="B1393" s="2">
        <v>31.75</v>
      </c>
      <c r="C1393">
        <v>0</v>
      </c>
      <c r="D1393">
        <f t="shared" si="42"/>
        <v>0</v>
      </c>
      <c r="E1393" s="6">
        <f t="shared" si="43"/>
        <v>0</v>
      </c>
    </row>
    <row r="1394" spans="1:5" x14ac:dyDescent="0.25">
      <c r="A1394" s="1">
        <v>43613.916666666664</v>
      </c>
      <c r="B1394" s="2">
        <v>24.93</v>
      </c>
      <c r="C1394">
        <v>0</v>
      </c>
      <c r="D1394">
        <f t="shared" si="42"/>
        <v>0</v>
      </c>
      <c r="E1394" s="6">
        <f t="shared" si="43"/>
        <v>0</v>
      </c>
    </row>
    <row r="1395" spans="1:5" x14ac:dyDescent="0.25">
      <c r="A1395" s="1">
        <v>43613.958333333336</v>
      </c>
      <c r="B1395" s="2">
        <v>21.33</v>
      </c>
      <c r="C1395">
        <v>0</v>
      </c>
      <c r="D1395">
        <f t="shared" si="42"/>
        <v>0</v>
      </c>
      <c r="E1395" s="6">
        <f t="shared" si="43"/>
        <v>0</v>
      </c>
    </row>
    <row r="1396" spans="1:5" x14ac:dyDescent="0.25">
      <c r="A1396" s="1">
        <v>43614</v>
      </c>
      <c r="B1396" s="2">
        <v>19.78</v>
      </c>
      <c r="C1396">
        <v>0</v>
      </c>
      <c r="D1396">
        <f t="shared" si="42"/>
        <v>0</v>
      </c>
      <c r="E1396" s="6">
        <f t="shared" si="43"/>
        <v>0</v>
      </c>
    </row>
    <row r="1397" spans="1:5" x14ac:dyDescent="0.25">
      <c r="A1397" s="1">
        <v>43614.041666666664</v>
      </c>
      <c r="B1397" s="2">
        <v>19.52</v>
      </c>
      <c r="C1397">
        <v>0</v>
      </c>
      <c r="D1397">
        <f t="shared" si="42"/>
        <v>0</v>
      </c>
      <c r="E1397" s="6">
        <f t="shared" si="43"/>
        <v>0</v>
      </c>
    </row>
    <row r="1398" spans="1:5" x14ac:dyDescent="0.25">
      <c r="A1398" s="1">
        <v>43614.083333333336</v>
      </c>
      <c r="B1398" s="2">
        <v>19.32</v>
      </c>
      <c r="C1398">
        <v>0</v>
      </c>
      <c r="D1398">
        <f t="shared" si="42"/>
        <v>0</v>
      </c>
      <c r="E1398" s="6">
        <f t="shared" si="43"/>
        <v>0</v>
      </c>
    </row>
    <row r="1399" spans="1:5" x14ac:dyDescent="0.25">
      <c r="A1399" s="1">
        <v>43614.125</v>
      </c>
      <c r="B1399" s="2">
        <v>18.82</v>
      </c>
      <c r="C1399">
        <v>0</v>
      </c>
      <c r="D1399">
        <f t="shared" si="42"/>
        <v>0</v>
      </c>
      <c r="E1399" s="6">
        <f t="shared" si="43"/>
        <v>0</v>
      </c>
    </row>
    <row r="1400" spans="1:5" x14ac:dyDescent="0.25">
      <c r="A1400" s="1">
        <v>43614.166666666664</v>
      </c>
      <c r="B1400" s="2">
        <v>19.14</v>
      </c>
      <c r="C1400">
        <v>0</v>
      </c>
      <c r="D1400">
        <f t="shared" si="42"/>
        <v>0</v>
      </c>
      <c r="E1400" s="6">
        <f t="shared" si="43"/>
        <v>0</v>
      </c>
    </row>
    <row r="1401" spans="1:5" x14ac:dyDescent="0.25">
      <c r="A1401" s="1">
        <v>43614.208333333336</v>
      </c>
      <c r="B1401" s="2">
        <v>19.8</v>
      </c>
      <c r="C1401">
        <v>0</v>
      </c>
      <c r="D1401">
        <f t="shared" si="42"/>
        <v>0</v>
      </c>
      <c r="E1401" s="6">
        <f t="shared" si="43"/>
        <v>0</v>
      </c>
    </row>
    <row r="1402" spans="1:5" x14ac:dyDescent="0.25">
      <c r="A1402" s="1">
        <v>43614.25</v>
      </c>
      <c r="B1402" s="2">
        <v>20.94</v>
      </c>
      <c r="C1402">
        <v>3.9365999999999998E-2</v>
      </c>
      <c r="D1402">
        <f t="shared" si="42"/>
        <v>3.9365999999999995E-5</v>
      </c>
      <c r="E1402" s="6">
        <f t="shared" si="43"/>
        <v>8.2432403999999993E-4</v>
      </c>
    </row>
    <row r="1403" spans="1:5" x14ac:dyDescent="0.25">
      <c r="A1403" s="1">
        <v>43614.291666666664</v>
      </c>
      <c r="B1403" s="2">
        <v>22.94</v>
      </c>
      <c r="C1403">
        <v>0.68659400000000004</v>
      </c>
      <c r="D1403">
        <f t="shared" si="42"/>
        <v>6.8659400000000001E-4</v>
      </c>
      <c r="E1403" s="6">
        <f t="shared" si="43"/>
        <v>1.575046636E-2</v>
      </c>
    </row>
    <row r="1404" spans="1:5" x14ac:dyDescent="0.25">
      <c r="A1404" s="1">
        <v>43614.333333333336</v>
      </c>
      <c r="B1404" s="2">
        <v>23.96</v>
      </c>
      <c r="C1404">
        <v>2.3384140000000002</v>
      </c>
      <c r="D1404">
        <f t="shared" si="42"/>
        <v>2.338414E-3</v>
      </c>
      <c r="E1404" s="6">
        <f t="shared" si="43"/>
        <v>5.6028399440000001E-2</v>
      </c>
    </row>
    <row r="1405" spans="1:5" x14ac:dyDescent="0.25">
      <c r="A1405" s="1">
        <v>43614.375</v>
      </c>
      <c r="B1405" s="2">
        <v>27.22</v>
      </c>
      <c r="C1405">
        <v>4.0663109999999998</v>
      </c>
      <c r="D1405">
        <f t="shared" si="42"/>
        <v>4.0663109999999995E-3</v>
      </c>
      <c r="E1405" s="6">
        <f t="shared" si="43"/>
        <v>0.11068498541999998</v>
      </c>
    </row>
    <row r="1406" spans="1:5" x14ac:dyDescent="0.25">
      <c r="A1406" s="1">
        <v>43614.416666666664</v>
      </c>
      <c r="B1406" s="2">
        <v>29.92</v>
      </c>
      <c r="C1406">
        <v>5.4645570000000001</v>
      </c>
      <c r="D1406">
        <f t="shared" si="42"/>
        <v>5.4645570000000001E-3</v>
      </c>
      <c r="E1406" s="6">
        <f t="shared" si="43"/>
        <v>0.16349954544</v>
      </c>
    </row>
    <row r="1407" spans="1:5" x14ac:dyDescent="0.25">
      <c r="A1407" s="1">
        <v>43614.458333333336</v>
      </c>
      <c r="B1407" s="2">
        <v>36.26</v>
      </c>
      <c r="C1407">
        <v>6.4161099999999998</v>
      </c>
      <c r="D1407">
        <f t="shared" si="42"/>
        <v>6.41611E-3</v>
      </c>
      <c r="E1407" s="6">
        <f t="shared" si="43"/>
        <v>0.23264814859999999</v>
      </c>
    </row>
    <row r="1408" spans="1:5" x14ac:dyDescent="0.25">
      <c r="A1408" s="1">
        <v>43614.5</v>
      </c>
      <c r="B1408" s="2">
        <v>36.03</v>
      </c>
      <c r="C1408">
        <v>6.9974179999999997</v>
      </c>
      <c r="D1408">
        <f t="shared" si="42"/>
        <v>6.997418E-3</v>
      </c>
      <c r="E1408" s="6">
        <f t="shared" si="43"/>
        <v>0.25211697053999998</v>
      </c>
    </row>
    <row r="1409" spans="1:5" x14ac:dyDescent="0.25">
      <c r="A1409" s="1">
        <v>43614.541666666664</v>
      </c>
      <c r="B1409" s="2">
        <v>41.85</v>
      </c>
      <c r="C1409">
        <v>7.1362579999999998</v>
      </c>
      <c r="D1409">
        <f t="shared" si="42"/>
        <v>7.1362579999999995E-3</v>
      </c>
      <c r="E1409" s="6">
        <f t="shared" si="43"/>
        <v>0.29865239729999998</v>
      </c>
    </row>
    <row r="1410" spans="1:5" x14ac:dyDescent="0.25">
      <c r="A1410" s="1">
        <v>43614.583333333336</v>
      </c>
      <c r="B1410" s="2">
        <v>46.43</v>
      </c>
      <c r="C1410">
        <v>6.8600950000000003</v>
      </c>
      <c r="D1410">
        <f t="shared" si="42"/>
        <v>6.8600950000000001E-3</v>
      </c>
      <c r="E1410" s="6">
        <f t="shared" si="43"/>
        <v>0.31851421084999998</v>
      </c>
    </row>
    <row r="1411" spans="1:5" x14ac:dyDescent="0.25">
      <c r="A1411" s="1">
        <v>43614.625</v>
      </c>
      <c r="B1411" s="2">
        <v>47.25</v>
      </c>
      <c r="C1411">
        <v>6.2502810000000002</v>
      </c>
      <c r="D1411">
        <f t="shared" si="42"/>
        <v>6.2502809999999999E-3</v>
      </c>
      <c r="E1411" s="6">
        <f t="shared" si="43"/>
        <v>0.29532577724999998</v>
      </c>
    </row>
    <row r="1412" spans="1:5" x14ac:dyDescent="0.25">
      <c r="A1412" s="1">
        <v>43614.666666666664</v>
      </c>
      <c r="B1412" s="2">
        <v>54.32</v>
      </c>
      <c r="C1412">
        <v>5.2941000000000003</v>
      </c>
      <c r="D1412">
        <f t="shared" si="42"/>
        <v>5.2941000000000004E-3</v>
      </c>
      <c r="E1412" s="6">
        <f t="shared" si="43"/>
        <v>0.28757551200000003</v>
      </c>
    </row>
    <row r="1413" spans="1:5" x14ac:dyDescent="0.25">
      <c r="A1413" s="1">
        <v>43614.708333333336</v>
      </c>
      <c r="B1413" s="2">
        <v>46.34</v>
      </c>
      <c r="C1413">
        <v>3.880395</v>
      </c>
      <c r="D1413">
        <f t="shared" si="42"/>
        <v>3.880395E-3</v>
      </c>
      <c r="E1413" s="6">
        <f t="shared" si="43"/>
        <v>0.17981750430000001</v>
      </c>
    </row>
    <row r="1414" spans="1:5" x14ac:dyDescent="0.25">
      <c r="A1414" s="1">
        <v>43614.75</v>
      </c>
      <c r="B1414" s="2">
        <v>38.03</v>
      </c>
      <c r="C1414">
        <v>2.1914859999999998</v>
      </c>
      <c r="D1414">
        <f t="shared" ref="D1414:D1477" si="44">C1414/1000</f>
        <v>2.1914859999999999E-3</v>
      </c>
      <c r="E1414" s="6">
        <f t="shared" ref="E1414:E1477" si="45">D1414*B1414</f>
        <v>8.3342212579999991E-2</v>
      </c>
    </row>
    <row r="1415" spans="1:5" x14ac:dyDescent="0.25">
      <c r="A1415" s="1">
        <v>43614.791666666664</v>
      </c>
      <c r="B1415" s="2">
        <v>32.119999999999997</v>
      </c>
      <c r="C1415">
        <v>0.65128200000000003</v>
      </c>
      <c r="D1415">
        <f t="shared" si="44"/>
        <v>6.5128199999999999E-4</v>
      </c>
      <c r="E1415" s="6">
        <f t="shared" si="45"/>
        <v>2.0919177839999997E-2</v>
      </c>
    </row>
    <row r="1416" spans="1:5" x14ac:dyDescent="0.25">
      <c r="A1416" s="1">
        <v>43614.833333333336</v>
      </c>
      <c r="B1416" s="2">
        <v>31.1</v>
      </c>
      <c r="C1416">
        <v>4.6433999999999996E-2</v>
      </c>
      <c r="D1416">
        <f t="shared" si="44"/>
        <v>4.6433999999999996E-5</v>
      </c>
      <c r="E1416" s="6">
        <f t="shared" si="45"/>
        <v>1.4440974E-3</v>
      </c>
    </row>
    <row r="1417" spans="1:5" x14ac:dyDescent="0.25">
      <c r="A1417" s="1">
        <v>43614.875</v>
      </c>
      <c r="B1417" s="2">
        <v>31.59</v>
      </c>
      <c r="C1417">
        <v>0</v>
      </c>
      <c r="D1417">
        <f t="shared" si="44"/>
        <v>0</v>
      </c>
      <c r="E1417" s="6">
        <f t="shared" si="45"/>
        <v>0</v>
      </c>
    </row>
    <row r="1418" spans="1:5" x14ac:dyDescent="0.25">
      <c r="A1418" s="1">
        <v>43614.916666666664</v>
      </c>
      <c r="B1418" s="2">
        <v>25.04</v>
      </c>
      <c r="C1418">
        <v>0</v>
      </c>
      <c r="D1418">
        <f t="shared" si="44"/>
        <v>0</v>
      </c>
      <c r="E1418" s="6">
        <f t="shared" si="45"/>
        <v>0</v>
      </c>
    </row>
    <row r="1419" spans="1:5" x14ac:dyDescent="0.25">
      <c r="A1419" s="1">
        <v>43614.958333333336</v>
      </c>
      <c r="B1419" s="2">
        <v>23.08</v>
      </c>
      <c r="C1419">
        <v>0</v>
      </c>
      <c r="D1419">
        <f t="shared" si="44"/>
        <v>0</v>
      </c>
      <c r="E1419" s="6">
        <f t="shared" si="45"/>
        <v>0</v>
      </c>
    </row>
    <row r="1420" spans="1:5" x14ac:dyDescent="0.25">
      <c r="A1420" s="1">
        <v>43615</v>
      </c>
      <c r="B1420" s="2">
        <v>20.78</v>
      </c>
      <c r="C1420">
        <v>0</v>
      </c>
      <c r="D1420">
        <f t="shared" si="44"/>
        <v>0</v>
      </c>
      <c r="E1420" s="6">
        <f t="shared" si="45"/>
        <v>0</v>
      </c>
    </row>
    <row r="1421" spans="1:5" x14ac:dyDescent="0.25">
      <c r="A1421" s="1">
        <v>43615.041666666664</v>
      </c>
      <c r="B1421" s="2">
        <v>20.170000000000002</v>
      </c>
      <c r="C1421">
        <v>0</v>
      </c>
      <c r="D1421">
        <f t="shared" si="44"/>
        <v>0</v>
      </c>
      <c r="E1421" s="6">
        <f t="shared" si="45"/>
        <v>0</v>
      </c>
    </row>
    <row r="1422" spans="1:5" x14ac:dyDescent="0.25">
      <c r="A1422" s="1">
        <v>43615.083333333336</v>
      </c>
      <c r="B1422" s="2">
        <v>19.82</v>
      </c>
      <c r="C1422">
        <v>0</v>
      </c>
      <c r="D1422">
        <f t="shared" si="44"/>
        <v>0</v>
      </c>
      <c r="E1422" s="6">
        <f t="shared" si="45"/>
        <v>0</v>
      </c>
    </row>
    <row r="1423" spans="1:5" x14ac:dyDescent="0.25">
      <c r="A1423" s="1">
        <v>43615.125</v>
      </c>
      <c r="B1423" s="2">
        <v>19.059999999999999</v>
      </c>
      <c r="C1423">
        <v>0</v>
      </c>
      <c r="D1423">
        <f t="shared" si="44"/>
        <v>0</v>
      </c>
      <c r="E1423" s="6">
        <f t="shared" si="45"/>
        <v>0</v>
      </c>
    </row>
    <row r="1424" spans="1:5" x14ac:dyDescent="0.25">
      <c r="A1424" s="1">
        <v>43615.166666666664</v>
      </c>
      <c r="B1424" s="2">
        <v>19.66</v>
      </c>
      <c r="C1424">
        <v>0</v>
      </c>
      <c r="D1424">
        <f t="shared" si="44"/>
        <v>0</v>
      </c>
      <c r="E1424" s="6">
        <f t="shared" si="45"/>
        <v>0</v>
      </c>
    </row>
    <row r="1425" spans="1:5" x14ac:dyDescent="0.25">
      <c r="A1425" s="1">
        <v>43615.208333333336</v>
      </c>
      <c r="B1425" s="2">
        <v>20.52</v>
      </c>
      <c r="C1425">
        <v>0</v>
      </c>
      <c r="D1425">
        <f t="shared" si="44"/>
        <v>0</v>
      </c>
      <c r="E1425" s="6">
        <f t="shared" si="45"/>
        <v>0</v>
      </c>
    </row>
    <row r="1426" spans="1:5" x14ac:dyDescent="0.25">
      <c r="A1426" s="1">
        <v>43615.25</v>
      </c>
      <c r="B1426" s="2">
        <v>23.03</v>
      </c>
      <c r="C1426">
        <v>4.2249000000000002E-2</v>
      </c>
      <c r="D1426">
        <f t="shared" si="44"/>
        <v>4.2249000000000002E-5</v>
      </c>
      <c r="E1426" s="6">
        <f t="shared" si="45"/>
        <v>9.729944700000001E-4</v>
      </c>
    </row>
    <row r="1427" spans="1:5" x14ac:dyDescent="0.25">
      <c r="A1427" s="1">
        <v>43615.291666666664</v>
      </c>
      <c r="B1427" s="2">
        <v>23.78</v>
      </c>
      <c r="C1427">
        <v>0.69661600000000001</v>
      </c>
      <c r="D1427">
        <f t="shared" si="44"/>
        <v>6.9661600000000005E-4</v>
      </c>
      <c r="E1427" s="6">
        <f t="shared" si="45"/>
        <v>1.6565528480000001E-2</v>
      </c>
    </row>
    <row r="1428" spans="1:5" x14ac:dyDescent="0.25">
      <c r="A1428" s="1">
        <v>43615.333333333336</v>
      </c>
      <c r="B1428" s="2">
        <v>25.55</v>
      </c>
      <c r="C1428">
        <v>2.2784909999999998</v>
      </c>
      <c r="D1428">
        <f t="shared" si="44"/>
        <v>2.2784909999999997E-3</v>
      </c>
      <c r="E1428" s="6">
        <f t="shared" si="45"/>
        <v>5.8215445049999995E-2</v>
      </c>
    </row>
    <row r="1429" spans="1:5" x14ac:dyDescent="0.25">
      <c r="A1429" s="1">
        <v>43615.375</v>
      </c>
      <c r="B1429" s="2">
        <v>28.33</v>
      </c>
      <c r="C1429">
        <v>3.9693770000000002</v>
      </c>
      <c r="D1429">
        <f t="shared" si="44"/>
        <v>3.9693770000000005E-3</v>
      </c>
      <c r="E1429" s="6">
        <f t="shared" si="45"/>
        <v>0.11245245041</v>
      </c>
    </row>
    <row r="1430" spans="1:5" x14ac:dyDescent="0.25">
      <c r="A1430" s="1">
        <v>43615.416666666664</v>
      </c>
      <c r="B1430" s="2">
        <v>31.47</v>
      </c>
      <c r="C1430">
        <v>5.3340209999999999</v>
      </c>
      <c r="D1430">
        <f t="shared" si="44"/>
        <v>5.3340209999999996E-3</v>
      </c>
      <c r="E1430" s="6">
        <f t="shared" si="45"/>
        <v>0.16786164086999997</v>
      </c>
    </row>
    <row r="1431" spans="1:5" x14ac:dyDescent="0.25">
      <c r="A1431" s="1">
        <v>43615.458333333336</v>
      </c>
      <c r="B1431" s="2">
        <v>33.36</v>
      </c>
      <c r="C1431">
        <v>6.2764420000000003</v>
      </c>
      <c r="D1431">
        <f t="shared" si="44"/>
        <v>6.2764420000000001E-3</v>
      </c>
      <c r="E1431" s="6">
        <f t="shared" si="45"/>
        <v>0.20938210511999999</v>
      </c>
    </row>
    <row r="1432" spans="1:5" x14ac:dyDescent="0.25">
      <c r="A1432" s="1">
        <v>43615.5</v>
      </c>
      <c r="B1432" s="2">
        <v>34.229999999999997</v>
      </c>
      <c r="C1432">
        <v>6.8106530000000003</v>
      </c>
      <c r="D1432">
        <f t="shared" si="44"/>
        <v>6.8106530000000007E-3</v>
      </c>
      <c r="E1432" s="6">
        <f t="shared" si="45"/>
        <v>0.23312865219000001</v>
      </c>
    </row>
    <row r="1433" spans="1:5" x14ac:dyDescent="0.25">
      <c r="A1433" s="1">
        <v>43615.541666666664</v>
      </c>
      <c r="B1433" s="2">
        <v>37.35</v>
      </c>
      <c r="C1433">
        <v>6.9820039999999999</v>
      </c>
      <c r="D1433">
        <f t="shared" si="44"/>
        <v>6.982004E-3</v>
      </c>
      <c r="E1433" s="6">
        <f t="shared" si="45"/>
        <v>0.26077784939999998</v>
      </c>
    </row>
    <row r="1434" spans="1:5" x14ac:dyDescent="0.25">
      <c r="A1434" s="1">
        <v>43615.583333333336</v>
      </c>
      <c r="B1434" s="2">
        <v>41.11</v>
      </c>
      <c r="C1434">
        <v>6.6989229999999997</v>
      </c>
      <c r="D1434">
        <f t="shared" si="44"/>
        <v>6.6989229999999999E-3</v>
      </c>
      <c r="E1434" s="6">
        <f t="shared" si="45"/>
        <v>0.27539272452999997</v>
      </c>
    </row>
    <row r="1435" spans="1:5" x14ac:dyDescent="0.25">
      <c r="A1435" s="1">
        <v>43615.625</v>
      </c>
      <c r="B1435" s="2">
        <v>41.33</v>
      </c>
      <c r="C1435">
        <v>4.8681070000000002</v>
      </c>
      <c r="D1435">
        <f t="shared" si="44"/>
        <v>4.868107E-3</v>
      </c>
      <c r="E1435" s="6">
        <f t="shared" si="45"/>
        <v>0.20119886231</v>
      </c>
    </row>
    <row r="1436" spans="1:5" x14ac:dyDescent="0.25">
      <c r="A1436" s="1">
        <v>43615.666666666664</v>
      </c>
      <c r="B1436" s="2">
        <v>43.8</v>
      </c>
      <c r="C1436">
        <v>5.1787420000000006</v>
      </c>
      <c r="D1436">
        <f t="shared" si="44"/>
        <v>5.1787420000000009E-3</v>
      </c>
      <c r="E1436" s="6">
        <f t="shared" si="45"/>
        <v>0.22682889960000002</v>
      </c>
    </row>
    <row r="1437" spans="1:5" x14ac:dyDescent="0.25">
      <c r="A1437" s="1">
        <v>43615.708333333336</v>
      </c>
      <c r="B1437" s="2">
        <v>39.909999999999997</v>
      </c>
      <c r="C1437">
        <v>3.7854319999999997</v>
      </c>
      <c r="D1437">
        <f t="shared" si="44"/>
        <v>3.7854319999999996E-3</v>
      </c>
      <c r="E1437" s="6">
        <f t="shared" si="45"/>
        <v>0.15107659111999996</v>
      </c>
    </row>
    <row r="1438" spans="1:5" x14ac:dyDescent="0.25">
      <c r="A1438" s="1">
        <v>43615.75</v>
      </c>
      <c r="B1438" s="2">
        <v>32.369999999999997</v>
      </c>
      <c r="C1438">
        <v>2.1642519999999998</v>
      </c>
      <c r="D1438">
        <f t="shared" si="44"/>
        <v>2.1642519999999998E-3</v>
      </c>
      <c r="E1438" s="6">
        <f t="shared" si="45"/>
        <v>7.0056837239999989E-2</v>
      </c>
    </row>
    <row r="1439" spans="1:5" x14ac:dyDescent="0.25">
      <c r="A1439" s="1">
        <v>43615.791666666664</v>
      </c>
      <c r="B1439" s="2">
        <v>29.16</v>
      </c>
      <c r="C1439">
        <v>0.70107399999999997</v>
      </c>
      <c r="D1439">
        <f t="shared" si="44"/>
        <v>7.0107399999999999E-4</v>
      </c>
      <c r="E1439" s="6">
        <f t="shared" si="45"/>
        <v>2.0443317839999999E-2</v>
      </c>
    </row>
    <row r="1440" spans="1:5" x14ac:dyDescent="0.25">
      <c r="A1440" s="1">
        <v>43615.833333333336</v>
      </c>
      <c r="B1440" s="2">
        <v>30.8</v>
      </c>
      <c r="C1440">
        <v>3.8435999999999998E-2</v>
      </c>
      <c r="D1440">
        <f t="shared" si="44"/>
        <v>3.8435999999999996E-5</v>
      </c>
      <c r="E1440" s="6">
        <f t="shared" si="45"/>
        <v>1.1838287999999999E-3</v>
      </c>
    </row>
    <row r="1441" spans="1:5" x14ac:dyDescent="0.25">
      <c r="A1441" s="1">
        <v>43615.875</v>
      </c>
      <c r="B1441" s="2">
        <v>29.64</v>
      </c>
      <c r="C1441">
        <v>0</v>
      </c>
      <c r="D1441">
        <f t="shared" si="44"/>
        <v>0</v>
      </c>
      <c r="E1441" s="6">
        <f t="shared" si="45"/>
        <v>0</v>
      </c>
    </row>
    <row r="1442" spans="1:5" x14ac:dyDescent="0.25">
      <c r="A1442" s="1">
        <v>43615.916666666664</v>
      </c>
      <c r="B1442" s="2">
        <v>23.71</v>
      </c>
      <c r="C1442">
        <v>0</v>
      </c>
      <c r="D1442">
        <f t="shared" si="44"/>
        <v>0</v>
      </c>
      <c r="E1442" s="6">
        <f t="shared" si="45"/>
        <v>0</v>
      </c>
    </row>
    <row r="1443" spans="1:5" x14ac:dyDescent="0.25">
      <c r="A1443" s="1">
        <v>43615.958333333336</v>
      </c>
      <c r="B1443" s="2">
        <v>21.12</v>
      </c>
      <c r="C1443">
        <v>0</v>
      </c>
      <c r="D1443">
        <f t="shared" si="44"/>
        <v>0</v>
      </c>
      <c r="E1443" s="6">
        <f t="shared" si="45"/>
        <v>0</v>
      </c>
    </row>
    <row r="1444" spans="1:5" x14ac:dyDescent="0.25">
      <c r="A1444" s="1">
        <v>43616</v>
      </c>
      <c r="B1444" s="2">
        <v>20.36</v>
      </c>
      <c r="C1444">
        <v>0</v>
      </c>
      <c r="D1444">
        <f t="shared" si="44"/>
        <v>0</v>
      </c>
      <c r="E1444" s="6">
        <f t="shared" si="45"/>
        <v>0</v>
      </c>
    </row>
    <row r="1445" spans="1:5" x14ac:dyDescent="0.25">
      <c r="A1445" s="1">
        <v>43616.041666666664</v>
      </c>
      <c r="B1445" s="2">
        <v>19.98</v>
      </c>
      <c r="C1445">
        <v>0</v>
      </c>
      <c r="D1445">
        <f t="shared" si="44"/>
        <v>0</v>
      </c>
      <c r="E1445" s="6">
        <f t="shared" si="45"/>
        <v>0</v>
      </c>
    </row>
    <row r="1446" spans="1:5" x14ac:dyDescent="0.25">
      <c r="A1446" s="1">
        <v>43616.083333333336</v>
      </c>
      <c r="B1446" s="2">
        <v>19.3</v>
      </c>
      <c r="C1446">
        <v>0</v>
      </c>
      <c r="D1446">
        <f t="shared" si="44"/>
        <v>0</v>
      </c>
      <c r="E1446" s="6">
        <f t="shared" si="45"/>
        <v>0</v>
      </c>
    </row>
    <row r="1447" spans="1:5" x14ac:dyDescent="0.25">
      <c r="A1447" s="1">
        <v>43616.125</v>
      </c>
      <c r="B1447" s="2">
        <v>18.5</v>
      </c>
      <c r="C1447">
        <v>0</v>
      </c>
      <c r="D1447">
        <f t="shared" si="44"/>
        <v>0</v>
      </c>
      <c r="E1447" s="6">
        <f t="shared" si="45"/>
        <v>0</v>
      </c>
    </row>
    <row r="1448" spans="1:5" x14ac:dyDescent="0.25">
      <c r="A1448" s="1">
        <v>43616.166666666664</v>
      </c>
      <c r="B1448" s="2">
        <v>18.79</v>
      </c>
      <c r="C1448">
        <v>0</v>
      </c>
      <c r="D1448">
        <f t="shared" si="44"/>
        <v>0</v>
      </c>
      <c r="E1448" s="6">
        <f t="shared" si="45"/>
        <v>0</v>
      </c>
    </row>
    <row r="1449" spans="1:5" x14ac:dyDescent="0.25">
      <c r="A1449" s="1">
        <v>43616.208333333336</v>
      </c>
      <c r="B1449" s="2">
        <v>20.03</v>
      </c>
      <c r="C1449">
        <v>0</v>
      </c>
      <c r="D1449">
        <f t="shared" si="44"/>
        <v>0</v>
      </c>
      <c r="E1449" s="6">
        <f t="shared" si="45"/>
        <v>0</v>
      </c>
    </row>
    <row r="1450" spans="1:5" x14ac:dyDescent="0.25">
      <c r="A1450" s="1">
        <v>43616.25</v>
      </c>
      <c r="B1450" s="2">
        <v>21.21</v>
      </c>
      <c r="C1450">
        <v>5.1893000000000002E-2</v>
      </c>
      <c r="D1450">
        <f t="shared" si="44"/>
        <v>5.1892999999999999E-5</v>
      </c>
      <c r="E1450" s="6">
        <f t="shared" si="45"/>
        <v>1.1006505299999999E-3</v>
      </c>
    </row>
    <row r="1451" spans="1:5" x14ac:dyDescent="0.25">
      <c r="A1451" s="1">
        <v>43616.291666666664</v>
      </c>
      <c r="B1451" s="2">
        <v>22.79</v>
      </c>
      <c r="C1451">
        <v>0.73585599999999995</v>
      </c>
      <c r="D1451">
        <f t="shared" si="44"/>
        <v>7.358559999999999E-4</v>
      </c>
      <c r="E1451" s="6">
        <f t="shared" si="45"/>
        <v>1.6770158239999996E-2</v>
      </c>
    </row>
    <row r="1452" spans="1:5" x14ac:dyDescent="0.25">
      <c r="A1452" s="1">
        <v>43616.333333333336</v>
      </c>
      <c r="B1452" s="2">
        <v>23.15</v>
      </c>
      <c r="C1452">
        <v>2.2629380000000001</v>
      </c>
      <c r="D1452">
        <f t="shared" si="44"/>
        <v>2.2629379999999999E-3</v>
      </c>
      <c r="E1452" s="6">
        <f t="shared" si="45"/>
        <v>5.2387014699999998E-2</v>
      </c>
    </row>
    <row r="1453" spans="1:5" x14ac:dyDescent="0.25">
      <c r="A1453" s="1">
        <v>43616.375</v>
      </c>
      <c r="B1453" s="2">
        <v>25.03</v>
      </c>
      <c r="C1453">
        <v>3.9042600000000003</v>
      </c>
      <c r="D1453">
        <f t="shared" si="44"/>
        <v>3.9042600000000001E-3</v>
      </c>
      <c r="E1453" s="6">
        <f t="shared" si="45"/>
        <v>9.7723627800000004E-2</v>
      </c>
    </row>
    <row r="1454" spans="1:5" x14ac:dyDescent="0.25">
      <c r="A1454" s="1">
        <v>43616.416666666664</v>
      </c>
      <c r="B1454" s="2">
        <v>30.48</v>
      </c>
      <c r="C1454">
        <v>5.2697380000000003</v>
      </c>
      <c r="D1454">
        <f t="shared" si="44"/>
        <v>5.2697380000000004E-3</v>
      </c>
      <c r="E1454" s="6">
        <f t="shared" si="45"/>
        <v>0.16062161424000002</v>
      </c>
    </row>
    <row r="1455" spans="1:5" x14ac:dyDescent="0.25">
      <c r="A1455" s="1">
        <v>43616.458333333336</v>
      </c>
      <c r="B1455" s="2">
        <v>32.56</v>
      </c>
      <c r="C1455">
        <v>6.2291850000000002</v>
      </c>
      <c r="D1455">
        <f t="shared" si="44"/>
        <v>6.2291849999999999E-3</v>
      </c>
      <c r="E1455" s="6">
        <f t="shared" si="45"/>
        <v>0.20282226360000002</v>
      </c>
    </row>
    <row r="1456" spans="1:5" x14ac:dyDescent="0.25">
      <c r="A1456" s="1">
        <v>43616.5</v>
      </c>
      <c r="B1456" s="2">
        <v>32.94</v>
      </c>
      <c r="C1456">
        <v>6.7407439999999994</v>
      </c>
      <c r="D1456">
        <f t="shared" si="44"/>
        <v>6.740743999999999E-3</v>
      </c>
      <c r="E1456" s="6">
        <f t="shared" si="45"/>
        <v>0.22204010735999996</v>
      </c>
    </row>
    <row r="1457" spans="1:5" x14ac:dyDescent="0.25">
      <c r="A1457" s="1">
        <v>43616.541666666664</v>
      </c>
      <c r="B1457" s="2">
        <v>34.479999999999997</v>
      </c>
      <c r="C1457">
        <v>2.2427260000000002</v>
      </c>
      <c r="D1457">
        <f t="shared" si="44"/>
        <v>2.242726E-3</v>
      </c>
      <c r="E1457" s="6">
        <f t="shared" si="45"/>
        <v>7.7329192479999989E-2</v>
      </c>
    </row>
    <row r="1458" spans="1:5" x14ac:dyDescent="0.25">
      <c r="A1458" s="1">
        <v>43616.583333333336</v>
      </c>
      <c r="B1458" s="2">
        <v>36.9</v>
      </c>
      <c r="C1458">
        <v>6.4759399999999996</v>
      </c>
      <c r="D1458">
        <f t="shared" si="44"/>
        <v>6.4759399999999995E-3</v>
      </c>
      <c r="E1458" s="6">
        <f t="shared" si="45"/>
        <v>0.23896218599999997</v>
      </c>
    </row>
    <row r="1459" spans="1:5" x14ac:dyDescent="0.25">
      <c r="A1459" s="1">
        <v>43616.625</v>
      </c>
      <c r="B1459" s="2">
        <v>36.89</v>
      </c>
      <c r="C1459">
        <v>2.021277</v>
      </c>
      <c r="D1459">
        <f t="shared" si="44"/>
        <v>2.0212770000000001E-3</v>
      </c>
      <c r="E1459" s="6">
        <f t="shared" si="45"/>
        <v>7.4564908530000001E-2</v>
      </c>
    </row>
    <row r="1460" spans="1:5" x14ac:dyDescent="0.25">
      <c r="A1460" s="1">
        <v>43616.666666666664</v>
      </c>
      <c r="B1460" s="2">
        <v>41.67</v>
      </c>
      <c r="C1460">
        <v>0.13456200000000001</v>
      </c>
      <c r="D1460">
        <f t="shared" si="44"/>
        <v>1.3456200000000002E-4</v>
      </c>
      <c r="E1460" s="6">
        <f t="shared" si="45"/>
        <v>5.6071985400000012E-3</v>
      </c>
    </row>
    <row r="1461" spans="1:5" x14ac:dyDescent="0.25">
      <c r="A1461" s="1">
        <v>43616.708333333336</v>
      </c>
      <c r="B1461" s="2">
        <v>37.03</v>
      </c>
      <c r="C1461">
        <v>0.89694600000000002</v>
      </c>
      <c r="D1461">
        <f t="shared" si="44"/>
        <v>8.9694600000000003E-4</v>
      </c>
      <c r="E1461" s="6">
        <f t="shared" si="45"/>
        <v>3.3213910380000003E-2</v>
      </c>
    </row>
    <row r="1462" spans="1:5" x14ac:dyDescent="0.25">
      <c r="A1462" s="1">
        <v>43616.75</v>
      </c>
      <c r="B1462" s="2">
        <v>32.659999999999997</v>
      </c>
      <c r="C1462">
        <v>1.2090350000000001</v>
      </c>
      <c r="D1462">
        <f t="shared" si="44"/>
        <v>1.209035E-3</v>
      </c>
      <c r="E1462" s="6">
        <f t="shared" si="45"/>
        <v>3.9487083099999994E-2</v>
      </c>
    </row>
    <row r="1463" spans="1:5" x14ac:dyDescent="0.25">
      <c r="A1463" s="1">
        <v>43616.791666666664</v>
      </c>
      <c r="B1463" s="2">
        <v>29.85</v>
      </c>
      <c r="C1463">
        <v>0.35991099999999998</v>
      </c>
      <c r="D1463">
        <f t="shared" si="44"/>
        <v>3.5991099999999998E-4</v>
      </c>
      <c r="E1463" s="6">
        <f t="shared" si="45"/>
        <v>1.074334335E-2</v>
      </c>
    </row>
    <row r="1464" spans="1:5" x14ac:dyDescent="0.25">
      <c r="A1464" s="1">
        <v>43616.833333333336</v>
      </c>
      <c r="B1464" s="2">
        <v>29.65</v>
      </c>
      <c r="C1464">
        <v>4.8770000000000001E-2</v>
      </c>
      <c r="D1464">
        <f t="shared" si="44"/>
        <v>4.8770000000000002E-5</v>
      </c>
      <c r="E1464" s="6">
        <f t="shared" si="45"/>
        <v>1.4460305E-3</v>
      </c>
    </row>
    <row r="1465" spans="1:5" x14ac:dyDescent="0.25">
      <c r="A1465" s="1">
        <v>43616.875</v>
      </c>
      <c r="B1465" s="2">
        <v>28.11</v>
      </c>
      <c r="C1465">
        <v>0</v>
      </c>
      <c r="D1465">
        <f t="shared" si="44"/>
        <v>0</v>
      </c>
      <c r="E1465" s="6">
        <f t="shared" si="45"/>
        <v>0</v>
      </c>
    </row>
    <row r="1466" spans="1:5" x14ac:dyDescent="0.25">
      <c r="A1466" s="1">
        <v>43616.916666666664</v>
      </c>
      <c r="B1466" s="2">
        <v>22.8</v>
      </c>
      <c r="C1466">
        <v>0</v>
      </c>
      <c r="D1466">
        <f t="shared" si="44"/>
        <v>0</v>
      </c>
      <c r="E1466" s="6">
        <f t="shared" si="45"/>
        <v>0</v>
      </c>
    </row>
    <row r="1467" spans="1:5" x14ac:dyDescent="0.25">
      <c r="A1467" s="1">
        <v>43616.958333333336</v>
      </c>
      <c r="B1467" s="2">
        <v>20.57</v>
      </c>
      <c r="C1467">
        <v>0</v>
      </c>
      <c r="D1467">
        <f t="shared" si="44"/>
        <v>0</v>
      </c>
      <c r="E1467" s="6">
        <f t="shared" si="45"/>
        <v>0</v>
      </c>
    </row>
    <row r="1468" spans="1:5" x14ac:dyDescent="0.25">
      <c r="A1468" s="1">
        <v>43617</v>
      </c>
      <c r="B1468" s="2">
        <v>20.48</v>
      </c>
      <c r="C1468">
        <v>0</v>
      </c>
      <c r="D1468">
        <f t="shared" si="44"/>
        <v>0</v>
      </c>
      <c r="E1468" s="6">
        <f t="shared" si="45"/>
        <v>0</v>
      </c>
    </row>
    <row r="1469" spans="1:5" x14ac:dyDescent="0.25">
      <c r="A1469" s="1">
        <v>43617.041666666664</v>
      </c>
      <c r="B1469" s="2">
        <v>19.829999999999998</v>
      </c>
      <c r="C1469">
        <v>0</v>
      </c>
      <c r="D1469">
        <f t="shared" si="44"/>
        <v>0</v>
      </c>
      <c r="E1469" s="6">
        <f t="shared" si="45"/>
        <v>0</v>
      </c>
    </row>
    <row r="1470" spans="1:5" x14ac:dyDescent="0.25">
      <c r="A1470" s="1">
        <v>43617.083333333336</v>
      </c>
      <c r="B1470" s="2">
        <v>19.59</v>
      </c>
      <c r="C1470">
        <v>0</v>
      </c>
      <c r="D1470">
        <f t="shared" si="44"/>
        <v>0</v>
      </c>
      <c r="E1470" s="6">
        <f t="shared" si="45"/>
        <v>0</v>
      </c>
    </row>
    <row r="1471" spans="1:5" x14ac:dyDescent="0.25">
      <c r="A1471" s="1">
        <v>43617.125</v>
      </c>
      <c r="B1471" s="2">
        <v>18.920000000000002</v>
      </c>
      <c r="C1471">
        <v>0</v>
      </c>
      <c r="D1471">
        <f t="shared" si="44"/>
        <v>0</v>
      </c>
      <c r="E1471" s="6">
        <f t="shared" si="45"/>
        <v>0</v>
      </c>
    </row>
    <row r="1472" spans="1:5" x14ac:dyDescent="0.25">
      <c r="A1472" s="1">
        <v>43617.166666666664</v>
      </c>
      <c r="B1472" s="2">
        <v>18.29</v>
      </c>
      <c r="C1472">
        <v>0</v>
      </c>
      <c r="D1472">
        <f t="shared" si="44"/>
        <v>0</v>
      </c>
      <c r="E1472" s="6">
        <f t="shared" si="45"/>
        <v>0</v>
      </c>
    </row>
    <row r="1473" spans="1:5" x14ac:dyDescent="0.25">
      <c r="A1473" s="1">
        <v>43617.208333333336</v>
      </c>
      <c r="B1473" s="2">
        <v>18.66</v>
      </c>
      <c r="C1473">
        <v>0</v>
      </c>
      <c r="D1473">
        <f t="shared" si="44"/>
        <v>0</v>
      </c>
      <c r="E1473" s="6">
        <f t="shared" si="45"/>
        <v>0</v>
      </c>
    </row>
    <row r="1474" spans="1:5" x14ac:dyDescent="0.25">
      <c r="A1474" s="1">
        <v>43617.25</v>
      </c>
      <c r="B1474" s="2">
        <v>18.600000000000001</v>
      </c>
      <c r="C1474">
        <v>7.1355999999999989E-2</v>
      </c>
      <c r="D1474">
        <f t="shared" si="44"/>
        <v>7.1355999999999986E-5</v>
      </c>
      <c r="E1474" s="6">
        <f t="shared" si="45"/>
        <v>1.3272215999999997E-3</v>
      </c>
    </row>
    <row r="1475" spans="1:5" x14ac:dyDescent="0.25">
      <c r="A1475" s="1">
        <v>43617.291666666664</v>
      </c>
      <c r="B1475" s="2">
        <v>19.84</v>
      </c>
      <c r="C1475">
        <v>0.66035100000000002</v>
      </c>
      <c r="D1475">
        <f t="shared" si="44"/>
        <v>6.6035099999999999E-4</v>
      </c>
      <c r="E1475" s="6">
        <f t="shared" si="45"/>
        <v>1.310136384E-2</v>
      </c>
    </row>
    <row r="1476" spans="1:5" x14ac:dyDescent="0.25">
      <c r="A1476" s="1">
        <v>43617.333333333336</v>
      </c>
      <c r="B1476" s="2">
        <v>20.7</v>
      </c>
      <c r="C1476">
        <v>1.1305959999999999</v>
      </c>
      <c r="D1476">
        <f t="shared" si="44"/>
        <v>1.130596E-3</v>
      </c>
      <c r="E1476" s="6">
        <f t="shared" si="45"/>
        <v>2.3403337199999999E-2</v>
      </c>
    </row>
    <row r="1477" spans="1:5" x14ac:dyDescent="0.25">
      <c r="A1477" s="1">
        <v>43617.375</v>
      </c>
      <c r="B1477" s="2">
        <v>22.71</v>
      </c>
      <c r="C1477">
        <v>0.97267800000000004</v>
      </c>
      <c r="D1477">
        <f t="shared" si="44"/>
        <v>9.7267800000000004E-4</v>
      </c>
      <c r="E1477" s="6">
        <f t="shared" si="45"/>
        <v>2.2089517380000003E-2</v>
      </c>
    </row>
    <row r="1478" spans="1:5" x14ac:dyDescent="0.25">
      <c r="A1478" s="1">
        <v>43617.416666666664</v>
      </c>
      <c r="B1478" s="2">
        <v>24.98</v>
      </c>
      <c r="C1478">
        <v>5.063993</v>
      </c>
      <c r="D1478">
        <f t="shared" ref="D1478:D1541" si="46">C1478/1000</f>
        <v>5.0639930000000001E-3</v>
      </c>
      <c r="E1478" s="6">
        <f t="shared" ref="E1478:E1541" si="47">D1478*B1478</f>
        <v>0.12649854514</v>
      </c>
    </row>
    <row r="1479" spans="1:5" x14ac:dyDescent="0.25">
      <c r="A1479" s="1">
        <v>43617.458333333336</v>
      </c>
      <c r="B1479" s="2">
        <v>29.66</v>
      </c>
      <c r="C1479">
        <v>6.3770680000000004</v>
      </c>
      <c r="D1479">
        <f t="shared" si="46"/>
        <v>6.3770680000000005E-3</v>
      </c>
      <c r="E1479" s="6">
        <f t="shared" si="47"/>
        <v>0.18914383688000003</v>
      </c>
    </row>
    <row r="1480" spans="1:5" x14ac:dyDescent="0.25">
      <c r="A1480" s="1">
        <v>43617.5</v>
      </c>
      <c r="B1480" s="2">
        <v>30.11</v>
      </c>
      <c r="C1480">
        <v>6.9504440000000001</v>
      </c>
      <c r="D1480">
        <f t="shared" si="46"/>
        <v>6.9504440000000001E-3</v>
      </c>
      <c r="E1480" s="6">
        <f t="shared" si="47"/>
        <v>0.20927786883999999</v>
      </c>
    </row>
    <row r="1481" spans="1:5" x14ac:dyDescent="0.25">
      <c r="A1481" s="1">
        <v>43617.541666666664</v>
      </c>
      <c r="B1481" s="2">
        <v>31.09</v>
      </c>
      <c r="C1481">
        <v>7.1207180000000001</v>
      </c>
      <c r="D1481">
        <f t="shared" si="46"/>
        <v>7.1207179999999998E-3</v>
      </c>
      <c r="E1481" s="6">
        <f t="shared" si="47"/>
        <v>0.22138312261999998</v>
      </c>
    </row>
    <row r="1482" spans="1:5" x14ac:dyDescent="0.25">
      <c r="A1482" s="1">
        <v>43617.583333333336</v>
      </c>
      <c r="B1482" s="2">
        <v>33.090000000000003</v>
      </c>
      <c r="C1482">
        <v>6.8291139999999997</v>
      </c>
      <c r="D1482">
        <f t="shared" si="46"/>
        <v>6.8291139999999998E-3</v>
      </c>
      <c r="E1482" s="6">
        <f t="shared" si="47"/>
        <v>0.22597538226000002</v>
      </c>
    </row>
    <row r="1483" spans="1:5" x14ac:dyDescent="0.25">
      <c r="A1483" s="1">
        <v>43617.625</v>
      </c>
      <c r="B1483" s="2">
        <v>33.24</v>
      </c>
      <c r="C1483">
        <v>6.2518310000000001</v>
      </c>
      <c r="D1483">
        <f t="shared" si="46"/>
        <v>6.2518310000000002E-3</v>
      </c>
      <c r="E1483" s="6">
        <f t="shared" si="47"/>
        <v>0.20781086244000002</v>
      </c>
    </row>
    <row r="1484" spans="1:5" x14ac:dyDescent="0.25">
      <c r="A1484" s="1">
        <v>43617.666666666664</v>
      </c>
      <c r="B1484" s="2">
        <v>35.35</v>
      </c>
      <c r="C1484">
        <v>5.2477849999999995</v>
      </c>
      <c r="D1484">
        <f t="shared" si="46"/>
        <v>5.2477849999999996E-3</v>
      </c>
      <c r="E1484" s="6">
        <f t="shared" si="47"/>
        <v>0.18550919974999999</v>
      </c>
    </row>
    <row r="1485" spans="1:5" x14ac:dyDescent="0.25">
      <c r="A1485" s="1">
        <v>43617.708333333336</v>
      </c>
      <c r="B1485" s="2">
        <v>33.1</v>
      </c>
      <c r="C1485">
        <v>3.889437</v>
      </c>
      <c r="D1485">
        <f t="shared" si="46"/>
        <v>3.8894369999999999E-3</v>
      </c>
      <c r="E1485" s="6">
        <f t="shared" si="47"/>
        <v>0.1287403647</v>
      </c>
    </row>
    <row r="1486" spans="1:5" x14ac:dyDescent="0.25">
      <c r="A1486" s="1">
        <v>43617.75</v>
      </c>
      <c r="B1486" s="2">
        <v>30.25</v>
      </c>
      <c r="C1486">
        <v>2.233168</v>
      </c>
      <c r="D1486">
        <f t="shared" si="46"/>
        <v>2.2331680000000002E-3</v>
      </c>
      <c r="E1486" s="6">
        <f t="shared" si="47"/>
        <v>6.7553332000000008E-2</v>
      </c>
    </row>
    <row r="1487" spans="1:5" x14ac:dyDescent="0.25">
      <c r="A1487" s="1">
        <v>43617.791666666664</v>
      </c>
      <c r="B1487" s="2">
        <v>28.05</v>
      </c>
      <c r="C1487">
        <v>0.75191999999999992</v>
      </c>
      <c r="D1487">
        <f t="shared" si="46"/>
        <v>7.5191999999999989E-4</v>
      </c>
      <c r="E1487" s="6">
        <f t="shared" si="47"/>
        <v>2.1091355999999999E-2</v>
      </c>
    </row>
    <row r="1488" spans="1:5" x14ac:dyDescent="0.25">
      <c r="A1488" s="1">
        <v>43617.833333333336</v>
      </c>
      <c r="B1488" s="2">
        <v>27.49</v>
      </c>
      <c r="C1488">
        <v>5.5384999999999997E-2</v>
      </c>
      <c r="D1488">
        <f t="shared" si="46"/>
        <v>5.5384999999999999E-5</v>
      </c>
      <c r="E1488" s="6">
        <f t="shared" si="47"/>
        <v>1.52253365E-3</v>
      </c>
    </row>
    <row r="1489" spans="1:5" x14ac:dyDescent="0.25">
      <c r="A1489" s="1">
        <v>43617.875</v>
      </c>
      <c r="B1489" s="2">
        <v>26.02</v>
      </c>
      <c r="C1489">
        <v>0</v>
      </c>
      <c r="D1489">
        <f t="shared" si="46"/>
        <v>0</v>
      </c>
      <c r="E1489" s="6">
        <f t="shared" si="47"/>
        <v>0</v>
      </c>
    </row>
    <row r="1490" spans="1:5" x14ac:dyDescent="0.25">
      <c r="A1490" s="1">
        <v>43617.916666666664</v>
      </c>
      <c r="B1490" s="2">
        <v>23.01</v>
      </c>
      <c r="C1490">
        <v>0</v>
      </c>
      <c r="D1490">
        <f t="shared" si="46"/>
        <v>0</v>
      </c>
      <c r="E1490" s="6">
        <f t="shared" si="47"/>
        <v>0</v>
      </c>
    </row>
    <row r="1491" spans="1:5" x14ac:dyDescent="0.25">
      <c r="A1491" s="1">
        <v>43617.958333333336</v>
      </c>
      <c r="B1491" s="2">
        <v>20.49</v>
      </c>
      <c r="C1491">
        <v>0</v>
      </c>
      <c r="D1491">
        <f t="shared" si="46"/>
        <v>0</v>
      </c>
      <c r="E1491" s="6">
        <f t="shared" si="47"/>
        <v>0</v>
      </c>
    </row>
    <row r="1492" spans="1:5" x14ac:dyDescent="0.25">
      <c r="A1492" s="1">
        <v>43618</v>
      </c>
      <c r="B1492" s="2">
        <v>19.13</v>
      </c>
      <c r="C1492">
        <v>0</v>
      </c>
      <c r="D1492">
        <f t="shared" si="46"/>
        <v>0</v>
      </c>
      <c r="E1492" s="6">
        <f t="shared" si="47"/>
        <v>0</v>
      </c>
    </row>
    <row r="1493" spans="1:5" x14ac:dyDescent="0.25">
      <c r="A1493" s="1">
        <v>43618.041666666664</v>
      </c>
      <c r="B1493" s="2">
        <v>18.55</v>
      </c>
      <c r="C1493">
        <v>0</v>
      </c>
      <c r="D1493">
        <f t="shared" si="46"/>
        <v>0</v>
      </c>
      <c r="E1493" s="6">
        <f t="shared" si="47"/>
        <v>0</v>
      </c>
    </row>
    <row r="1494" spans="1:5" x14ac:dyDescent="0.25">
      <c r="A1494" s="1">
        <v>43618.083333333336</v>
      </c>
      <c r="B1494" s="2">
        <v>17.14</v>
      </c>
      <c r="C1494">
        <v>0</v>
      </c>
      <c r="D1494">
        <f t="shared" si="46"/>
        <v>0</v>
      </c>
      <c r="E1494" s="6">
        <f t="shared" si="47"/>
        <v>0</v>
      </c>
    </row>
    <row r="1495" spans="1:5" x14ac:dyDescent="0.25">
      <c r="A1495" s="1">
        <v>43618.125</v>
      </c>
      <c r="B1495" s="2">
        <v>16.28</v>
      </c>
      <c r="C1495">
        <v>0</v>
      </c>
      <c r="D1495">
        <f t="shared" si="46"/>
        <v>0</v>
      </c>
      <c r="E1495" s="6">
        <f t="shared" si="47"/>
        <v>0</v>
      </c>
    </row>
    <row r="1496" spans="1:5" x14ac:dyDescent="0.25">
      <c r="A1496" s="1">
        <v>43618.166666666664</v>
      </c>
      <c r="B1496" s="2">
        <v>15.95</v>
      </c>
      <c r="C1496">
        <v>0</v>
      </c>
      <c r="D1496">
        <f t="shared" si="46"/>
        <v>0</v>
      </c>
      <c r="E1496" s="6">
        <f t="shared" si="47"/>
        <v>0</v>
      </c>
    </row>
    <row r="1497" spans="1:5" x14ac:dyDescent="0.25">
      <c r="A1497" s="1">
        <v>43618.208333333336</v>
      </c>
      <c r="B1497" s="2">
        <v>15.38</v>
      </c>
      <c r="C1497">
        <v>0</v>
      </c>
      <c r="D1497">
        <f t="shared" si="46"/>
        <v>0</v>
      </c>
      <c r="E1497" s="6">
        <f t="shared" si="47"/>
        <v>0</v>
      </c>
    </row>
    <row r="1498" spans="1:5" x14ac:dyDescent="0.25">
      <c r="A1498" s="1">
        <v>43618.25</v>
      </c>
      <c r="B1498" s="2">
        <v>15.34</v>
      </c>
      <c r="C1498">
        <v>5.0481999999999999E-2</v>
      </c>
      <c r="D1498">
        <f t="shared" si="46"/>
        <v>5.0482000000000002E-5</v>
      </c>
      <c r="E1498" s="6">
        <f t="shared" si="47"/>
        <v>7.7439388000000002E-4</v>
      </c>
    </row>
    <row r="1499" spans="1:5" x14ac:dyDescent="0.25">
      <c r="A1499" s="1">
        <v>43618.291666666664</v>
      </c>
      <c r="B1499" s="2">
        <v>16.23</v>
      </c>
      <c r="C1499">
        <v>0.74790599999999996</v>
      </c>
      <c r="D1499">
        <f t="shared" si="46"/>
        <v>7.47906E-4</v>
      </c>
      <c r="E1499" s="6">
        <f t="shared" si="47"/>
        <v>1.213851438E-2</v>
      </c>
    </row>
    <row r="1500" spans="1:5" x14ac:dyDescent="0.25">
      <c r="A1500" s="1">
        <v>43618.333333333336</v>
      </c>
      <c r="B1500" s="2">
        <v>18.61</v>
      </c>
      <c r="C1500">
        <v>2.3177269999999996</v>
      </c>
      <c r="D1500">
        <f t="shared" si="46"/>
        <v>2.3177269999999995E-3</v>
      </c>
      <c r="E1500" s="6">
        <f t="shared" si="47"/>
        <v>4.3132899469999986E-2</v>
      </c>
    </row>
    <row r="1501" spans="1:5" x14ac:dyDescent="0.25">
      <c r="A1501" s="1">
        <v>43618.375</v>
      </c>
      <c r="B1501" s="2">
        <v>20.68</v>
      </c>
      <c r="C1501">
        <v>4.015225</v>
      </c>
      <c r="D1501">
        <f t="shared" si="46"/>
        <v>4.0152249999999999E-3</v>
      </c>
      <c r="E1501" s="6">
        <f t="shared" si="47"/>
        <v>8.3034852999999992E-2</v>
      </c>
    </row>
    <row r="1502" spans="1:5" x14ac:dyDescent="0.25">
      <c r="A1502" s="1">
        <v>43618.416666666664</v>
      </c>
      <c r="B1502" s="2">
        <v>20.83</v>
      </c>
      <c r="C1502">
        <v>5.4139709999999992</v>
      </c>
      <c r="D1502">
        <f t="shared" si="46"/>
        <v>5.4139709999999992E-3</v>
      </c>
      <c r="E1502" s="6">
        <f t="shared" si="47"/>
        <v>0.11277301592999997</v>
      </c>
    </row>
    <row r="1503" spans="1:5" x14ac:dyDescent="0.25">
      <c r="A1503" s="1">
        <v>43618.458333333336</v>
      </c>
      <c r="B1503" s="2">
        <v>23.32</v>
      </c>
      <c r="C1503">
        <v>6.3793320000000007</v>
      </c>
      <c r="D1503">
        <f t="shared" si="46"/>
        <v>6.3793320000000006E-3</v>
      </c>
      <c r="E1503" s="6">
        <f t="shared" si="47"/>
        <v>0.14876602224000002</v>
      </c>
    </row>
    <row r="1504" spans="1:5" x14ac:dyDescent="0.25">
      <c r="A1504" s="1">
        <v>43618.5</v>
      </c>
      <c r="B1504" s="2">
        <v>24.67</v>
      </c>
      <c r="C1504">
        <v>5.9747180000000002</v>
      </c>
      <c r="D1504">
        <f t="shared" si="46"/>
        <v>5.9747180000000004E-3</v>
      </c>
      <c r="E1504" s="6">
        <f t="shared" si="47"/>
        <v>0.14739629306000002</v>
      </c>
    </row>
    <row r="1505" spans="1:5" x14ac:dyDescent="0.25">
      <c r="A1505" s="1">
        <v>43618.541666666664</v>
      </c>
      <c r="B1505" s="2">
        <v>25.41</v>
      </c>
      <c r="C1505">
        <v>7.0914030000000006</v>
      </c>
      <c r="D1505">
        <f t="shared" si="46"/>
        <v>7.0914030000000005E-3</v>
      </c>
      <c r="E1505" s="6">
        <f t="shared" si="47"/>
        <v>0.18019255023000003</v>
      </c>
    </row>
    <row r="1506" spans="1:5" x14ac:dyDescent="0.25">
      <c r="A1506" s="1">
        <v>43618.583333333336</v>
      </c>
      <c r="B1506" s="2">
        <v>25.86</v>
      </c>
      <c r="C1506">
        <v>6.736815</v>
      </c>
      <c r="D1506">
        <f t="shared" si="46"/>
        <v>6.7368150000000002E-3</v>
      </c>
      <c r="E1506" s="6">
        <f t="shared" si="47"/>
        <v>0.17421403590000001</v>
      </c>
    </row>
    <row r="1507" spans="1:5" x14ac:dyDescent="0.25">
      <c r="A1507" s="1">
        <v>43618.625</v>
      </c>
      <c r="B1507" s="2">
        <v>25.71</v>
      </c>
      <c r="C1507">
        <v>6.1170339999999994</v>
      </c>
      <c r="D1507">
        <f t="shared" si="46"/>
        <v>6.1170339999999995E-3</v>
      </c>
      <c r="E1507" s="6">
        <f t="shared" si="47"/>
        <v>0.15726894414000001</v>
      </c>
    </row>
    <row r="1508" spans="1:5" x14ac:dyDescent="0.25">
      <c r="A1508" s="1">
        <v>43618.666666666664</v>
      </c>
      <c r="B1508" s="2">
        <v>26.24</v>
      </c>
      <c r="C1508">
        <v>4.3083459999999993</v>
      </c>
      <c r="D1508">
        <f t="shared" si="46"/>
        <v>4.3083459999999994E-3</v>
      </c>
      <c r="E1508" s="6">
        <f t="shared" si="47"/>
        <v>0.11305099903999997</v>
      </c>
    </row>
    <row r="1509" spans="1:5" x14ac:dyDescent="0.25">
      <c r="A1509" s="1">
        <v>43618.708333333336</v>
      </c>
      <c r="B1509" s="2">
        <v>26.25</v>
      </c>
      <c r="C1509">
        <v>3.2114209999999996</v>
      </c>
      <c r="D1509">
        <f t="shared" si="46"/>
        <v>3.2114209999999995E-3</v>
      </c>
      <c r="E1509" s="6">
        <f t="shared" si="47"/>
        <v>8.4299801249999987E-2</v>
      </c>
    </row>
    <row r="1510" spans="1:5" x14ac:dyDescent="0.25">
      <c r="A1510" s="1">
        <v>43618.75</v>
      </c>
      <c r="B1510" s="2">
        <v>24.78</v>
      </c>
      <c r="C1510">
        <v>2.2287089999999998</v>
      </c>
      <c r="D1510">
        <f t="shared" si="46"/>
        <v>2.2287089999999997E-3</v>
      </c>
      <c r="E1510" s="6">
        <f t="shared" si="47"/>
        <v>5.5227409019999993E-2</v>
      </c>
    </row>
    <row r="1511" spans="1:5" x14ac:dyDescent="0.25">
      <c r="A1511" s="1">
        <v>43618.791666666664</v>
      </c>
      <c r="B1511" s="2">
        <v>24.43</v>
      </c>
      <c r="C1511">
        <v>0.84318199999999999</v>
      </c>
      <c r="D1511">
        <f t="shared" si="46"/>
        <v>8.4318199999999994E-4</v>
      </c>
      <c r="E1511" s="6">
        <f t="shared" si="47"/>
        <v>2.0598936259999999E-2</v>
      </c>
    </row>
    <row r="1512" spans="1:5" x14ac:dyDescent="0.25">
      <c r="A1512" s="1">
        <v>43618.833333333336</v>
      </c>
      <c r="B1512" s="2">
        <v>24.65</v>
      </c>
      <c r="C1512">
        <v>1.4756E-2</v>
      </c>
      <c r="D1512">
        <f t="shared" si="46"/>
        <v>1.4756000000000001E-5</v>
      </c>
      <c r="E1512" s="6">
        <f t="shared" si="47"/>
        <v>3.6373539999999999E-4</v>
      </c>
    </row>
    <row r="1513" spans="1:5" x14ac:dyDescent="0.25">
      <c r="A1513" s="1">
        <v>43618.875</v>
      </c>
      <c r="B1513" s="2">
        <v>24.43</v>
      </c>
      <c r="C1513">
        <v>0</v>
      </c>
      <c r="D1513">
        <f t="shared" si="46"/>
        <v>0</v>
      </c>
      <c r="E1513" s="6">
        <f t="shared" si="47"/>
        <v>0</v>
      </c>
    </row>
    <row r="1514" spans="1:5" x14ac:dyDescent="0.25">
      <c r="A1514" s="1">
        <v>43618.916666666664</v>
      </c>
      <c r="B1514" s="2">
        <v>20.72</v>
      </c>
      <c r="C1514">
        <v>0</v>
      </c>
      <c r="D1514">
        <f t="shared" si="46"/>
        <v>0</v>
      </c>
      <c r="E1514" s="6">
        <f t="shared" si="47"/>
        <v>0</v>
      </c>
    </row>
    <row r="1515" spans="1:5" x14ac:dyDescent="0.25">
      <c r="A1515" s="1">
        <v>43618.958333333336</v>
      </c>
      <c r="B1515" s="2">
        <v>17.77</v>
      </c>
      <c r="C1515">
        <v>0</v>
      </c>
      <c r="D1515">
        <f t="shared" si="46"/>
        <v>0</v>
      </c>
      <c r="E1515" s="6">
        <f t="shared" si="47"/>
        <v>0</v>
      </c>
    </row>
    <row r="1516" spans="1:5" x14ac:dyDescent="0.25">
      <c r="A1516" s="1">
        <v>43619</v>
      </c>
      <c r="B1516" s="2">
        <v>17.45</v>
      </c>
      <c r="C1516">
        <v>0</v>
      </c>
      <c r="D1516">
        <f t="shared" si="46"/>
        <v>0</v>
      </c>
      <c r="E1516" s="6">
        <f t="shared" si="47"/>
        <v>0</v>
      </c>
    </row>
    <row r="1517" spans="1:5" x14ac:dyDescent="0.25">
      <c r="A1517" s="1">
        <v>43619.041666666664</v>
      </c>
      <c r="B1517" s="2">
        <v>16.48</v>
      </c>
      <c r="C1517">
        <v>0</v>
      </c>
      <c r="D1517">
        <f t="shared" si="46"/>
        <v>0</v>
      </c>
      <c r="E1517" s="6">
        <f t="shared" si="47"/>
        <v>0</v>
      </c>
    </row>
    <row r="1518" spans="1:5" x14ac:dyDescent="0.25">
      <c r="A1518" s="1">
        <v>43619.083333333336</v>
      </c>
      <c r="B1518" s="2">
        <v>16.13</v>
      </c>
      <c r="C1518">
        <v>0</v>
      </c>
      <c r="D1518">
        <f t="shared" si="46"/>
        <v>0</v>
      </c>
      <c r="E1518" s="6">
        <f t="shared" si="47"/>
        <v>0</v>
      </c>
    </row>
    <row r="1519" spans="1:5" x14ac:dyDescent="0.25">
      <c r="A1519" s="1">
        <v>43619.125</v>
      </c>
      <c r="B1519" s="2">
        <v>15.89</v>
      </c>
      <c r="C1519">
        <v>0</v>
      </c>
      <c r="D1519">
        <f t="shared" si="46"/>
        <v>0</v>
      </c>
      <c r="E1519" s="6">
        <f t="shared" si="47"/>
        <v>0</v>
      </c>
    </row>
    <row r="1520" spans="1:5" x14ac:dyDescent="0.25">
      <c r="A1520" s="1">
        <v>43619.166666666664</v>
      </c>
      <c r="B1520" s="2">
        <v>16.04</v>
      </c>
      <c r="C1520">
        <v>0</v>
      </c>
      <c r="D1520">
        <f t="shared" si="46"/>
        <v>0</v>
      </c>
      <c r="E1520" s="6">
        <f t="shared" si="47"/>
        <v>0</v>
      </c>
    </row>
    <row r="1521" spans="1:5" x14ac:dyDescent="0.25">
      <c r="A1521" s="1">
        <v>43619.208333333336</v>
      </c>
      <c r="B1521" s="2">
        <v>16.47</v>
      </c>
      <c r="C1521">
        <v>0</v>
      </c>
      <c r="D1521">
        <f t="shared" si="46"/>
        <v>0</v>
      </c>
      <c r="E1521" s="6">
        <f t="shared" si="47"/>
        <v>0</v>
      </c>
    </row>
    <row r="1522" spans="1:5" x14ac:dyDescent="0.25">
      <c r="A1522" s="1">
        <v>43619.25</v>
      </c>
      <c r="B1522" s="2">
        <v>19.739999999999998</v>
      </c>
      <c r="C1522">
        <v>0</v>
      </c>
      <c r="D1522">
        <f t="shared" si="46"/>
        <v>0</v>
      </c>
      <c r="E1522" s="6">
        <f t="shared" si="47"/>
        <v>0</v>
      </c>
    </row>
    <row r="1523" spans="1:5" x14ac:dyDescent="0.25">
      <c r="A1523" s="1">
        <v>43619.291666666664</v>
      </c>
      <c r="B1523" s="2">
        <v>21.24</v>
      </c>
      <c r="C1523">
        <v>0.17852999999999999</v>
      </c>
      <c r="D1523">
        <f t="shared" si="46"/>
        <v>1.7852999999999999E-4</v>
      </c>
      <c r="E1523" s="6">
        <f t="shared" si="47"/>
        <v>3.7919771999999994E-3</v>
      </c>
    </row>
    <row r="1524" spans="1:5" x14ac:dyDescent="0.25">
      <c r="A1524" s="1">
        <v>43619.333333333336</v>
      </c>
      <c r="B1524" s="2">
        <v>21.8</v>
      </c>
      <c r="C1524">
        <v>0.68512699999999993</v>
      </c>
      <c r="D1524">
        <f t="shared" si="46"/>
        <v>6.8512699999999989E-4</v>
      </c>
      <c r="E1524" s="6">
        <f t="shared" si="47"/>
        <v>1.4935768599999998E-2</v>
      </c>
    </row>
    <row r="1525" spans="1:5" x14ac:dyDescent="0.25">
      <c r="A1525" s="1">
        <v>43619.375</v>
      </c>
      <c r="B1525" s="2">
        <v>22.33</v>
      </c>
      <c r="C1525">
        <v>1.668407</v>
      </c>
      <c r="D1525">
        <f t="shared" si="46"/>
        <v>1.668407E-3</v>
      </c>
      <c r="E1525" s="6">
        <f t="shared" si="47"/>
        <v>3.7255528309999994E-2</v>
      </c>
    </row>
    <row r="1526" spans="1:5" x14ac:dyDescent="0.25">
      <c r="A1526" s="1">
        <v>43619.416666666664</v>
      </c>
      <c r="B1526" s="2">
        <v>23.21</v>
      </c>
      <c r="C1526">
        <v>3.7866819999999999</v>
      </c>
      <c r="D1526">
        <f t="shared" si="46"/>
        <v>3.786682E-3</v>
      </c>
      <c r="E1526" s="6">
        <f t="shared" si="47"/>
        <v>8.7888889220000002E-2</v>
      </c>
    </row>
    <row r="1527" spans="1:5" x14ac:dyDescent="0.25">
      <c r="A1527" s="1">
        <v>43619.458333333336</v>
      </c>
      <c r="B1527" s="2">
        <v>23.43</v>
      </c>
      <c r="C1527">
        <v>3.770105</v>
      </c>
      <c r="D1527">
        <f t="shared" si="46"/>
        <v>3.7701050000000002E-3</v>
      </c>
      <c r="E1527" s="6">
        <f t="shared" si="47"/>
        <v>8.8333560150000004E-2</v>
      </c>
    </row>
    <row r="1528" spans="1:5" x14ac:dyDescent="0.25">
      <c r="A1528" s="1">
        <v>43619.5</v>
      </c>
      <c r="B1528" s="2">
        <v>25.5</v>
      </c>
      <c r="C1528">
        <v>3.5717890000000003</v>
      </c>
      <c r="D1528">
        <f t="shared" si="46"/>
        <v>3.5717890000000001E-3</v>
      </c>
      <c r="E1528" s="6">
        <f t="shared" si="47"/>
        <v>9.1080619500000001E-2</v>
      </c>
    </row>
    <row r="1529" spans="1:5" x14ac:dyDescent="0.25">
      <c r="A1529" s="1">
        <v>43619.541666666664</v>
      </c>
      <c r="B1529" s="2">
        <v>25.85</v>
      </c>
      <c r="C1529">
        <v>5.6496199999999996</v>
      </c>
      <c r="D1529">
        <f t="shared" si="46"/>
        <v>5.6496199999999993E-3</v>
      </c>
      <c r="E1529" s="6">
        <f t="shared" si="47"/>
        <v>0.14604267699999998</v>
      </c>
    </row>
    <row r="1530" spans="1:5" x14ac:dyDescent="0.25">
      <c r="A1530" s="1">
        <v>43619.583333333336</v>
      </c>
      <c r="B1530" s="2">
        <v>26.35</v>
      </c>
      <c r="C1530">
        <v>4.7736200000000002</v>
      </c>
      <c r="D1530">
        <f t="shared" si="46"/>
        <v>4.7736200000000001E-3</v>
      </c>
      <c r="E1530" s="6">
        <f t="shared" si="47"/>
        <v>0.12578488700000001</v>
      </c>
    </row>
    <row r="1531" spans="1:5" x14ac:dyDescent="0.25">
      <c r="A1531" s="1">
        <v>43619.625</v>
      </c>
      <c r="B1531" s="2">
        <v>26.01</v>
      </c>
      <c r="C1531">
        <v>2.3016559999999999</v>
      </c>
      <c r="D1531">
        <f t="shared" si="46"/>
        <v>2.301656E-3</v>
      </c>
      <c r="E1531" s="6">
        <f t="shared" si="47"/>
        <v>5.9866072560000004E-2</v>
      </c>
    </row>
    <row r="1532" spans="1:5" x14ac:dyDescent="0.25">
      <c r="A1532" s="1">
        <v>43619.666666666664</v>
      </c>
      <c r="B1532" s="2">
        <v>26.13</v>
      </c>
      <c r="C1532">
        <v>3.9910639999999997</v>
      </c>
      <c r="D1532">
        <f t="shared" si="46"/>
        <v>3.9910639999999999E-3</v>
      </c>
      <c r="E1532" s="6">
        <f t="shared" si="47"/>
        <v>0.10428650231999999</v>
      </c>
    </row>
    <row r="1533" spans="1:5" x14ac:dyDescent="0.25">
      <c r="A1533" s="1">
        <v>43619.708333333336</v>
      </c>
      <c r="B1533" s="2">
        <v>26.04</v>
      </c>
      <c r="C1533">
        <v>2.871982</v>
      </c>
      <c r="D1533">
        <f t="shared" si="46"/>
        <v>2.8719819999999999E-3</v>
      </c>
      <c r="E1533" s="6">
        <f t="shared" si="47"/>
        <v>7.4786411279999992E-2</v>
      </c>
    </row>
    <row r="1534" spans="1:5" x14ac:dyDescent="0.25">
      <c r="A1534" s="1">
        <v>43619.75</v>
      </c>
      <c r="B1534" s="2">
        <v>24.99</v>
      </c>
      <c r="C1534">
        <v>2.3507829999999998</v>
      </c>
      <c r="D1534">
        <f t="shared" si="46"/>
        <v>2.350783E-3</v>
      </c>
      <c r="E1534" s="6">
        <f t="shared" si="47"/>
        <v>5.8746067169999992E-2</v>
      </c>
    </row>
    <row r="1535" spans="1:5" x14ac:dyDescent="0.25">
      <c r="A1535" s="1">
        <v>43619.791666666664</v>
      </c>
      <c r="B1535" s="2">
        <v>23.78</v>
      </c>
      <c r="C1535">
        <v>0.74049699999999996</v>
      </c>
      <c r="D1535">
        <f t="shared" si="46"/>
        <v>7.4049700000000001E-4</v>
      </c>
      <c r="E1535" s="6">
        <f t="shared" si="47"/>
        <v>1.760901866E-2</v>
      </c>
    </row>
    <row r="1536" spans="1:5" x14ac:dyDescent="0.25">
      <c r="A1536" s="1">
        <v>43619.833333333336</v>
      </c>
      <c r="B1536" s="2">
        <v>23.67</v>
      </c>
      <c r="C1536">
        <v>7.9160999999999995E-2</v>
      </c>
      <c r="D1536">
        <f t="shared" si="46"/>
        <v>7.9160999999999996E-5</v>
      </c>
      <c r="E1536" s="6">
        <f t="shared" si="47"/>
        <v>1.87374087E-3</v>
      </c>
    </row>
    <row r="1537" spans="1:5" x14ac:dyDescent="0.25">
      <c r="A1537" s="1">
        <v>43619.875</v>
      </c>
      <c r="B1537" s="2">
        <v>23.76</v>
      </c>
      <c r="C1537">
        <v>0</v>
      </c>
      <c r="D1537">
        <f t="shared" si="46"/>
        <v>0</v>
      </c>
      <c r="E1537" s="6">
        <f t="shared" si="47"/>
        <v>0</v>
      </c>
    </row>
    <row r="1538" spans="1:5" x14ac:dyDescent="0.25">
      <c r="A1538" s="1">
        <v>43619.916666666664</v>
      </c>
      <c r="B1538" s="2">
        <v>20.29</v>
      </c>
      <c r="C1538">
        <v>0</v>
      </c>
      <c r="D1538">
        <f t="shared" si="46"/>
        <v>0</v>
      </c>
      <c r="E1538" s="6">
        <f t="shared" si="47"/>
        <v>0</v>
      </c>
    </row>
    <row r="1539" spans="1:5" x14ac:dyDescent="0.25">
      <c r="A1539" s="1">
        <v>43619.958333333336</v>
      </c>
      <c r="B1539" s="2">
        <v>18.600000000000001</v>
      </c>
      <c r="C1539">
        <v>0</v>
      </c>
      <c r="D1539">
        <f t="shared" si="46"/>
        <v>0</v>
      </c>
      <c r="E1539" s="6">
        <f t="shared" si="47"/>
        <v>0</v>
      </c>
    </row>
    <row r="1540" spans="1:5" x14ac:dyDescent="0.25">
      <c r="A1540" s="1">
        <v>43620</v>
      </c>
      <c r="B1540" s="2">
        <v>15.92</v>
      </c>
      <c r="C1540">
        <v>0</v>
      </c>
      <c r="D1540">
        <f t="shared" si="46"/>
        <v>0</v>
      </c>
      <c r="E1540" s="6">
        <f t="shared" si="47"/>
        <v>0</v>
      </c>
    </row>
    <row r="1541" spans="1:5" x14ac:dyDescent="0.25">
      <c r="A1541" s="1">
        <v>43620.041666666664</v>
      </c>
      <c r="B1541" s="2">
        <v>15.53</v>
      </c>
      <c r="C1541">
        <v>0</v>
      </c>
      <c r="D1541">
        <f t="shared" si="46"/>
        <v>0</v>
      </c>
      <c r="E1541" s="6">
        <f t="shared" si="47"/>
        <v>0</v>
      </c>
    </row>
    <row r="1542" spans="1:5" x14ac:dyDescent="0.25">
      <c r="A1542" s="1">
        <v>43620.083333333336</v>
      </c>
      <c r="B1542" s="2">
        <v>15.63</v>
      </c>
      <c r="C1542">
        <v>0</v>
      </c>
      <c r="D1542">
        <f t="shared" ref="D1542:D1605" si="48">C1542/1000</f>
        <v>0</v>
      </c>
      <c r="E1542" s="6">
        <f t="shared" ref="E1542:E1605" si="49">D1542*B1542</f>
        <v>0</v>
      </c>
    </row>
    <row r="1543" spans="1:5" x14ac:dyDescent="0.25">
      <c r="A1543" s="1">
        <v>43620.125</v>
      </c>
      <c r="B1543" s="2">
        <v>15.48</v>
      </c>
      <c r="C1543">
        <v>0</v>
      </c>
      <c r="D1543">
        <f t="shared" si="48"/>
        <v>0</v>
      </c>
      <c r="E1543" s="6">
        <f t="shared" si="49"/>
        <v>0</v>
      </c>
    </row>
    <row r="1544" spans="1:5" x14ac:dyDescent="0.25">
      <c r="A1544" s="1">
        <v>43620.166666666664</v>
      </c>
      <c r="B1544" s="2">
        <v>15.44</v>
      </c>
      <c r="C1544">
        <v>0</v>
      </c>
      <c r="D1544">
        <f t="shared" si="48"/>
        <v>0</v>
      </c>
      <c r="E1544" s="6">
        <f t="shared" si="49"/>
        <v>0</v>
      </c>
    </row>
    <row r="1545" spans="1:5" x14ac:dyDescent="0.25">
      <c r="A1545" s="1">
        <v>43620.208333333336</v>
      </c>
      <c r="B1545" s="2">
        <v>17.22</v>
      </c>
      <c r="C1545">
        <v>0</v>
      </c>
      <c r="D1545">
        <f t="shared" si="48"/>
        <v>0</v>
      </c>
      <c r="E1545" s="6">
        <f t="shared" si="49"/>
        <v>0</v>
      </c>
    </row>
    <row r="1546" spans="1:5" x14ac:dyDescent="0.25">
      <c r="A1546" s="1">
        <v>43620.25</v>
      </c>
      <c r="B1546" s="2">
        <v>19.02</v>
      </c>
      <c r="C1546">
        <v>3.6302000000000001E-2</v>
      </c>
      <c r="D1546">
        <f t="shared" si="48"/>
        <v>3.6301999999999999E-5</v>
      </c>
      <c r="E1546" s="6">
        <f t="shared" si="49"/>
        <v>6.9046403999999996E-4</v>
      </c>
    </row>
    <row r="1547" spans="1:5" x14ac:dyDescent="0.25">
      <c r="A1547" s="1">
        <v>43620.291666666664</v>
      </c>
      <c r="B1547" s="2">
        <v>19.95</v>
      </c>
      <c r="C1547">
        <v>0.70206500000000005</v>
      </c>
      <c r="D1547">
        <f t="shared" si="48"/>
        <v>7.0206500000000009E-4</v>
      </c>
      <c r="E1547" s="6">
        <f t="shared" si="49"/>
        <v>1.4006196750000002E-2</v>
      </c>
    </row>
    <row r="1548" spans="1:5" x14ac:dyDescent="0.25">
      <c r="A1548" s="1">
        <v>43620.333333333336</v>
      </c>
      <c r="B1548" s="2">
        <v>20.22</v>
      </c>
      <c r="C1548">
        <v>2.0589009999999996</v>
      </c>
      <c r="D1548">
        <f t="shared" si="48"/>
        <v>2.0589009999999997E-3</v>
      </c>
      <c r="E1548" s="6">
        <f t="shared" si="49"/>
        <v>4.1630978219999989E-2</v>
      </c>
    </row>
    <row r="1549" spans="1:5" x14ac:dyDescent="0.25">
      <c r="A1549" s="1">
        <v>43620.375</v>
      </c>
      <c r="B1549" s="2">
        <v>20.49</v>
      </c>
      <c r="C1549">
        <v>3.316554</v>
      </c>
      <c r="D1549">
        <f t="shared" si="48"/>
        <v>3.3165540000000002E-3</v>
      </c>
      <c r="E1549" s="6">
        <f t="shared" si="49"/>
        <v>6.7956191459999996E-2</v>
      </c>
    </row>
    <row r="1550" spans="1:5" x14ac:dyDescent="0.25">
      <c r="A1550" s="1">
        <v>43620.416666666664</v>
      </c>
      <c r="B1550" s="2">
        <v>21.28</v>
      </c>
      <c r="C1550">
        <v>5.262416</v>
      </c>
      <c r="D1550">
        <f t="shared" si="48"/>
        <v>5.2624159999999998E-3</v>
      </c>
      <c r="E1550" s="6">
        <f t="shared" si="49"/>
        <v>0.11198421248</v>
      </c>
    </row>
    <row r="1551" spans="1:5" x14ac:dyDescent="0.25">
      <c r="A1551" s="1">
        <v>43620.458333333336</v>
      </c>
      <c r="B1551" s="2">
        <v>22.76</v>
      </c>
      <c r="C1551">
        <v>5.8727179999999999</v>
      </c>
      <c r="D1551">
        <f t="shared" si="48"/>
        <v>5.8727179999999999E-3</v>
      </c>
      <c r="E1551" s="6">
        <f t="shared" si="49"/>
        <v>0.13366306168</v>
      </c>
    </row>
    <row r="1552" spans="1:5" x14ac:dyDescent="0.25">
      <c r="A1552" s="1">
        <v>43620.5</v>
      </c>
      <c r="B1552" s="2">
        <v>24.91</v>
      </c>
      <c r="C1552">
        <v>6.51694</v>
      </c>
      <c r="D1552">
        <f t="shared" si="48"/>
        <v>6.5169399999999997E-3</v>
      </c>
      <c r="E1552" s="6">
        <f t="shared" si="49"/>
        <v>0.1623369754</v>
      </c>
    </row>
    <row r="1553" spans="1:5" x14ac:dyDescent="0.25">
      <c r="A1553" s="1">
        <v>43620.541666666664</v>
      </c>
      <c r="B1553" s="2">
        <v>26.13</v>
      </c>
      <c r="C1553">
        <v>6.5874489999999994</v>
      </c>
      <c r="D1553">
        <f t="shared" si="48"/>
        <v>6.5874489999999996E-3</v>
      </c>
      <c r="E1553" s="6">
        <f t="shared" si="49"/>
        <v>0.17213004236999999</v>
      </c>
    </row>
    <row r="1554" spans="1:5" x14ac:dyDescent="0.25">
      <c r="A1554" s="1">
        <v>43620.583333333336</v>
      </c>
      <c r="B1554" s="2">
        <v>27.5</v>
      </c>
      <c r="C1554">
        <v>5.8609109999999998</v>
      </c>
      <c r="D1554">
        <f t="shared" si="48"/>
        <v>5.8609109999999999E-3</v>
      </c>
      <c r="E1554" s="6">
        <f t="shared" si="49"/>
        <v>0.1611750525</v>
      </c>
    </row>
    <row r="1555" spans="1:5" x14ac:dyDescent="0.25">
      <c r="A1555" s="1">
        <v>43620.625</v>
      </c>
      <c r="B1555" s="2">
        <v>28.4</v>
      </c>
      <c r="C1555">
        <v>5.6561199999999996</v>
      </c>
      <c r="D1555">
        <f t="shared" si="48"/>
        <v>5.6561199999999997E-3</v>
      </c>
      <c r="E1555" s="6">
        <f t="shared" si="49"/>
        <v>0.16063380799999999</v>
      </c>
    </row>
    <row r="1556" spans="1:5" x14ac:dyDescent="0.25">
      <c r="A1556" s="1">
        <v>43620.666666666664</v>
      </c>
      <c r="B1556" s="2">
        <v>29.48</v>
      </c>
      <c r="C1556">
        <v>4.8292359999999999</v>
      </c>
      <c r="D1556">
        <f t="shared" si="48"/>
        <v>4.8292359999999998E-3</v>
      </c>
      <c r="E1556" s="6">
        <f t="shared" si="49"/>
        <v>0.14236587728</v>
      </c>
    </row>
    <row r="1557" spans="1:5" x14ac:dyDescent="0.25">
      <c r="A1557" s="1">
        <v>43620.708333333336</v>
      </c>
      <c r="B1557" s="2">
        <v>31.02</v>
      </c>
      <c r="C1557">
        <v>3.5072209999999999</v>
      </c>
      <c r="D1557">
        <f t="shared" si="48"/>
        <v>3.507221E-3</v>
      </c>
      <c r="E1557" s="6">
        <f t="shared" si="49"/>
        <v>0.10879399542</v>
      </c>
    </row>
    <row r="1558" spans="1:5" x14ac:dyDescent="0.25">
      <c r="A1558" s="1">
        <v>43620.75</v>
      </c>
      <c r="B1558" s="2">
        <v>27.98</v>
      </c>
      <c r="C1558">
        <v>1.7556449999999999</v>
      </c>
      <c r="D1558">
        <f t="shared" si="48"/>
        <v>1.7556449999999999E-3</v>
      </c>
      <c r="E1558" s="6">
        <f t="shared" si="49"/>
        <v>4.9122947100000001E-2</v>
      </c>
    </row>
    <row r="1559" spans="1:5" x14ac:dyDescent="0.25">
      <c r="A1559" s="1">
        <v>43620.791666666664</v>
      </c>
      <c r="B1559" s="2">
        <v>26.03</v>
      </c>
      <c r="C1559">
        <v>0.71670600000000007</v>
      </c>
      <c r="D1559">
        <f t="shared" si="48"/>
        <v>7.1670600000000011E-4</v>
      </c>
      <c r="E1559" s="6">
        <f t="shared" si="49"/>
        <v>1.8655857180000002E-2</v>
      </c>
    </row>
    <row r="1560" spans="1:5" x14ac:dyDescent="0.25">
      <c r="A1560" s="1">
        <v>43620.833333333336</v>
      </c>
      <c r="B1560" s="2">
        <v>27.01</v>
      </c>
      <c r="C1560">
        <v>6.9524000000000002E-2</v>
      </c>
      <c r="D1560">
        <f t="shared" si="48"/>
        <v>6.9524000000000007E-5</v>
      </c>
      <c r="E1560" s="6">
        <f t="shared" si="49"/>
        <v>1.8778432400000003E-3</v>
      </c>
    </row>
    <row r="1561" spans="1:5" x14ac:dyDescent="0.25">
      <c r="A1561" s="1">
        <v>43620.875</v>
      </c>
      <c r="B1561" s="2">
        <v>27.05</v>
      </c>
      <c r="C1561">
        <v>0</v>
      </c>
      <c r="D1561">
        <f t="shared" si="48"/>
        <v>0</v>
      </c>
      <c r="E1561" s="6">
        <f t="shared" si="49"/>
        <v>0</v>
      </c>
    </row>
    <row r="1562" spans="1:5" x14ac:dyDescent="0.25">
      <c r="A1562" s="1">
        <v>43620.916666666664</v>
      </c>
      <c r="B1562" s="2">
        <v>21.64</v>
      </c>
      <c r="C1562">
        <v>0</v>
      </c>
      <c r="D1562">
        <f t="shared" si="48"/>
        <v>0</v>
      </c>
      <c r="E1562" s="6">
        <f t="shared" si="49"/>
        <v>0</v>
      </c>
    </row>
    <row r="1563" spans="1:5" x14ac:dyDescent="0.25">
      <c r="A1563" s="1">
        <v>43620.958333333336</v>
      </c>
      <c r="B1563" s="2">
        <v>19.399999999999999</v>
      </c>
      <c r="C1563">
        <v>0</v>
      </c>
      <c r="D1563">
        <f t="shared" si="48"/>
        <v>0</v>
      </c>
      <c r="E1563" s="6">
        <f t="shared" si="49"/>
        <v>0</v>
      </c>
    </row>
    <row r="1564" spans="1:5" x14ac:dyDescent="0.25">
      <c r="A1564" s="1">
        <v>43621</v>
      </c>
      <c r="B1564" s="2">
        <v>17.940000000000001</v>
      </c>
      <c r="C1564">
        <v>0</v>
      </c>
      <c r="D1564">
        <f t="shared" si="48"/>
        <v>0</v>
      </c>
      <c r="E1564" s="6">
        <f t="shared" si="49"/>
        <v>0</v>
      </c>
    </row>
    <row r="1565" spans="1:5" x14ac:dyDescent="0.25">
      <c r="A1565" s="1">
        <v>43621.041666666664</v>
      </c>
      <c r="B1565" s="2">
        <v>17.02</v>
      </c>
      <c r="C1565">
        <v>0</v>
      </c>
      <c r="D1565">
        <f t="shared" si="48"/>
        <v>0</v>
      </c>
      <c r="E1565" s="6">
        <f t="shared" si="49"/>
        <v>0</v>
      </c>
    </row>
    <row r="1566" spans="1:5" x14ac:dyDescent="0.25">
      <c r="A1566" s="1">
        <v>43621.083333333336</v>
      </c>
      <c r="B1566" s="2">
        <v>15.92</v>
      </c>
      <c r="C1566">
        <v>0</v>
      </c>
      <c r="D1566">
        <f t="shared" si="48"/>
        <v>0</v>
      </c>
      <c r="E1566" s="6">
        <f t="shared" si="49"/>
        <v>0</v>
      </c>
    </row>
    <row r="1567" spans="1:5" x14ac:dyDescent="0.25">
      <c r="A1567" s="1">
        <v>43621.125</v>
      </c>
      <c r="B1567" s="2">
        <v>15.6</v>
      </c>
      <c r="C1567">
        <v>0</v>
      </c>
      <c r="D1567">
        <f t="shared" si="48"/>
        <v>0</v>
      </c>
      <c r="E1567" s="6">
        <f t="shared" si="49"/>
        <v>0</v>
      </c>
    </row>
    <row r="1568" spans="1:5" x14ac:dyDescent="0.25">
      <c r="A1568" s="1">
        <v>43621.166666666664</v>
      </c>
      <c r="B1568" s="2">
        <v>15.93</v>
      </c>
      <c r="C1568">
        <v>0</v>
      </c>
      <c r="D1568">
        <f t="shared" si="48"/>
        <v>0</v>
      </c>
      <c r="E1568" s="6">
        <f t="shared" si="49"/>
        <v>0</v>
      </c>
    </row>
    <row r="1569" spans="1:5" x14ac:dyDescent="0.25">
      <c r="A1569" s="1">
        <v>43621.208333333336</v>
      </c>
      <c r="B1569" s="2">
        <v>17.57</v>
      </c>
      <c r="C1569">
        <v>0</v>
      </c>
      <c r="D1569">
        <f t="shared" si="48"/>
        <v>0</v>
      </c>
      <c r="E1569" s="6">
        <f t="shared" si="49"/>
        <v>0</v>
      </c>
    </row>
    <row r="1570" spans="1:5" x14ac:dyDescent="0.25">
      <c r="A1570" s="1">
        <v>43621.25</v>
      </c>
      <c r="B1570" s="2">
        <v>19.850000000000001</v>
      </c>
      <c r="C1570">
        <v>1.7895000000000001E-2</v>
      </c>
      <c r="D1570">
        <f t="shared" si="48"/>
        <v>1.7895000000000001E-5</v>
      </c>
      <c r="E1570" s="6">
        <f t="shared" si="49"/>
        <v>3.5521575000000002E-4</v>
      </c>
    </row>
    <row r="1571" spans="1:5" x14ac:dyDescent="0.25">
      <c r="A1571" s="1">
        <v>43621.291666666664</v>
      </c>
      <c r="B1571" s="2">
        <v>20.97</v>
      </c>
      <c r="C1571">
        <v>0.50817299999999999</v>
      </c>
      <c r="D1571">
        <f t="shared" si="48"/>
        <v>5.08173E-4</v>
      </c>
      <c r="E1571" s="6">
        <f t="shared" si="49"/>
        <v>1.0656387809999999E-2</v>
      </c>
    </row>
    <row r="1572" spans="1:5" x14ac:dyDescent="0.25">
      <c r="A1572" s="1">
        <v>43621.333333333336</v>
      </c>
      <c r="B1572" s="2">
        <v>22</v>
      </c>
      <c r="C1572">
        <v>1.3803409999999998</v>
      </c>
      <c r="D1572">
        <f t="shared" si="48"/>
        <v>1.3803409999999998E-3</v>
      </c>
      <c r="E1572" s="6">
        <f t="shared" si="49"/>
        <v>3.0367501999999994E-2</v>
      </c>
    </row>
    <row r="1573" spans="1:5" x14ac:dyDescent="0.25">
      <c r="A1573" s="1">
        <v>43621.375</v>
      </c>
      <c r="B1573" s="2">
        <v>23.64</v>
      </c>
      <c r="C1573">
        <v>2.4163180000000004</v>
      </c>
      <c r="D1573">
        <f t="shared" si="48"/>
        <v>2.4163180000000002E-3</v>
      </c>
      <c r="E1573" s="6">
        <f t="shared" si="49"/>
        <v>5.7121757520000004E-2</v>
      </c>
    </row>
    <row r="1574" spans="1:5" x14ac:dyDescent="0.25">
      <c r="A1574" s="1">
        <v>43621.416666666664</v>
      </c>
      <c r="B1574" s="2">
        <v>25.99</v>
      </c>
      <c r="C1574">
        <v>2.7308890000000003</v>
      </c>
      <c r="D1574">
        <f t="shared" si="48"/>
        <v>2.7308890000000002E-3</v>
      </c>
      <c r="E1574" s="6">
        <f t="shared" si="49"/>
        <v>7.0975805109999998E-2</v>
      </c>
    </row>
    <row r="1575" spans="1:5" x14ac:dyDescent="0.25">
      <c r="A1575" s="1">
        <v>43621.458333333336</v>
      </c>
      <c r="B1575" s="2">
        <v>30.34</v>
      </c>
      <c r="C1575">
        <v>5.4749210000000001</v>
      </c>
      <c r="D1575">
        <f t="shared" si="48"/>
        <v>5.4749209999999998E-3</v>
      </c>
      <c r="E1575" s="6">
        <f t="shared" si="49"/>
        <v>0.16610910313999999</v>
      </c>
    </row>
    <row r="1576" spans="1:5" x14ac:dyDescent="0.25">
      <c r="A1576" s="1">
        <v>43621.5</v>
      </c>
      <c r="B1576" s="2">
        <v>36.42</v>
      </c>
      <c r="C1576">
        <v>5.2407159999999999</v>
      </c>
      <c r="D1576">
        <f t="shared" si="48"/>
        <v>5.2407160000000003E-3</v>
      </c>
      <c r="E1576" s="6">
        <f t="shared" si="49"/>
        <v>0.19086687672000002</v>
      </c>
    </row>
    <row r="1577" spans="1:5" x14ac:dyDescent="0.25">
      <c r="A1577" s="1">
        <v>43621.541666666664</v>
      </c>
      <c r="B1577" s="2">
        <v>37.19</v>
      </c>
      <c r="C1577">
        <v>5.5134359999999996</v>
      </c>
      <c r="D1577">
        <f t="shared" si="48"/>
        <v>5.5134359999999992E-3</v>
      </c>
      <c r="E1577" s="6">
        <f t="shared" si="49"/>
        <v>0.20504468483999996</v>
      </c>
    </row>
    <row r="1578" spans="1:5" x14ac:dyDescent="0.25">
      <c r="A1578" s="1">
        <v>43621.583333333336</v>
      </c>
      <c r="B1578" s="2">
        <v>38.369999999999997</v>
      </c>
      <c r="C1578">
        <v>6.0471870000000001</v>
      </c>
      <c r="D1578">
        <f t="shared" si="48"/>
        <v>6.0471869999999999E-3</v>
      </c>
      <c r="E1578" s="6">
        <f t="shared" si="49"/>
        <v>0.23203056518999998</v>
      </c>
    </row>
    <row r="1579" spans="1:5" x14ac:dyDescent="0.25">
      <c r="A1579" s="1">
        <v>43621.625</v>
      </c>
      <c r="B1579" s="2">
        <v>42.87</v>
      </c>
      <c r="C1579">
        <v>5.3689300000000006</v>
      </c>
      <c r="D1579">
        <f t="shared" si="48"/>
        <v>5.3689300000000009E-3</v>
      </c>
      <c r="E1579" s="6">
        <f t="shared" si="49"/>
        <v>0.23016602910000003</v>
      </c>
    </row>
    <row r="1580" spans="1:5" x14ac:dyDescent="0.25">
      <c r="A1580" s="1">
        <v>43621.666666666664</v>
      </c>
      <c r="B1580" s="2">
        <v>44.37</v>
      </c>
      <c r="C1580">
        <v>2.7230780000000001</v>
      </c>
      <c r="D1580">
        <f t="shared" si="48"/>
        <v>2.7230780000000003E-3</v>
      </c>
      <c r="E1580" s="6">
        <f t="shared" si="49"/>
        <v>0.12082297086</v>
      </c>
    </row>
    <row r="1581" spans="1:5" x14ac:dyDescent="0.25">
      <c r="A1581" s="1">
        <v>43621.708333333336</v>
      </c>
      <c r="B1581" s="2">
        <v>42.35</v>
      </c>
      <c r="C1581">
        <v>1.5602049999999998</v>
      </c>
      <c r="D1581">
        <f t="shared" si="48"/>
        <v>1.5602049999999998E-3</v>
      </c>
      <c r="E1581" s="6">
        <f t="shared" si="49"/>
        <v>6.6074681749999989E-2</v>
      </c>
    </row>
    <row r="1582" spans="1:5" x14ac:dyDescent="0.25">
      <c r="A1582" s="1">
        <v>43621.75</v>
      </c>
      <c r="B1582" s="2">
        <v>37.72</v>
      </c>
      <c r="C1582">
        <v>2.3586129999999996</v>
      </c>
      <c r="D1582">
        <f t="shared" si="48"/>
        <v>2.3586129999999994E-3</v>
      </c>
      <c r="E1582" s="6">
        <f t="shared" si="49"/>
        <v>8.8966882359999971E-2</v>
      </c>
    </row>
    <row r="1583" spans="1:5" x14ac:dyDescent="0.25">
      <c r="A1583" s="1">
        <v>43621.791666666664</v>
      </c>
      <c r="B1583" s="2">
        <v>37.049999999999997</v>
      </c>
      <c r="C1583">
        <v>0.30847599999999997</v>
      </c>
      <c r="D1583">
        <f t="shared" si="48"/>
        <v>3.0847599999999997E-4</v>
      </c>
      <c r="E1583" s="6">
        <f t="shared" si="49"/>
        <v>1.1429035799999997E-2</v>
      </c>
    </row>
    <row r="1584" spans="1:5" x14ac:dyDescent="0.25">
      <c r="A1584" s="1">
        <v>43621.833333333336</v>
      </c>
      <c r="B1584" s="2">
        <v>37.65</v>
      </c>
      <c r="C1584">
        <v>0</v>
      </c>
      <c r="D1584">
        <f t="shared" si="48"/>
        <v>0</v>
      </c>
      <c r="E1584" s="6">
        <f t="shared" si="49"/>
        <v>0</v>
      </c>
    </row>
    <row r="1585" spans="1:5" x14ac:dyDescent="0.25">
      <c r="A1585" s="1">
        <v>43621.875</v>
      </c>
      <c r="B1585" s="2">
        <v>36.19</v>
      </c>
      <c r="C1585">
        <v>0</v>
      </c>
      <c r="D1585">
        <f t="shared" si="48"/>
        <v>0</v>
      </c>
      <c r="E1585" s="6">
        <f t="shared" si="49"/>
        <v>0</v>
      </c>
    </row>
    <row r="1586" spans="1:5" x14ac:dyDescent="0.25">
      <c r="A1586" s="1">
        <v>43621.916666666664</v>
      </c>
      <c r="B1586" s="2">
        <v>25.12</v>
      </c>
      <c r="C1586">
        <v>0</v>
      </c>
      <c r="D1586">
        <f t="shared" si="48"/>
        <v>0</v>
      </c>
      <c r="E1586" s="6">
        <f t="shared" si="49"/>
        <v>0</v>
      </c>
    </row>
    <row r="1587" spans="1:5" x14ac:dyDescent="0.25">
      <c r="A1587" s="1">
        <v>43621.958333333336</v>
      </c>
      <c r="B1587" s="2">
        <v>22.4</v>
      </c>
      <c r="C1587">
        <v>0</v>
      </c>
      <c r="D1587">
        <f t="shared" si="48"/>
        <v>0</v>
      </c>
      <c r="E1587" s="6">
        <f t="shared" si="49"/>
        <v>0</v>
      </c>
    </row>
    <row r="1588" spans="1:5" x14ac:dyDescent="0.25">
      <c r="A1588" s="1">
        <v>43622</v>
      </c>
      <c r="B1588" s="2">
        <v>19.739999999999998</v>
      </c>
      <c r="C1588">
        <v>0</v>
      </c>
      <c r="D1588">
        <f t="shared" si="48"/>
        <v>0</v>
      </c>
      <c r="E1588" s="6">
        <f t="shared" si="49"/>
        <v>0</v>
      </c>
    </row>
    <row r="1589" spans="1:5" x14ac:dyDescent="0.25">
      <c r="A1589" s="1">
        <v>43622.041666666664</v>
      </c>
      <c r="B1589" s="2">
        <v>18.91</v>
      </c>
      <c r="C1589">
        <v>0</v>
      </c>
      <c r="D1589">
        <f t="shared" si="48"/>
        <v>0</v>
      </c>
      <c r="E1589" s="6">
        <f t="shared" si="49"/>
        <v>0</v>
      </c>
    </row>
    <row r="1590" spans="1:5" x14ac:dyDescent="0.25">
      <c r="A1590" s="1">
        <v>43622.083333333336</v>
      </c>
      <c r="B1590" s="2">
        <v>17.73</v>
      </c>
      <c r="C1590">
        <v>0</v>
      </c>
      <c r="D1590">
        <f t="shared" si="48"/>
        <v>0</v>
      </c>
      <c r="E1590" s="6">
        <f t="shared" si="49"/>
        <v>0</v>
      </c>
    </row>
    <row r="1591" spans="1:5" x14ac:dyDescent="0.25">
      <c r="A1591" s="1">
        <v>43622.125</v>
      </c>
      <c r="B1591" s="2">
        <v>16.73</v>
      </c>
      <c r="C1591">
        <v>0</v>
      </c>
      <c r="D1591">
        <f t="shared" si="48"/>
        <v>0</v>
      </c>
      <c r="E1591" s="6">
        <f t="shared" si="49"/>
        <v>0</v>
      </c>
    </row>
    <row r="1592" spans="1:5" x14ac:dyDescent="0.25">
      <c r="A1592" s="1">
        <v>43622.166666666664</v>
      </c>
      <c r="B1592" s="2">
        <v>17.309999999999999</v>
      </c>
      <c r="C1592">
        <v>0</v>
      </c>
      <c r="D1592">
        <f t="shared" si="48"/>
        <v>0</v>
      </c>
      <c r="E1592" s="6">
        <f t="shared" si="49"/>
        <v>0</v>
      </c>
    </row>
    <row r="1593" spans="1:5" x14ac:dyDescent="0.25">
      <c r="A1593" s="1">
        <v>43622.208333333336</v>
      </c>
      <c r="B1593" s="2">
        <v>19.34</v>
      </c>
      <c r="C1593">
        <v>0</v>
      </c>
      <c r="D1593">
        <f t="shared" si="48"/>
        <v>0</v>
      </c>
      <c r="E1593" s="6">
        <f t="shared" si="49"/>
        <v>0</v>
      </c>
    </row>
    <row r="1594" spans="1:5" x14ac:dyDescent="0.25">
      <c r="A1594" s="1">
        <v>43622.25</v>
      </c>
      <c r="B1594" s="2">
        <v>20.3</v>
      </c>
      <c r="C1594">
        <v>5.4085000000000001E-2</v>
      </c>
      <c r="D1594">
        <f t="shared" si="48"/>
        <v>5.4085000000000001E-5</v>
      </c>
      <c r="E1594" s="6">
        <f t="shared" si="49"/>
        <v>1.0979255E-3</v>
      </c>
    </row>
    <row r="1595" spans="1:5" x14ac:dyDescent="0.25">
      <c r="A1595" s="1">
        <v>43622.291666666664</v>
      </c>
      <c r="B1595" s="2">
        <v>21.67</v>
      </c>
      <c r="C1595">
        <v>0.193</v>
      </c>
      <c r="D1595">
        <f t="shared" si="48"/>
        <v>1.93E-4</v>
      </c>
      <c r="E1595" s="6">
        <f t="shared" si="49"/>
        <v>4.1823100000000007E-3</v>
      </c>
    </row>
    <row r="1596" spans="1:5" x14ac:dyDescent="0.25">
      <c r="A1596" s="1">
        <v>43622.333333333336</v>
      </c>
      <c r="B1596" s="2">
        <v>23.38</v>
      </c>
      <c r="C1596">
        <v>0.66218299999999997</v>
      </c>
      <c r="D1596">
        <f t="shared" si="48"/>
        <v>6.62183E-4</v>
      </c>
      <c r="E1596" s="6">
        <f t="shared" si="49"/>
        <v>1.5481838539999999E-2</v>
      </c>
    </row>
    <row r="1597" spans="1:5" x14ac:dyDescent="0.25">
      <c r="A1597" s="1">
        <v>43622.375</v>
      </c>
      <c r="B1597" s="2">
        <v>24.35</v>
      </c>
      <c r="C1597">
        <v>0.85870000000000002</v>
      </c>
      <c r="D1597">
        <f t="shared" si="48"/>
        <v>8.587E-4</v>
      </c>
      <c r="E1597" s="6">
        <f t="shared" si="49"/>
        <v>2.0909345000000003E-2</v>
      </c>
    </row>
    <row r="1598" spans="1:5" x14ac:dyDescent="0.25">
      <c r="A1598" s="1">
        <v>43622.416666666664</v>
      </c>
      <c r="B1598" s="2">
        <v>26.45</v>
      </c>
      <c r="C1598">
        <v>1.5510419999999998</v>
      </c>
      <c r="D1598">
        <f t="shared" si="48"/>
        <v>1.5510419999999999E-3</v>
      </c>
      <c r="E1598" s="6">
        <f t="shared" si="49"/>
        <v>4.1025060899999993E-2</v>
      </c>
    </row>
    <row r="1599" spans="1:5" x14ac:dyDescent="0.25">
      <c r="A1599" s="1">
        <v>43622.458333333336</v>
      </c>
      <c r="B1599" s="2">
        <v>28.81</v>
      </c>
      <c r="C1599">
        <v>1.4611800000000001</v>
      </c>
      <c r="D1599">
        <f t="shared" si="48"/>
        <v>1.4611800000000001E-3</v>
      </c>
      <c r="E1599" s="6">
        <f t="shared" si="49"/>
        <v>4.2096595799999997E-2</v>
      </c>
    </row>
    <row r="1600" spans="1:5" x14ac:dyDescent="0.25">
      <c r="A1600" s="1">
        <v>43622.5</v>
      </c>
      <c r="B1600" s="2">
        <v>31.86</v>
      </c>
      <c r="C1600">
        <v>1.6574120000000001</v>
      </c>
      <c r="D1600">
        <f t="shared" si="48"/>
        <v>1.657412E-3</v>
      </c>
      <c r="E1600" s="6">
        <f t="shared" si="49"/>
        <v>5.2805146320000003E-2</v>
      </c>
    </row>
    <row r="1601" spans="1:5" x14ac:dyDescent="0.25">
      <c r="A1601" s="1">
        <v>43622.541666666664</v>
      </c>
      <c r="B1601" s="2">
        <v>35.26</v>
      </c>
      <c r="C1601">
        <v>1.911856</v>
      </c>
      <c r="D1601">
        <f t="shared" si="48"/>
        <v>1.911856E-3</v>
      </c>
      <c r="E1601" s="6">
        <f t="shared" si="49"/>
        <v>6.7412042559999996E-2</v>
      </c>
    </row>
    <row r="1602" spans="1:5" x14ac:dyDescent="0.25">
      <c r="A1602" s="1">
        <v>43622.583333333336</v>
      </c>
      <c r="B1602" s="2">
        <v>38.14</v>
      </c>
      <c r="C1602">
        <v>2.6048420000000001</v>
      </c>
      <c r="D1602">
        <f t="shared" si="48"/>
        <v>2.604842E-3</v>
      </c>
      <c r="E1602" s="6">
        <f t="shared" si="49"/>
        <v>9.9348673880000002E-2</v>
      </c>
    </row>
    <row r="1603" spans="1:5" x14ac:dyDescent="0.25">
      <c r="A1603" s="1">
        <v>43622.625</v>
      </c>
      <c r="B1603" s="2">
        <v>41.74</v>
      </c>
      <c r="C1603">
        <v>1.7211020000000001</v>
      </c>
      <c r="D1603">
        <f t="shared" si="48"/>
        <v>1.7211020000000002E-3</v>
      </c>
      <c r="E1603" s="6">
        <f t="shared" si="49"/>
        <v>7.1838797480000008E-2</v>
      </c>
    </row>
    <row r="1604" spans="1:5" x14ac:dyDescent="0.25">
      <c r="A1604" s="1">
        <v>43622.666666666664</v>
      </c>
      <c r="B1604" s="2">
        <v>40.14</v>
      </c>
      <c r="C1604">
        <v>4.748075</v>
      </c>
      <c r="D1604">
        <f t="shared" si="48"/>
        <v>4.748075E-3</v>
      </c>
      <c r="E1604" s="6">
        <f t="shared" si="49"/>
        <v>0.1905877305</v>
      </c>
    </row>
    <row r="1605" spans="1:5" x14ac:dyDescent="0.25">
      <c r="A1605" s="1">
        <v>43622.708333333336</v>
      </c>
      <c r="B1605" s="2">
        <v>39.08</v>
      </c>
      <c r="C1605">
        <v>1.705746</v>
      </c>
      <c r="D1605">
        <f t="shared" si="48"/>
        <v>1.705746E-3</v>
      </c>
      <c r="E1605" s="6">
        <f t="shared" si="49"/>
        <v>6.6660553679999998E-2</v>
      </c>
    </row>
    <row r="1606" spans="1:5" x14ac:dyDescent="0.25">
      <c r="A1606" s="1">
        <v>43622.75</v>
      </c>
      <c r="B1606" s="2">
        <v>34.08</v>
      </c>
      <c r="C1606">
        <v>2.5560929999999997</v>
      </c>
      <c r="D1606">
        <f t="shared" ref="D1606:D1669" si="50">C1606/1000</f>
        <v>2.5560929999999997E-3</v>
      </c>
      <c r="E1606" s="6">
        <f t="shared" ref="E1606:E1669" si="51">D1606*B1606</f>
        <v>8.711164943999998E-2</v>
      </c>
    </row>
    <row r="1607" spans="1:5" x14ac:dyDescent="0.25">
      <c r="A1607" s="1">
        <v>43622.791666666664</v>
      </c>
      <c r="B1607" s="2">
        <v>31.08</v>
      </c>
      <c r="C1607">
        <v>0.74428700000000003</v>
      </c>
      <c r="D1607">
        <f t="shared" si="50"/>
        <v>7.4428700000000005E-4</v>
      </c>
      <c r="E1607" s="6">
        <f t="shared" si="51"/>
        <v>2.3132439960000001E-2</v>
      </c>
    </row>
    <row r="1608" spans="1:5" x14ac:dyDescent="0.25">
      <c r="A1608" s="1">
        <v>43622.833333333336</v>
      </c>
      <c r="B1608" s="2">
        <v>29.87</v>
      </c>
      <c r="C1608">
        <v>9.8789000000000002E-2</v>
      </c>
      <c r="D1608">
        <f t="shared" si="50"/>
        <v>9.8789000000000006E-5</v>
      </c>
      <c r="E1608" s="6">
        <f t="shared" si="51"/>
        <v>2.9508274300000001E-3</v>
      </c>
    </row>
    <row r="1609" spans="1:5" x14ac:dyDescent="0.25">
      <c r="A1609" s="1">
        <v>43622.875</v>
      </c>
      <c r="B1609" s="2">
        <v>28.54</v>
      </c>
      <c r="C1609">
        <v>0</v>
      </c>
      <c r="D1609">
        <f t="shared" si="50"/>
        <v>0</v>
      </c>
      <c r="E1609" s="6">
        <f t="shared" si="51"/>
        <v>0</v>
      </c>
    </row>
    <row r="1610" spans="1:5" x14ac:dyDescent="0.25">
      <c r="A1610" s="1">
        <v>43622.916666666664</v>
      </c>
      <c r="B1610" s="2">
        <v>23.59</v>
      </c>
      <c r="C1610">
        <v>0</v>
      </c>
      <c r="D1610">
        <f t="shared" si="50"/>
        <v>0</v>
      </c>
      <c r="E1610" s="6">
        <f t="shared" si="51"/>
        <v>0</v>
      </c>
    </row>
    <row r="1611" spans="1:5" x14ac:dyDescent="0.25">
      <c r="A1611" s="1">
        <v>43622.958333333336</v>
      </c>
      <c r="B1611" s="2">
        <v>20.12</v>
      </c>
      <c r="C1611">
        <v>0</v>
      </c>
      <c r="D1611">
        <f t="shared" si="50"/>
        <v>0</v>
      </c>
      <c r="E1611" s="6">
        <f t="shared" si="51"/>
        <v>0</v>
      </c>
    </row>
    <row r="1612" spans="1:5" x14ac:dyDescent="0.25">
      <c r="A1612" s="1">
        <v>43623</v>
      </c>
      <c r="B1612" s="2">
        <v>19.18</v>
      </c>
      <c r="C1612">
        <v>0</v>
      </c>
      <c r="D1612">
        <f t="shared" si="50"/>
        <v>0</v>
      </c>
      <c r="E1612" s="6">
        <f t="shared" si="51"/>
        <v>0</v>
      </c>
    </row>
    <row r="1613" spans="1:5" x14ac:dyDescent="0.25">
      <c r="A1613" s="1">
        <v>43623.041666666664</v>
      </c>
      <c r="B1613" s="2">
        <v>18.82</v>
      </c>
      <c r="C1613">
        <v>0</v>
      </c>
      <c r="D1613">
        <f t="shared" si="50"/>
        <v>0</v>
      </c>
      <c r="E1613" s="6">
        <f t="shared" si="51"/>
        <v>0</v>
      </c>
    </row>
    <row r="1614" spans="1:5" x14ac:dyDescent="0.25">
      <c r="A1614" s="1">
        <v>43623.083333333336</v>
      </c>
      <c r="B1614" s="2">
        <v>17.93</v>
      </c>
      <c r="C1614">
        <v>0</v>
      </c>
      <c r="D1614">
        <f t="shared" si="50"/>
        <v>0</v>
      </c>
      <c r="E1614" s="6">
        <f t="shared" si="51"/>
        <v>0</v>
      </c>
    </row>
    <row r="1615" spans="1:5" x14ac:dyDescent="0.25">
      <c r="A1615" s="1">
        <v>43623.125</v>
      </c>
      <c r="B1615" s="2">
        <v>16.91</v>
      </c>
      <c r="C1615">
        <v>0</v>
      </c>
      <c r="D1615">
        <f t="shared" si="50"/>
        <v>0</v>
      </c>
      <c r="E1615" s="6">
        <f t="shared" si="51"/>
        <v>0</v>
      </c>
    </row>
    <row r="1616" spans="1:5" x14ac:dyDescent="0.25">
      <c r="A1616" s="1">
        <v>43623.166666666664</v>
      </c>
      <c r="B1616" s="2">
        <v>17.46</v>
      </c>
      <c r="C1616">
        <v>0</v>
      </c>
      <c r="D1616">
        <f t="shared" si="50"/>
        <v>0</v>
      </c>
      <c r="E1616" s="6">
        <f t="shared" si="51"/>
        <v>0</v>
      </c>
    </row>
    <row r="1617" spans="1:5" x14ac:dyDescent="0.25">
      <c r="A1617" s="1">
        <v>43623.208333333336</v>
      </c>
      <c r="B1617" s="2">
        <v>19.09</v>
      </c>
      <c r="C1617">
        <v>0</v>
      </c>
      <c r="D1617">
        <f t="shared" si="50"/>
        <v>0</v>
      </c>
      <c r="E1617" s="6">
        <f t="shared" si="51"/>
        <v>0</v>
      </c>
    </row>
    <row r="1618" spans="1:5" x14ac:dyDescent="0.25">
      <c r="A1618" s="1">
        <v>43623.25</v>
      </c>
      <c r="B1618" s="2">
        <v>19.84</v>
      </c>
      <c r="C1618">
        <v>7.4184E-2</v>
      </c>
      <c r="D1618">
        <f t="shared" si="50"/>
        <v>7.4184000000000007E-5</v>
      </c>
      <c r="E1618" s="6">
        <f t="shared" si="51"/>
        <v>1.4718105600000002E-3</v>
      </c>
    </row>
    <row r="1619" spans="1:5" x14ac:dyDescent="0.25">
      <c r="A1619" s="1">
        <v>43623.291666666664</v>
      </c>
      <c r="B1619" s="2">
        <v>21.16</v>
      </c>
      <c r="C1619">
        <v>0.68115800000000004</v>
      </c>
      <c r="D1619">
        <f t="shared" si="50"/>
        <v>6.8115800000000007E-4</v>
      </c>
      <c r="E1619" s="6">
        <f t="shared" si="51"/>
        <v>1.4413303280000001E-2</v>
      </c>
    </row>
    <row r="1620" spans="1:5" x14ac:dyDescent="0.25">
      <c r="A1620" s="1">
        <v>43623.333333333336</v>
      </c>
      <c r="B1620" s="2">
        <v>22.86</v>
      </c>
      <c r="C1620">
        <v>1.754923</v>
      </c>
      <c r="D1620">
        <f t="shared" si="50"/>
        <v>1.754923E-3</v>
      </c>
      <c r="E1620" s="6">
        <f t="shared" si="51"/>
        <v>4.0117539780000003E-2</v>
      </c>
    </row>
    <row r="1621" spans="1:5" x14ac:dyDescent="0.25">
      <c r="A1621" s="1">
        <v>43623.375</v>
      </c>
      <c r="B1621" s="2">
        <v>24.96</v>
      </c>
      <c r="C1621">
        <v>4.439692</v>
      </c>
      <c r="D1621">
        <f t="shared" si="50"/>
        <v>4.4396920000000003E-3</v>
      </c>
      <c r="E1621" s="6">
        <f t="shared" si="51"/>
        <v>0.11081471232000001</v>
      </c>
    </row>
    <row r="1622" spans="1:5" x14ac:dyDescent="0.25">
      <c r="A1622" s="1">
        <v>43623.416666666664</v>
      </c>
      <c r="B1622" s="2">
        <v>25.66</v>
      </c>
      <c r="C1622">
        <v>5.9211919999999996</v>
      </c>
      <c r="D1622">
        <f t="shared" si="50"/>
        <v>5.9211919999999996E-3</v>
      </c>
      <c r="E1622" s="6">
        <f t="shared" si="51"/>
        <v>0.15193778672</v>
      </c>
    </row>
    <row r="1623" spans="1:5" x14ac:dyDescent="0.25">
      <c r="A1623" s="1">
        <v>43623.458333333336</v>
      </c>
      <c r="B1623" s="2">
        <v>25.54</v>
      </c>
      <c r="C1623">
        <v>6.9306899999999994</v>
      </c>
      <c r="D1623">
        <f t="shared" si="50"/>
        <v>6.9306899999999998E-3</v>
      </c>
      <c r="E1623" s="6">
        <f t="shared" si="51"/>
        <v>0.17700982259999998</v>
      </c>
    </row>
    <row r="1624" spans="1:5" x14ac:dyDescent="0.25">
      <c r="A1624" s="1">
        <v>43623.5</v>
      </c>
      <c r="B1624" s="2">
        <v>28.28</v>
      </c>
      <c r="C1624">
        <v>7.5193130000000004</v>
      </c>
      <c r="D1624">
        <f t="shared" si="50"/>
        <v>7.5193130000000006E-3</v>
      </c>
      <c r="E1624" s="6">
        <f t="shared" si="51"/>
        <v>0.21264617164000002</v>
      </c>
    </row>
    <row r="1625" spans="1:5" x14ac:dyDescent="0.25">
      <c r="A1625" s="1">
        <v>43623.541666666664</v>
      </c>
      <c r="B1625" s="2">
        <v>29.88</v>
      </c>
      <c r="C1625">
        <v>7.6832969999999996</v>
      </c>
      <c r="D1625">
        <f t="shared" si="50"/>
        <v>7.6832969999999995E-3</v>
      </c>
      <c r="E1625" s="6">
        <f t="shared" si="51"/>
        <v>0.22957691435999997</v>
      </c>
    </row>
    <row r="1626" spans="1:5" x14ac:dyDescent="0.25">
      <c r="A1626" s="1">
        <v>43623.583333333336</v>
      </c>
      <c r="B1626" s="2">
        <v>30.22</v>
      </c>
      <c r="C1626">
        <v>7.437697</v>
      </c>
      <c r="D1626">
        <f t="shared" si="50"/>
        <v>7.4376970000000001E-3</v>
      </c>
      <c r="E1626" s="6">
        <f t="shared" si="51"/>
        <v>0.22476720334</v>
      </c>
    </row>
    <row r="1627" spans="1:5" x14ac:dyDescent="0.25">
      <c r="A1627" s="1">
        <v>43623.625</v>
      </c>
      <c r="B1627" s="2">
        <v>32.04</v>
      </c>
      <c r="C1627">
        <v>6.7825899999999999</v>
      </c>
      <c r="D1627">
        <f t="shared" si="50"/>
        <v>6.7825899999999998E-3</v>
      </c>
      <c r="E1627" s="6">
        <f t="shared" si="51"/>
        <v>0.21731418359999999</v>
      </c>
    </row>
    <row r="1628" spans="1:5" x14ac:dyDescent="0.25">
      <c r="A1628" s="1">
        <v>43623.666666666664</v>
      </c>
      <c r="B1628" s="2">
        <v>31.43</v>
      </c>
      <c r="C1628">
        <v>5.7396989999999999</v>
      </c>
      <c r="D1628">
        <f t="shared" si="50"/>
        <v>5.739699E-3</v>
      </c>
      <c r="E1628" s="6">
        <f t="shared" si="51"/>
        <v>0.18039873956999999</v>
      </c>
    </row>
    <row r="1629" spans="1:5" x14ac:dyDescent="0.25">
      <c r="A1629" s="1">
        <v>43623.708333333336</v>
      </c>
      <c r="B1629" s="2">
        <v>31.59</v>
      </c>
      <c r="C1629">
        <v>4.2783490000000004</v>
      </c>
      <c r="D1629">
        <f t="shared" si="50"/>
        <v>4.2783490000000007E-3</v>
      </c>
      <c r="E1629" s="6">
        <f t="shared" si="51"/>
        <v>0.13515304491000002</v>
      </c>
    </row>
    <row r="1630" spans="1:5" x14ac:dyDescent="0.25">
      <c r="A1630" s="1">
        <v>43623.75</v>
      </c>
      <c r="B1630" s="2">
        <v>28.17</v>
      </c>
      <c r="C1630">
        <v>2.4642569999999999</v>
      </c>
      <c r="D1630">
        <f t="shared" si="50"/>
        <v>2.4642570000000001E-3</v>
      </c>
      <c r="E1630" s="6">
        <f t="shared" si="51"/>
        <v>6.9418119690000002E-2</v>
      </c>
    </row>
    <row r="1631" spans="1:5" x14ac:dyDescent="0.25">
      <c r="A1631" s="1">
        <v>43623.791666666664</v>
      </c>
      <c r="B1631" s="2">
        <v>25.21</v>
      </c>
      <c r="C1631">
        <v>0.71559799999999996</v>
      </c>
      <c r="D1631">
        <f t="shared" si="50"/>
        <v>7.1559799999999991E-4</v>
      </c>
      <c r="E1631" s="6">
        <f t="shared" si="51"/>
        <v>1.8040225579999999E-2</v>
      </c>
    </row>
    <row r="1632" spans="1:5" x14ac:dyDescent="0.25">
      <c r="A1632" s="1">
        <v>43623.833333333336</v>
      </c>
      <c r="B1632" s="2">
        <v>23.74</v>
      </c>
      <c r="C1632">
        <v>8.8403999999999996E-2</v>
      </c>
      <c r="D1632">
        <f t="shared" si="50"/>
        <v>8.8404000000000003E-5</v>
      </c>
      <c r="E1632" s="6">
        <f t="shared" si="51"/>
        <v>2.0987109599999998E-3</v>
      </c>
    </row>
    <row r="1633" spans="1:5" x14ac:dyDescent="0.25">
      <c r="A1633" s="1">
        <v>43623.875</v>
      </c>
      <c r="B1633" s="2">
        <v>23.34</v>
      </c>
      <c r="C1633">
        <v>0</v>
      </c>
      <c r="D1633">
        <f t="shared" si="50"/>
        <v>0</v>
      </c>
      <c r="E1633" s="6">
        <f t="shared" si="51"/>
        <v>0</v>
      </c>
    </row>
    <row r="1634" spans="1:5" x14ac:dyDescent="0.25">
      <c r="A1634" s="1">
        <v>43623.916666666664</v>
      </c>
      <c r="B1634" s="2">
        <v>20.47</v>
      </c>
      <c r="C1634">
        <v>0</v>
      </c>
      <c r="D1634">
        <f t="shared" si="50"/>
        <v>0</v>
      </c>
      <c r="E1634" s="6">
        <f t="shared" si="51"/>
        <v>0</v>
      </c>
    </row>
    <row r="1635" spans="1:5" x14ac:dyDescent="0.25">
      <c r="A1635" s="1">
        <v>43623.958333333336</v>
      </c>
      <c r="B1635" s="2">
        <v>18.559999999999999</v>
      </c>
      <c r="C1635">
        <v>0</v>
      </c>
      <c r="D1635">
        <f t="shared" si="50"/>
        <v>0</v>
      </c>
      <c r="E1635" s="6">
        <f t="shared" si="51"/>
        <v>0</v>
      </c>
    </row>
    <row r="1636" spans="1:5" x14ac:dyDescent="0.25">
      <c r="A1636" s="1">
        <v>43624</v>
      </c>
      <c r="B1636" s="2">
        <v>19.04</v>
      </c>
      <c r="C1636">
        <v>0</v>
      </c>
      <c r="D1636">
        <f t="shared" si="50"/>
        <v>0</v>
      </c>
      <c r="E1636" s="6">
        <f t="shared" si="51"/>
        <v>0</v>
      </c>
    </row>
    <row r="1637" spans="1:5" x14ac:dyDescent="0.25">
      <c r="A1637" s="1">
        <v>43624.041666666664</v>
      </c>
      <c r="B1637" s="2">
        <v>18.47</v>
      </c>
      <c r="C1637">
        <v>0</v>
      </c>
      <c r="D1637">
        <f t="shared" si="50"/>
        <v>0</v>
      </c>
      <c r="E1637" s="6">
        <f t="shared" si="51"/>
        <v>0</v>
      </c>
    </row>
    <row r="1638" spans="1:5" x14ac:dyDescent="0.25">
      <c r="A1638" s="1">
        <v>43624.083333333336</v>
      </c>
      <c r="B1638" s="2">
        <v>16.600000000000001</v>
      </c>
      <c r="C1638">
        <v>0</v>
      </c>
      <c r="D1638">
        <f t="shared" si="50"/>
        <v>0</v>
      </c>
      <c r="E1638" s="6">
        <f t="shared" si="51"/>
        <v>0</v>
      </c>
    </row>
    <row r="1639" spans="1:5" x14ac:dyDescent="0.25">
      <c r="A1639" s="1">
        <v>43624.125</v>
      </c>
      <c r="B1639" s="2">
        <v>15.85</v>
      </c>
      <c r="C1639">
        <v>0</v>
      </c>
      <c r="D1639">
        <f t="shared" si="50"/>
        <v>0</v>
      </c>
      <c r="E1639" s="6">
        <f t="shared" si="51"/>
        <v>0</v>
      </c>
    </row>
    <row r="1640" spans="1:5" x14ac:dyDescent="0.25">
      <c r="A1640" s="1">
        <v>43624.166666666664</v>
      </c>
      <c r="B1640" s="2">
        <v>15.93</v>
      </c>
      <c r="C1640">
        <v>0</v>
      </c>
      <c r="D1640">
        <f t="shared" si="50"/>
        <v>0</v>
      </c>
      <c r="E1640" s="6">
        <f t="shared" si="51"/>
        <v>0</v>
      </c>
    </row>
    <row r="1641" spans="1:5" x14ac:dyDescent="0.25">
      <c r="A1641" s="1">
        <v>43624.208333333336</v>
      </c>
      <c r="B1641" s="2">
        <v>15.7</v>
      </c>
      <c r="C1641">
        <v>0</v>
      </c>
      <c r="D1641">
        <f t="shared" si="50"/>
        <v>0</v>
      </c>
      <c r="E1641" s="6">
        <f t="shared" si="51"/>
        <v>0</v>
      </c>
    </row>
    <row r="1642" spans="1:5" x14ac:dyDescent="0.25">
      <c r="A1642" s="1">
        <v>43624.25</v>
      </c>
      <c r="B1642" s="2">
        <v>15.85</v>
      </c>
      <c r="C1642">
        <v>6.4804E-2</v>
      </c>
      <c r="D1642">
        <f t="shared" si="50"/>
        <v>6.4803999999999998E-5</v>
      </c>
      <c r="E1642" s="6">
        <f t="shared" si="51"/>
        <v>1.0271434E-3</v>
      </c>
    </row>
    <row r="1643" spans="1:5" x14ac:dyDescent="0.25">
      <c r="A1643" s="1">
        <v>43624.291666666664</v>
      </c>
      <c r="B1643" s="2">
        <v>16.59</v>
      </c>
      <c r="C1643">
        <v>0.71476899999999999</v>
      </c>
      <c r="D1643">
        <f t="shared" si="50"/>
        <v>7.1476899999999997E-4</v>
      </c>
      <c r="E1643" s="6">
        <f t="shared" si="51"/>
        <v>1.185801771E-2</v>
      </c>
    </row>
    <row r="1644" spans="1:5" x14ac:dyDescent="0.25">
      <c r="A1644" s="1">
        <v>43624.333333333336</v>
      </c>
      <c r="B1644" s="2">
        <v>18.91</v>
      </c>
      <c r="C1644">
        <v>2.4398620000000002</v>
      </c>
      <c r="D1644">
        <f t="shared" si="50"/>
        <v>2.4398620000000001E-3</v>
      </c>
      <c r="E1644" s="6">
        <f t="shared" si="51"/>
        <v>4.6137790420000005E-2</v>
      </c>
    </row>
    <row r="1645" spans="1:5" x14ac:dyDescent="0.25">
      <c r="A1645" s="1">
        <v>43624.375</v>
      </c>
      <c r="B1645" s="2">
        <v>19.7</v>
      </c>
      <c r="C1645">
        <v>4.2481459999999993</v>
      </c>
      <c r="D1645">
        <f t="shared" si="50"/>
        <v>4.2481459999999995E-3</v>
      </c>
      <c r="E1645" s="6">
        <f t="shared" si="51"/>
        <v>8.3688476199999987E-2</v>
      </c>
    </row>
    <row r="1646" spans="1:5" x14ac:dyDescent="0.25">
      <c r="A1646" s="1">
        <v>43624.416666666664</v>
      </c>
      <c r="B1646" s="2">
        <v>20.239999999999998</v>
      </c>
      <c r="C1646">
        <v>5.6956189999999998</v>
      </c>
      <c r="D1646">
        <f t="shared" si="50"/>
        <v>5.6956189999999999E-3</v>
      </c>
      <c r="E1646" s="6">
        <f t="shared" si="51"/>
        <v>0.11527932855999999</v>
      </c>
    </row>
    <row r="1647" spans="1:5" x14ac:dyDescent="0.25">
      <c r="A1647" s="1">
        <v>43624.458333333336</v>
      </c>
      <c r="B1647" s="2">
        <v>21.31</v>
      </c>
      <c r="C1647">
        <v>6.6955850000000003</v>
      </c>
      <c r="D1647">
        <f t="shared" si="50"/>
        <v>6.6955850000000004E-3</v>
      </c>
      <c r="E1647" s="6">
        <f t="shared" si="51"/>
        <v>0.14268291634999999</v>
      </c>
    </row>
    <row r="1648" spans="1:5" x14ac:dyDescent="0.25">
      <c r="A1648" s="1">
        <v>43624.5</v>
      </c>
      <c r="B1648" s="2">
        <v>22.29</v>
      </c>
      <c r="C1648">
        <v>7.2695029999999994</v>
      </c>
      <c r="D1648">
        <f t="shared" si="50"/>
        <v>7.2695029999999992E-3</v>
      </c>
      <c r="E1648" s="6">
        <f t="shared" si="51"/>
        <v>0.16203722186999997</v>
      </c>
    </row>
    <row r="1649" spans="1:5" x14ac:dyDescent="0.25">
      <c r="A1649" s="1">
        <v>43624.541666666664</v>
      </c>
      <c r="B1649" s="2">
        <v>22.73</v>
      </c>
      <c r="C1649">
        <v>7.4335849999999999</v>
      </c>
      <c r="D1649">
        <f t="shared" si="50"/>
        <v>7.4335849999999995E-3</v>
      </c>
      <c r="E1649" s="6">
        <f t="shared" si="51"/>
        <v>0.16896538705</v>
      </c>
    </row>
    <row r="1650" spans="1:5" x14ac:dyDescent="0.25">
      <c r="A1650" s="1">
        <v>43624.583333333336</v>
      </c>
      <c r="B1650" s="2">
        <v>23.73</v>
      </c>
      <c r="C1650">
        <v>7.1862690000000002</v>
      </c>
      <c r="D1650">
        <f t="shared" si="50"/>
        <v>7.1862690000000003E-3</v>
      </c>
      <c r="E1650" s="6">
        <f t="shared" si="51"/>
        <v>0.17053016337000002</v>
      </c>
    </row>
    <row r="1651" spans="1:5" x14ac:dyDescent="0.25">
      <c r="A1651" s="1">
        <v>43624.625</v>
      </c>
      <c r="B1651" s="2">
        <v>24.6</v>
      </c>
      <c r="C1651">
        <v>6.5927389999999999</v>
      </c>
      <c r="D1651">
        <f t="shared" si="50"/>
        <v>6.5927390000000002E-3</v>
      </c>
      <c r="E1651" s="6">
        <f t="shared" si="51"/>
        <v>0.16218137940000002</v>
      </c>
    </row>
    <row r="1652" spans="1:5" x14ac:dyDescent="0.25">
      <c r="A1652" s="1">
        <v>43624.666666666664</v>
      </c>
      <c r="B1652" s="2">
        <v>25.31</v>
      </c>
      <c r="C1652">
        <v>5.5899579999999993</v>
      </c>
      <c r="D1652">
        <f t="shared" si="50"/>
        <v>5.589957999999999E-3</v>
      </c>
      <c r="E1652" s="6">
        <f t="shared" si="51"/>
        <v>0.14148183697999997</v>
      </c>
    </row>
    <row r="1653" spans="1:5" x14ac:dyDescent="0.25">
      <c r="A1653" s="1">
        <v>43624.708333333336</v>
      </c>
      <c r="B1653" s="2">
        <v>25.36</v>
      </c>
      <c r="C1653">
        <v>3.559015</v>
      </c>
      <c r="D1653">
        <f t="shared" si="50"/>
        <v>3.559015E-3</v>
      </c>
      <c r="E1653" s="6">
        <f t="shared" si="51"/>
        <v>9.0256620400000001E-2</v>
      </c>
    </row>
    <row r="1654" spans="1:5" x14ac:dyDescent="0.25">
      <c r="A1654" s="1">
        <v>43624.75</v>
      </c>
      <c r="B1654" s="2">
        <v>23.32</v>
      </c>
      <c r="C1654">
        <v>1.8669480000000001</v>
      </c>
      <c r="D1654">
        <f t="shared" si="50"/>
        <v>1.866948E-3</v>
      </c>
      <c r="E1654" s="6">
        <f t="shared" si="51"/>
        <v>4.353722736E-2</v>
      </c>
    </row>
    <row r="1655" spans="1:5" x14ac:dyDescent="0.25">
      <c r="A1655" s="1">
        <v>43624.791666666664</v>
      </c>
      <c r="B1655" s="2">
        <v>21.93</v>
      </c>
      <c r="C1655">
        <v>0.70527800000000007</v>
      </c>
      <c r="D1655">
        <f t="shared" si="50"/>
        <v>7.0527800000000005E-4</v>
      </c>
      <c r="E1655" s="6">
        <f t="shared" si="51"/>
        <v>1.5466746540000001E-2</v>
      </c>
    </row>
    <row r="1656" spans="1:5" x14ac:dyDescent="0.25">
      <c r="A1656" s="1">
        <v>43624.833333333336</v>
      </c>
      <c r="B1656" s="2">
        <v>21.16</v>
      </c>
      <c r="C1656">
        <v>0.14593700000000001</v>
      </c>
      <c r="D1656">
        <f t="shared" si="50"/>
        <v>1.4593700000000001E-4</v>
      </c>
      <c r="E1656" s="6">
        <f t="shared" si="51"/>
        <v>3.08802692E-3</v>
      </c>
    </row>
    <row r="1657" spans="1:5" x14ac:dyDescent="0.25">
      <c r="A1657" s="1">
        <v>43624.875</v>
      </c>
      <c r="B1657" s="2">
        <v>21.11</v>
      </c>
      <c r="C1657">
        <v>0</v>
      </c>
      <c r="D1657">
        <f t="shared" si="50"/>
        <v>0</v>
      </c>
      <c r="E1657" s="6">
        <f t="shared" si="51"/>
        <v>0</v>
      </c>
    </row>
    <row r="1658" spans="1:5" x14ac:dyDescent="0.25">
      <c r="A1658" s="1">
        <v>43624.916666666664</v>
      </c>
      <c r="B1658" s="2">
        <v>20.13</v>
      </c>
      <c r="C1658">
        <v>0</v>
      </c>
      <c r="D1658">
        <f t="shared" si="50"/>
        <v>0</v>
      </c>
      <c r="E1658" s="6">
        <f t="shared" si="51"/>
        <v>0</v>
      </c>
    </row>
    <row r="1659" spans="1:5" x14ac:dyDescent="0.25">
      <c r="A1659" s="1">
        <v>43624.958333333336</v>
      </c>
      <c r="B1659" s="2">
        <v>18.52</v>
      </c>
      <c r="C1659">
        <v>0</v>
      </c>
      <c r="D1659">
        <f t="shared" si="50"/>
        <v>0</v>
      </c>
      <c r="E1659" s="6">
        <f t="shared" si="51"/>
        <v>0</v>
      </c>
    </row>
    <row r="1660" spans="1:5" x14ac:dyDescent="0.25">
      <c r="A1660" s="1">
        <v>43625</v>
      </c>
      <c r="B1660" s="2">
        <v>15.49</v>
      </c>
      <c r="C1660">
        <v>0</v>
      </c>
      <c r="D1660">
        <f t="shared" si="50"/>
        <v>0</v>
      </c>
      <c r="E1660" s="6">
        <f t="shared" si="51"/>
        <v>0</v>
      </c>
    </row>
    <row r="1661" spans="1:5" x14ac:dyDescent="0.25">
      <c r="A1661" s="1">
        <v>43625.041666666664</v>
      </c>
      <c r="B1661" s="2">
        <v>15.37</v>
      </c>
      <c r="C1661">
        <v>0</v>
      </c>
      <c r="D1661">
        <f t="shared" si="50"/>
        <v>0</v>
      </c>
      <c r="E1661" s="6">
        <f t="shared" si="51"/>
        <v>0</v>
      </c>
    </row>
    <row r="1662" spans="1:5" x14ac:dyDescent="0.25">
      <c r="A1662" s="1">
        <v>43625.083333333336</v>
      </c>
      <c r="B1662" s="2">
        <v>15.16</v>
      </c>
      <c r="C1662">
        <v>0</v>
      </c>
      <c r="D1662">
        <f t="shared" si="50"/>
        <v>0</v>
      </c>
      <c r="E1662" s="6">
        <f t="shared" si="51"/>
        <v>0</v>
      </c>
    </row>
    <row r="1663" spans="1:5" x14ac:dyDescent="0.25">
      <c r="A1663" s="1">
        <v>43625.125</v>
      </c>
      <c r="B1663" s="2">
        <v>14.66</v>
      </c>
      <c r="C1663">
        <v>0</v>
      </c>
      <c r="D1663">
        <f t="shared" si="50"/>
        <v>0</v>
      </c>
      <c r="E1663" s="6">
        <f t="shared" si="51"/>
        <v>0</v>
      </c>
    </row>
    <row r="1664" spans="1:5" x14ac:dyDescent="0.25">
      <c r="A1664" s="1">
        <v>43625.166666666664</v>
      </c>
      <c r="B1664" s="2">
        <v>14.52</v>
      </c>
      <c r="C1664">
        <v>0</v>
      </c>
      <c r="D1664">
        <f t="shared" si="50"/>
        <v>0</v>
      </c>
      <c r="E1664" s="6">
        <f t="shared" si="51"/>
        <v>0</v>
      </c>
    </row>
    <row r="1665" spans="1:5" x14ac:dyDescent="0.25">
      <c r="A1665" s="1">
        <v>43625.208333333336</v>
      </c>
      <c r="B1665" s="2">
        <v>13.36</v>
      </c>
      <c r="C1665">
        <v>0</v>
      </c>
      <c r="D1665">
        <f t="shared" si="50"/>
        <v>0</v>
      </c>
      <c r="E1665" s="6">
        <f t="shared" si="51"/>
        <v>0</v>
      </c>
    </row>
    <row r="1666" spans="1:5" x14ac:dyDescent="0.25">
      <c r="A1666" s="1">
        <v>43625.25</v>
      </c>
      <c r="B1666" s="2">
        <v>12.58</v>
      </c>
      <c r="C1666">
        <v>6.3101999999999991E-2</v>
      </c>
      <c r="D1666">
        <f t="shared" si="50"/>
        <v>6.3101999999999993E-5</v>
      </c>
      <c r="E1666" s="6">
        <f t="shared" si="51"/>
        <v>7.9382315999999994E-4</v>
      </c>
    </row>
    <row r="1667" spans="1:5" x14ac:dyDescent="0.25">
      <c r="A1667" s="1">
        <v>43625.291666666664</v>
      </c>
      <c r="B1667" s="2">
        <v>14.74</v>
      </c>
      <c r="C1667">
        <v>0.71790300000000007</v>
      </c>
      <c r="D1667">
        <f t="shared" si="50"/>
        <v>7.179030000000001E-4</v>
      </c>
      <c r="E1667" s="6">
        <f t="shared" si="51"/>
        <v>1.0581890220000001E-2</v>
      </c>
    </row>
    <row r="1668" spans="1:5" x14ac:dyDescent="0.25">
      <c r="A1668" s="1">
        <v>43625.333333333336</v>
      </c>
      <c r="B1668" s="2">
        <v>15.78</v>
      </c>
      <c r="C1668">
        <v>2.3851460000000002</v>
      </c>
      <c r="D1668">
        <f t="shared" si="50"/>
        <v>2.3851460000000003E-3</v>
      </c>
      <c r="E1668" s="6">
        <f t="shared" si="51"/>
        <v>3.7637603880000002E-2</v>
      </c>
    </row>
    <row r="1669" spans="1:5" x14ac:dyDescent="0.25">
      <c r="A1669" s="1">
        <v>43625.375</v>
      </c>
      <c r="B1669" s="2">
        <v>18.13</v>
      </c>
      <c r="C1669">
        <v>4.160399</v>
      </c>
      <c r="D1669">
        <f t="shared" si="50"/>
        <v>4.1603990000000004E-3</v>
      </c>
      <c r="E1669" s="6">
        <f t="shared" si="51"/>
        <v>7.5428033870000008E-2</v>
      </c>
    </row>
    <row r="1670" spans="1:5" x14ac:dyDescent="0.25">
      <c r="A1670" s="1">
        <v>43625.416666666664</v>
      </c>
      <c r="B1670" s="2">
        <v>18.93</v>
      </c>
      <c r="C1670">
        <v>5.5459260000000006</v>
      </c>
      <c r="D1670">
        <f t="shared" ref="D1670:D1733" si="52">C1670/1000</f>
        <v>5.5459260000000005E-3</v>
      </c>
      <c r="E1670" s="6">
        <f t="shared" ref="E1670:E1733" si="53">D1670*B1670</f>
        <v>0.10498437918</v>
      </c>
    </row>
    <row r="1671" spans="1:5" x14ac:dyDescent="0.25">
      <c r="A1671" s="1">
        <v>43625.458333333336</v>
      </c>
      <c r="B1671" s="2">
        <v>20.07</v>
      </c>
      <c r="C1671">
        <v>6.5181209999999998</v>
      </c>
      <c r="D1671">
        <f t="shared" si="52"/>
        <v>6.518121E-3</v>
      </c>
      <c r="E1671" s="6">
        <f t="shared" si="53"/>
        <v>0.13081868847</v>
      </c>
    </row>
    <row r="1672" spans="1:5" x14ac:dyDescent="0.25">
      <c r="A1672" s="1">
        <v>43625.5</v>
      </c>
      <c r="B1672" s="2">
        <v>20.72</v>
      </c>
      <c r="C1672">
        <v>7.0518100000000006</v>
      </c>
      <c r="D1672">
        <f t="shared" si="52"/>
        <v>7.0518100000000004E-3</v>
      </c>
      <c r="E1672" s="6">
        <f t="shared" si="53"/>
        <v>0.14611350319999999</v>
      </c>
    </row>
    <row r="1673" spans="1:5" x14ac:dyDescent="0.25">
      <c r="A1673" s="1">
        <v>43625.541666666664</v>
      </c>
      <c r="B1673" s="2">
        <v>21.17</v>
      </c>
      <c r="C1673">
        <v>7.2141390000000003</v>
      </c>
      <c r="D1673">
        <f t="shared" si="52"/>
        <v>7.2141390000000005E-3</v>
      </c>
      <c r="E1673" s="6">
        <f t="shared" si="53"/>
        <v>0.15272332263000002</v>
      </c>
    </row>
    <row r="1674" spans="1:5" x14ac:dyDescent="0.25">
      <c r="A1674" s="1">
        <v>43625.583333333336</v>
      </c>
      <c r="B1674" s="2">
        <v>21.62</v>
      </c>
      <c r="C1674">
        <v>7.0074579999999997</v>
      </c>
      <c r="D1674">
        <f t="shared" si="52"/>
        <v>7.0074579999999994E-3</v>
      </c>
      <c r="E1674" s="6">
        <f t="shared" si="53"/>
        <v>0.15150124196</v>
      </c>
    </row>
    <row r="1675" spans="1:5" x14ac:dyDescent="0.25">
      <c r="A1675" s="1">
        <v>43625.625</v>
      </c>
      <c r="B1675" s="2">
        <v>21.74</v>
      </c>
      <c r="C1675">
        <v>6.4177770000000001</v>
      </c>
      <c r="D1675">
        <f t="shared" si="52"/>
        <v>6.4177770000000004E-3</v>
      </c>
      <c r="E1675" s="6">
        <f t="shared" si="53"/>
        <v>0.13952247198000001</v>
      </c>
    </row>
    <row r="1676" spans="1:5" x14ac:dyDescent="0.25">
      <c r="A1676" s="1">
        <v>43625.666666666664</v>
      </c>
      <c r="B1676" s="2">
        <v>23.04</v>
      </c>
      <c r="C1676">
        <v>5.4177420000000005</v>
      </c>
      <c r="D1676">
        <f t="shared" si="52"/>
        <v>5.4177420000000006E-3</v>
      </c>
      <c r="E1676" s="6">
        <f t="shared" si="53"/>
        <v>0.12482477568000001</v>
      </c>
    </row>
    <row r="1677" spans="1:5" x14ac:dyDescent="0.25">
      <c r="A1677" s="1">
        <v>43625.708333333336</v>
      </c>
      <c r="B1677" s="2">
        <v>22.62</v>
      </c>
      <c r="C1677">
        <v>4.0415669999999997</v>
      </c>
      <c r="D1677">
        <f t="shared" si="52"/>
        <v>4.0415669999999994E-3</v>
      </c>
      <c r="E1677" s="6">
        <f t="shared" si="53"/>
        <v>9.1420245539999986E-2</v>
      </c>
    </row>
    <row r="1678" spans="1:5" x14ac:dyDescent="0.25">
      <c r="A1678" s="1">
        <v>43625.75</v>
      </c>
      <c r="B1678" s="2">
        <v>22.56</v>
      </c>
      <c r="C1678">
        <v>2.3721540000000001</v>
      </c>
      <c r="D1678">
        <f t="shared" si="52"/>
        <v>2.372154E-3</v>
      </c>
      <c r="E1678" s="6">
        <f t="shared" si="53"/>
        <v>5.3515794239999998E-2</v>
      </c>
    </row>
    <row r="1679" spans="1:5" x14ac:dyDescent="0.25">
      <c r="A1679" s="1">
        <v>43625.791666666664</v>
      </c>
      <c r="B1679" s="2">
        <v>21.93</v>
      </c>
      <c r="C1679">
        <v>0.78221699999999994</v>
      </c>
      <c r="D1679">
        <f t="shared" si="52"/>
        <v>7.8221699999999998E-4</v>
      </c>
      <c r="E1679" s="6">
        <f t="shared" si="53"/>
        <v>1.7154018809999998E-2</v>
      </c>
    </row>
    <row r="1680" spans="1:5" x14ac:dyDescent="0.25">
      <c r="A1680" s="1">
        <v>43625.833333333336</v>
      </c>
      <c r="B1680" s="2">
        <v>21.53</v>
      </c>
      <c r="C1680">
        <v>8.7134000000000003E-2</v>
      </c>
      <c r="D1680">
        <f t="shared" si="52"/>
        <v>8.713400000000001E-5</v>
      </c>
      <c r="E1680" s="6">
        <f t="shared" si="53"/>
        <v>1.8759950200000002E-3</v>
      </c>
    </row>
    <row r="1681" spans="1:5" x14ac:dyDescent="0.25">
      <c r="A1681" s="1">
        <v>43625.875</v>
      </c>
      <c r="B1681" s="2">
        <v>21.1</v>
      </c>
      <c r="C1681">
        <v>0</v>
      </c>
      <c r="D1681">
        <f t="shared" si="52"/>
        <v>0</v>
      </c>
      <c r="E1681" s="6">
        <f t="shared" si="53"/>
        <v>0</v>
      </c>
    </row>
    <row r="1682" spans="1:5" x14ac:dyDescent="0.25">
      <c r="A1682" s="1">
        <v>43625.916666666664</v>
      </c>
      <c r="B1682" s="2">
        <v>20.350000000000001</v>
      </c>
      <c r="C1682">
        <v>0</v>
      </c>
      <c r="D1682">
        <f t="shared" si="52"/>
        <v>0</v>
      </c>
      <c r="E1682" s="6">
        <f t="shared" si="53"/>
        <v>0</v>
      </c>
    </row>
    <row r="1683" spans="1:5" x14ac:dyDescent="0.25">
      <c r="A1683" s="1">
        <v>43625.958333333336</v>
      </c>
      <c r="B1683" s="2">
        <v>19.100000000000001</v>
      </c>
      <c r="C1683">
        <v>0</v>
      </c>
      <c r="D1683">
        <f t="shared" si="52"/>
        <v>0</v>
      </c>
      <c r="E1683" s="6">
        <f t="shared" si="53"/>
        <v>0</v>
      </c>
    </row>
    <row r="1684" spans="1:5" x14ac:dyDescent="0.25">
      <c r="A1684" s="1">
        <v>43626</v>
      </c>
      <c r="B1684" s="2">
        <v>18.190000000000001</v>
      </c>
      <c r="C1684">
        <v>0</v>
      </c>
      <c r="D1684">
        <f t="shared" si="52"/>
        <v>0</v>
      </c>
      <c r="E1684" s="6">
        <f t="shared" si="53"/>
        <v>0</v>
      </c>
    </row>
    <row r="1685" spans="1:5" x14ac:dyDescent="0.25">
      <c r="A1685" s="1">
        <v>43626.041666666664</v>
      </c>
      <c r="B1685" s="2">
        <v>16.16</v>
      </c>
      <c r="C1685">
        <v>0</v>
      </c>
      <c r="D1685">
        <f t="shared" si="52"/>
        <v>0</v>
      </c>
      <c r="E1685" s="6">
        <f t="shared" si="53"/>
        <v>0</v>
      </c>
    </row>
    <row r="1686" spans="1:5" x14ac:dyDescent="0.25">
      <c r="A1686" s="1">
        <v>43626.083333333336</v>
      </c>
      <c r="B1686" s="2">
        <v>15.61</v>
      </c>
      <c r="C1686">
        <v>0</v>
      </c>
      <c r="D1686">
        <f t="shared" si="52"/>
        <v>0</v>
      </c>
      <c r="E1686" s="6">
        <f t="shared" si="53"/>
        <v>0</v>
      </c>
    </row>
    <row r="1687" spans="1:5" x14ac:dyDescent="0.25">
      <c r="A1687" s="1">
        <v>43626.125</v>
      </c>
      <c r="B1687" s="2">
        <v>15.4</v>
      </c>
      <c r="C1687">
        <v>0</v>
      </c>
      <c r="D1687">
        <f t="shared" si="52"/>
        <v>0</v>
      </c>
      <c r="E1687" s="6">
        <f t="shared" si="53"/>
        <v>0</v>
      </c>
    </row>
    <row r="1688" spans="1:5" x14ac:dyDescent="0.25">
      <c r="A1688" s="1">
        <v>43626.166666666664</v>
      </c>
      <c r="B1688" s="2">
        <v>15.31</v>
      </c>
      <c r="C1688">
        <v>0</v>
      </c>
      <c r="D1688">
        <f t="shared" si="52"/>
        <v>0</v>
      </c>
      <c r="E1688" s="6">
        <f t="shared" si="53"/>
        <v>0</v>
      </c>
    </row>
    <row r="1689" spans="1:5" x14ac:dyDescent="0.25">
      <c r="A1689" s="1">
        <v>43626.208333333336</v>
      </c>
      <c r="B1689" s="2">
        <v>17.63</v>
      </c>
      <c r="C1689">
        <v>0</v>
      </c>
      <c r="D1689">
        <f t="shared" si="52"/>
        <v>0</v>
      </c>
      <c r="E1689" s="6">
        <f t="shared" si="53"/>
        <v>0</v>
      </c>
    </row>
    <row r="1690" spans="1:5" x14ac:dyDescent="0.25">
      <c r="A1690" s="1">
        <v>43626.25</v>
      </c>
      <c r="B1690" s="2">
        <v>19.489999999999998</v>
      </c>
      <c r="C1690">
        <v>7.4831999999999996E-2</v>
      </c>
      <c r="D1690">
        <f t="shared" si="52"/>
        <v>7.4831999999999991E-5</v>
      </c>
      <c r="E1690" s="6">
        <f t="shared" si="53"/>
        <v>1.4584756799999998E-3</v>
      </c>
    </row>
    <row r="1691" spans="1:5" x14ac:dyDescent="0.25">
      <c r="A1691" s="1">
        <v>43626.291666666664</v>
      </c>
      <c r="B1691" s="2">
        <v>20.190000000000001</v>
      </c>
      <c r="C1691">
        <v>0.74935299999999994</v>
      </c>
      <c r="D1691">
        <f t="shared" si="52"/>
        <v>7.4935299999999991E-4</v>
      </c>
      <c r="E1691" s="6">
        <f t="shared" si="53"/>
        <v>1.512943707E-2</v>
      </c>
    </row>
    <row r="1692" spans="1:5" x14ac:dyDescent="0.25">
      <c r="A1692" s="1">
        <v>43626.333333333336</v>
      </c>
      <c r="B1692" s="2">
        <v>21.34</v>
      </c>
      <c r="C1692">
        <v>2.3252089999999996</v>
      </c>
      <c r="D1692">
        <f t="shared" si="52"/>
        <v>2.3252089999999995E-3</v>
      </c>
      <c r="E1692" s="6">
        <f t="shared" si="53"/>
        <v>4.9619960059999989E-2</v>
      </c>
    </row>
    <row r="1693" spans="1:5" x14ac:dyDescent="0.25">
      <c r="A1693" s="1">
        <v>43626.375</v>
      </c>
      <c r="B1693" s="2">
        <v>22.98</v>
      </c>
      <c r="C1693">
        <v>3.9679850000000001</v>
      </c>
      <c r="D1693">
        <f t="shared" si="52"/>
        <v>3.9679850000000003E-3</v>
      </c>
      <c r="E1693" s="6">
        <f t="shared" si="53"/>
        <v>9.1184295300000009E-2</v>
      </c>
    </row>
    <row r="1694" spans="1:5" x14ac:dyDescent="0.25">
      <c r="A1694" s="1">
        <v>43626.416666666664</v>
      </c>
      <c r="B1694" s="2">
        <v>25.64</v>
      </c>
      <c r="C1694">
        <v>5.3132419999999998</v>
      </c>
      <c r="D1694">
        <f t="shared" si="52"/>
        <v>5.3132420000000001E-3</v>
      </c>
      <c r="E1694" s="6">
        <f t="shared" si="53"/>
        <v>0.13623152488000001</v>
      </c>
    </row>
    <row r="1695" spans="1:5" x14ac:dyDescent="0.25">
      <c r="A1695" s="1">
        <v>43626.458333333336</v>
      </c>
      <c r="B1695" s="2">
        <v>25.97</v>
      </c>
      <c r="C1695">
        <v>6.2572569999999992</v>
      </c>
      <c r="D1695">
        <f t="shared" si="52"/>
        <v>6.2572569999999996E-3</v>
      </c>
      <c r="E1695" s="6">
        <f t="shared" si="53"/>
        <v>0.16250096428999999</v>
      </c>
    </row>
    <row r="1696" spans="1:5" x14ac:dyDescent="0.25">
      <c r="A1696" s="1">
        <v>43626.5</v>
      </c>
      <c r="B1696" s="2">
        <v>28.47</v>
      </c>
      <c r="C1696">
        <v>6.8133090000000003</v>
      </c>
      <c r="D1696">
        <f t="shared" si="52"/>
        <v>6.813309E-3</v>
      </c>
      <c r="E1696" s="6">
        <f t="shared" si="53"/>
        <v>0.19397490722999999</v>
      </c>
    </row>
    <row r="1697" spans="1:5" x14ac:dyDescent="0.25">
      <c r="A1697" s="1">
        <v>43626.541666666664</v>
      </c>
      <c r="B1697" s="2">
        <v>29.61</v>
      </c>
      <c r="C1697">
        <v>4.4030739999999993</v>
      </c>
      <c r="D1697">
        <f t="shared" si="52"/>
        <v>4.403073999999999E-3</v>
      </c>
      <c r="E1697" s="6">
        <f t="shared" si="53"/>
        <v>0.13037502113999996</v>
      </c>
    </row>
    <row r="1698" spans="1:5" x14ac:dyDescent="0.25">
      <c r="A1698" s="1">
        <v>43626.583333333336</v>
      </c>
      <c r="B1698" s="2">
        <v>29.68</v>
      </c>
      <c r="C1698">
        <v>4.0134179999999997</v>
      </c>
      <c r="D1698">
        <f t="shared" si="52"/>
        <v>4.0134179999999995E-3</v>
      </c>
      <c r="E1698" s="6">
        <f t="shared" si="53"/>
        <v>0.11911824623999999</v>
      </c>
    </row>
    <row r="1699" spans="1:5" x14ac:dyDescent="0.25">
      <c r="A1699" s="1">
        <v>43626.625</v>
      </c>
      <c r="B1699" s="2">
        <v>30.84</v>
      </c>
      <c r="C1699">
        <v>5.2591840000000003</v>
      </c>
      <c r="D1699">
        <f t="shared" si="52"/>
        <v>5.2591840000000001E-3</v>
      </c>
      <c r="E1699" s="6">
        <f t="shared" si="53"/>
        <v>0.16219323456000001</v>
      </c>
    </row>
    <row r="1700" spans="1:5" x14ac:dyDescent="0.25">
      <c r="A1700" s="1">
        <v>43626.666666666664</v>
      </c>
      <c r="B1700" s="2">
        <v>30.67</v>
      </c>
      <c r="C1700">
        <v>4.9289560000000003</v>
      </c>
      <c r="D1700">
        <f t="shared" si="52"/>
        <v>4.928956E-3</v>
      </c>
      <c r="E1700" s="6">
        <f t="shared" si="53"/>
        <v>0.15117108052</v>
      </c>
    </row>
    <row r="1701" spans="1:5" x14ac:dyDescent="0.25">
      <c r="A1701" s="1">
        <v>43626.708333333336</v>
      </c>
      <c r="B1701" s="2">
        <v>31.13</v>
      </c>
      <c r="C1701">
        <v>3.8878270000000001</v>
      </c>
      <c r="D1701">
        <f t="shared" si="52"/>
        <v>3.8878269999999999E-3</v>
      </c>
      <c r="E1701" s="6">
        <f t="shared" si="53"/>
        <v>0.12102805451</v>
      </c>
    </row>
    <row r="1702" spans="1:5" x14ac:dyDescent="0.25">
      <c r="A1702" s="1">
        <v>43626.75</v>
      </c>
      <c r="B1702" s="2">
        <v>30.12</v>
      </c>
      <c r="C1702">
        <v>2.3175400000000002</v>
      </c>
      <c r="D1702">
        <f t="shared" si="52"/>
        <v>2.3175400000000003E-3</v>
      </c>
      <c r="E1702" s="6">
        <f t="shared" si="53"/>
        <v>6.9804304800000008E-2</v>
      </c>
    </row>
    <row r="1703" spans="1:5" x14ac:dyDescent="0.25">
      <c r="A1703" s="1">
        <v>43626.791666666664</v>
      </c>
      <c r="B1703" s="2">
        <v>26.85</v>
      </c>
      <c r="C1703">
        <v>0.86584400000000006</v>
      </c>
      <c r="D1703">
        <f t="shared" si="52"/>
        <v>8.6584400000000005E-4</v>
      </c>
      <c r="E1703" s="6">
        <f t="shared" si="53"/>
        <v>2.3247911400000001E-2</v>
      </c>
    </row>
    <row r="1704" spans="1:5" x14ac:dyDescent="0.25">
      <c r="A1704" s="1">
        <v>43626.833333333336</v>
      </c>
      <c r="B1704" s="2">
        <v>26.82</v>
      </c>
      <c r="C1704">
        <v>7.9665E-2</v>
      </c>
      <c r="D1704">
        <f t="shared" si="52"/>
        <v>7.9665000000000004E-5</v>
      </c>
      <c r="E1704" s="6">
        <f t="shared" si="53"/>
        <v>2.1366153000000002E-3</v>
      </c>
    </row>
    <row r="1705" spans="1:5" x14ac:dyDescent="0.25">
      <c r="A1705" s="1">
        <v>43626.875</v>
      </c>
      <c r="B1705" s="2">
        <v>25.31</v>
      </c>
      <c r="C1705">
        <v>0</v>
      </c>
      <c r="D1705">
        <f t="shared" si="52"/>
        <v>0</v>
      </c>
      <c r="E1705" s="6">
        <f t="shared" si="53"/>
        <v>0</v>
      </c>
    </row>
    <row r="1706" spans="1:5" x14ac:dyDescent="0.25">
      <c r="A1706" s="1">
        <v>43626.916666666664</v>
      </c>
      <c r="B1706" s="2">
        <v>21.5</v>
      </c>
      <c r="C1706">
        <v>0</v>
      </c>
      <c r="D1706">
        <f t="shared" si="52"/>
        <v>0</v>
      </c>
      <c r="E1706" s="6">
        <f t="shared" si="53"/>
        <v>0</v>
      </c>
    </row>
    <row r="1707" spans="1:5" x14ac:dyDescent="0.25">
      <c r="A1707" s="1">
        <v>43626.958333333336</v>
      </c>
      <c r="B1707" s="2">
        <v>20.38</v>
      </c>
      <c r="C1707">
        <v>0</v>
      </c>
      <c r="D1707">
        <f t="shared" si="52"/>
        <v>0</v>
      </c>
      <c r="E1707" s="6">
        <f t="shared" si="53"/>
        <v>0</v>
      </c>
    </row>
    <row r="1708" spans="1:5" x14ac:dyDescent="0.25">
      <c r="A1708" s="1">
        <v>43627</v>
      </c>
      <c r="B1708" s="2">
        <v>18.05</v>
      </c>
      <c r="C1708">
        <v>0</v>
      </c>
      <c r="D1708">
        <f t="shared" si="52"/>
        <v>0</v>
      </c>
      <c r="E1708" s="6">
        <f t="shared" si="53"/>
        <v>0</v>
      </c>
    </row>
    <row r="1709" spans="1:5" x14ac:dyDescent="0.25">
      <c r="A1709" s="1">
        <v>43627.041666666664</v>
      </c>
      <c r="B1709" s="2">
        <v>16.53</v>
      </c>
      <c r="C1709">
        <v>0</v>
      </c>
      <c r="D1709">
        <f t="shared" si="52"/>
        <v>0</v>
      </c>
      <c r="E1709" s="6">
        <f t="shared" si="53"/>
        <v>0</v>
      </c>
    </row>
    <row r="1710" spans="1:5" x14ac:dyDescent="0.25">
      <c r="A1710" s="1">
        <v>43627.083333333336</v>
      </c>
      <c r="B1710" s="2">
        <v>15.67</v>
      </c>
      <c r="C1710">
        <v>0</v>
      </c>
      <c r="D1710">
        <f t="shared" si="52"/>
        <v>0</v>
      </c>
      <c r="E1710" s="6">
        <f t="shared" si="53"/>
        <v>0</v>
      </c>
    </row>
    <row r="1711" spans="1:5" x14ac:dyDescent="0.25">
      <c r="A1711" s="1">
        <v>43627.125</v>
      </c>
      <c r="B1711" s="2">
        <v>15.25</v>
      </c>
      <c r="C1711">
        <v>0</v>
      </c>
      <c r="D1711">
        <f t="shared" si="52"/>
        <v>0</v>
      </c>
      <c r="E1711" s="6">
        <f t="shared" si="53"/>
        <v>0</v>
      </c>
    </row>
    <row r="1712" spans="1:5" x14ac:dyDescent="0.25">
      <c r="A1712" s="1">
        <v>43627.166666666664</v>
      </c>
      <c r="B1712" s="2">
        <v>15.49</v>
      </c>
      <c r="C1712">
        <v>0</v>
      </c>
      <c r="D1712">
        <f t="shared" si="52"/>
        <v>0</v>
      </c>
      <c r="E1712" s="6">
        <f t="shared" si="53"/>
        <v>0</v>
      </c>
    </row>
    <row r="1713" spans="1:5" x14ac:dyDescent="0.25">
      <c r="A1713" s="1">
        <v>43627.208333333336</v>
      </c>
      <c r="B1713" s="2">
        <v>16.05</v>
      </c>
      <c r="C1713">
        <v>0</v>
      </c>
      <c r="D1713">
        <f t="shared" si="52"/>
        <v>0</v>
      </c>
      <c r="E1713" s="6">
        <f t="shared" si="53"/>
        <v>0</v>
      </c>
    </row>
    <row r="1714" spans="1:5" x14ac:dyDescent="0.25">
      <c r="A1714" s="1">
        <v>43627.25</v>
      </c>
      <c r="B1714" s="2">
        <v>18.079999999999998</v>
      </c>
      <c r="C1714">
        <v>4.2334999999999998E-2</v>
      </c>
      <c r="D1714">
        <f t="shared" si="52"/>
        <v>4.2335E-5</v>
      </c>
      <c r="E1714" s="6">
        <f t="shared" si="53"/>
        <v>7.6541679999999994E-4</v>
      </c>
    </row>
    <row r="1715" spans="1:5" x14ac:dyDescent="0.25">
      <c r="A1715" s="1">
        <v>43627.291666666664</v>
      </c>
      <c r="B1715" s="2">
        <v>19.2</v>
      </c>
      <c r="C1715">
        <v>0.838117</v>
      </c>
      <c r="D1715">
        <f t="shared" si="52"/>
        <v>8.3811699999999999E-4</v>
      </c>
      <c r="E1715" s="6">
        <f t="shared" si="53"/>
        <v>1.6091846399999998E-2</v>
      </c>
    </row>
    <row r="1716" spans="1:5" x14ac:dyDescent="0.25">
      <c r="A1716" s="1">
        <v>43627.333333333336</v>
      </c>
      <c r="B1716" s="2">
        <v>19.899999999999999</v>
      </c>
      <c r="C1716">
        <v>2.3022930000000001</v>
      </c>
      <c r="D1716">
        <f t="shared" si="52"/>
        <v>2.302293E-3</v>
      </c>
      <c r="E1716" s="6">
        <f t="shared" si="53"/>
        <v>4.5815630699999998E-2</v>
      </c>
    </row>
    <row r="1717" spans="1:5" x14ac:dyDescent="0.25">
      <c r="A1717" s="1">
        <v>43627.375</v>
      </c>
      <c r="B1717" s="2">
        <v>20.96</v>
      </c>
      <c r="C1717">
        <v>3.8699279999999998</v>
      </c>
      <c r="D1717">
        <f t="shared" si="52"/>
        <v>3.8699279999999999E-3</v>
      </c>
      <c r="E1717" s="6">
        <f t="shared" si="53"/>
        <v>8.1113690880000006E-2</v>
      </c>
    </row>
    <row r="1718" spans="1:5" x14ac:dyDescent="0.25">
      <c r="A1718" s="1">
        <v>43627.416666666664</v>
      </c>
      <c r="B1718" s="2">
        <v>22.47</v>
      </c>
      <c r="C1718">
        <v>4.7573400000000001</v>
      </c>
      <c r="D1718">
        <f t="shared" si="52"/>
        <v>4.7573400000000005E-3</v>
      </c>
      <c r="E1718" s="6">
        <f t="shared" si="53"/>
        <v>0.10689742980000001</v>
      </c>
    </row>
    <row r="1719" spans="1:5" x14ac:dyDescent="0.25">
      <c r="A1719" s="1">
        <v>43627.458333333336</v>
      </c>
      <c r="B1719" s="2">
        <v>23.38</v>
      </c>
      <c r="C1719">
        <v>6.1222160000000008</v>
      </c>
      <c r="D1719">
        <f t="shared" si="52"/>
        <v>6.1222160000000006E-3</v>
      </c>
      <c r="E1719" s="6">
        <f t="shared" si="53"/>
        <v>0.14313741008</v>
      </c>
    </row>
    <row r="1720" spans="1:5" x14ac:dyDescent="0.25">
      <c r="A1720" s="1">
        <v>43627.5</v>
      </c>
      <c r="B1720" s="2">
        <v>25.18</v>
      </c>
      <c r="C1720">
        <v>6.7096620000000007</v>
      </c>
      <c r="D1720">
        <f t="shared" si="52"/>
        <v>6.7096620000000008E-3</v>
      </c>
      <c r="E1720" s="6">
        <f t="shared" si="53"/>
        <v>0.16894928916000002</v>
      </c>
    </row>
    <row r="1721" spans="1:5" x14ac:dyDescent="0.25">
      <c r="A1721" s="1">
        <v>43627.541666666664</v>
      </c>
      <c r="B1721" s="2">
        <v>26.68</v>
      </c>
      <c r="C1721">
        <v>5.3642149999999997</v>
      </c>
      <c r="D1721">
        <f t="shared" si="52"/>
        <v>5.3642149999999994E-3</v>
      </c>
      <c r="E1721" s="6">
        <f t="shared" si="53"/>
        <v>0.14311725619999999</v>
      </c>
    </row>
    <row r="1722" spans="1:5" x14ac:dyDescent="0.25">
      <c r="A1722" s="1">
        <v>43627.583333333336</v>
      </c>
      <c r="B1722" s="2">
        <v>27.49</v>
      </c>
      <c r="C1722">
        <v>6.700933</v>
      </c>
      <c r="D1722">
        <f t="shared" si="52"/>
        <v>6.7009330000000001E-3</v>
      </c>
      <c r="E1722" s="6">
        <f t="shared" si="53"/>
        <v>0.18420864816999999</v>
      </c>
    </row>
    <row r="1723" spans="1:5" x14ac:dyDescent="0.25">
      <c r="A1723" s="1">
        <v>43627.625</v>
      </c>
      <c r="B1723" s="2">
        <v>28.14</v>
      </c>
      <c r="C1723">
        <v>5.4286459999999996</v>
      </c>
      <c r="D1723">
        <f t="shared" si="52"/>
        <v>5.4286459999999996E-3</v>
      </c>
      <c r="E1723" s="6">
        <f t="shared" si="53"/>
        <v>0.15276209843999999</v>
      </c>
    </row>
    <row r="1724" spans="1:5" x14ac:dyDescent="0.25">
      <c r="A1724" s="1">
        <v>43627.666666666664</v>
      </c>
      <c r="B1724" s="2">
        <v>28.92</v>
      </c>
      <c r="C1724">
        <v>5.1360270000000003</v>
      </c>
      <c r="D1724">
        <f t="shared" si="52"/>
        <v>5.1360270000000005E-3</v>
      </c>
      <c r="E1724" s="6">
        <f t="shared" si="53"/>
        <v>0.14853390084000001</v>
      </c>
    </row>
    <row r="1725" spans="1:5" x14ac:dyDescent="0.25">
      <c r="A1725" s="1">
        <v>43627.708333333336</v>
      </c>
      <c r="B1725" s="2">
        <v>29.42</v>
      </c>
      <c r="C1725">
        <v>3.83894</v>
      </c>
      <c r="D1725">
        <f t="shared" si="52"/>
        <v>3.8389399999999999E-3</v>
      </c>
      <c r="E1725" s="6">
        <f t="shared" si="53"/>
        <v>0.11294161480000001</v>
      </c>
    </row>
    <row r="1726" spans="1:5" x14ac:dyDescent="0.25">
      <c r="A1726" s="1">
        <v>43627.75</v>
      </c>
      <c r="B1726" s="2">
        <v>28.4</v>
      </c>
      <c r="C1726">
        <v>2.2990720000000002</v>
      </c>
      <c r="D1726">
        <f t="shared" si="52"/>
        <v>2.2990720000000001E-3</v>
      </c>
      <c r="E1726" s="6">
        <f t="shared" si="53"/>
        <v>6.5293644799999995E-2</v>
      </c>
    </row>
    <row r="1727" spans="1:5" x14ac:dyDescent="0.25">
      <c r="A1727" s="1">
        <v>43627.791666666664</v>
      </c>
      <c r="B1727" s="2">
        <v>25.12</v>
      </c>
      <c r="C1727">
        <v>0.89785099999999995</v>
      </c>
      <c r="D1727">
        <f t="shared" si="52"/>
        <v>8.9785099999999997E-4</v>
      </c>
      <c r="E1727" s="6">
        <f t="shared" si="53"/>
        <v>2.2554017119999999E-2</v>
      </c>
    </row>
    <row r="1728" spans="1:5" x14ac:dyDescent="0.25">
      <c r="A1728" s="1">
        <v>43627.833333333336</v>
      </c>
      <c r="B1728" s="2">
        <v>24.01</v>
      </c>
      <c r="C1728">
        <v>7.1301000000000003E-2</v>
      </c>
      <c r="D1728">
        <f t="shared" si="52"/>
        <v>7.1301000000000001E-5</v>
      </c>
      <c r="E1728" s="6">
        <f t="shared" si="53"/>
        <v>1.7119370100000001E-3</v>
      </c>
    </row>
    <row r="1729" spans="1:5" x14ac:dyDescent="0.25">
      <c r="A1729" s="1">
        <v>43627.875</v>
      </c>
      <c r="B1729" s="2">
        <v>23.05</v>
      </c>
      <c r="C1729">
        <v>0</v>
      </c>
      <c r="D1729">
        <f t="shared" si="52"/>
        <v>0</v>
      </c>
      <c r="E1729" s="6">
        <f t="shared" si="53"/>
        <v>0</v>
      </c>
    </row>
    <row r="1730" spans="1:5" x14ac:dyDescent="0.25">
      <c r="A1730" s="1">
        <v>43627.916666666664</v>
      </c>
      <c r="B1730" s="2">
        <v>20.92</v>
      </c>
      <c r="C1730">
        <v>0</v>
      </c>
      <c r="D1730">
        <f t="shared" si="52"/>
        <v>0</v>
      </c>
      <c r="E1730" s="6">
        <f t="shared" si="53"/>
        <v>0</v>
      </c>
    </row>
    <row r="1731" spans="1:5" x14ac:dyDescent="0.25">
      <c r="A1731" s="1">
        <v>43627.958333333336</v>
      </c>
      <c r="B1731" s="2">
        <v>18.940000000000001</v>
      </c>
      <c r="C1731">
        <v>0</v>
      </c>
      <c r="D1731">
        <f t="shared" si="52"/>
        <v>0</v>
      </c>
      <c r="E1731" s="6">
        <f t="shared" si="53"/>
        <v>0</v>
      </c>
    </row>
    <row r="1732" spans="1:5" x14ac:dyDescent="0.25">
      <c r="A1732" s="1">
        <v>43628</v>
      </c>
      <c r="B1732" s="2">
        <v>16.489999999999998</v>
      </c>
      <c r="C1732">
        <v>0</v>
      </c>
      <c r="D1732">
        <f t="shared" si="52"/>
        <v>0</v>
      </c>
      <c r="E1732" s="6">
        <f t="shared" si="53"/>
        <v>0</v>
      </c>
    </row>
    <row r="1733" spans="1:5" x14ac:dyDescent="0.25">
      <c r="A1733" s="1">
        <v>43628.041666666664</v>
      </c>
      <c r="B1733" s="2">
        <v>15.53</v>
      </c>
      <c r="C1733">
        <v>0</v>
      </c>
      <c r="D1733">
        <f t="shared" si="52"/>
        <v>0</v>
      </c>
      <c r="E1733" s="6">
        <f t="shared" si="53"/>
        <v>0</v>
      </c>
    </row>
    <row r="1734" spans="1:5" x14ac:dyDescent="0.25">
      <c r="A1734" s="1">
        <v>43628.083333333336</v>
      </c>
      <c r="B1734" s="2">
        <v>14.94</v>
      </c>
      <c r="C1734">
        <v>0</v>
      </c>
      <c r="D1734">
        <f t="shared" ref="D1734:D1797" si="54">C1734/1000</f>
        <v>0</v>
      </c>
      <c r="E1734" s="6">
        <f t="shared" ref="E1734:E1797" si="55">D1734*B1734</f>
        <v>0</v>
      </c>
    </row>
    <row r="1735" spans="1:5" x14ac:dyDescent="0.25">
      <c r="A1735" s="1">
        <v>43628.125</v>
      </c>
      <c r="B1735" s="2">
        <v>14.7</v>
      </c>
      <c r="C1735">
        <v>0</v>
      </c>
      <c r="D1735">
        <f t="shared" si="54"/>
        <v>0</v>
      </c>
      <c r="E1735" s="6">
        <f t="shared" si="55"/>
        <v>0</v>
      </c>
    </row>
    <row r="1736" spans="1:5" x14ac:dyDescent="0.25">
      <c r="A1736" s="1">
        <v>43628.166666666664</v>
      </c>
      <c r="B1736" s="2">
        <v>14.98</v>
      </c>
      <c r="C1736">
        <v>0</v>
      </c>
      <c r="D1736">
        <f t="shared" si="54"/>
        <v>0</v>
      </c>
      <c r="E1736" s="6">
        <f t="shared" si="55"/>
        <v>0</v>
      </c>
    </row>
    <row r="1737" spans="1:5" x14ac:dyDescent="0.25">
      <c r="A1737" s="1">
        <v>43628.208333333336</v>
      </c>
      <c r="B1737" s="2">
        <v>15.68</v>
      </c>
      <c r="C1737">
        <v>0</v>
      </c>
      <c r="D1737">
        <f t="shared" si="54"/>
        <v>0</v>
      </c>
      <c r="E1737" s="6">
        <f t="shared" si="55"/>
        <v>0</v>
      </c>
    </row>
    <row r="1738" spans="1:5" x14ac:dyDescent="0.25">
      <c r="A1738" s="1">
        <v>43628.25</v>
      </c>
      <c r="B1738" s="2">
        <v>17.61</v>
      </c>
      <c r="C1738">
        <v>4.3658000000000002E-2</v>
      </c>
      <c r="D1738">
        <f t="shared" si="54"/>
        <v>4.3658000000000001E-5</v>
      </c>
      <c r="E1738" s="6">
        <f t="shared" si="55"/>
        <v>7.6881737999999998E-4</v>
      </c>
    </row>
    <row r="1739" spans="1:5" x14ac:dyDescent="0.25">
      <c r="A1739" s="1">
        <v>43628.291666666664</v>
      </c>
      <c r="B1739" s="2">
        <v>19.13</v>
      </c>
      <c r="C1739">
        <v>0.82792699999999997</v>
      </c>
      <c r="D1739">
        <f t="shared" si="54"/>
        <v>8.27927E-4</v>
      </c>
      <c r="E1739" s="6">
        <f t="shared" si="55"/>
        <v>1.5838243509999999E-2</v>
      </c>
    </row>
    <row r="1740" spans="1:5" x14ac:dyDescent="0.25">
      <c r="A1740" s="1">
        <v>43628.333333333336</v>
      </c>
      <c r="B1740" s="2">
        <v>19.98</v>
      </c>
      <c r="C1740">
        <v>2.2324060000000001</v>
      </c>
      <c r="D1740">
        <f t="shared" si="54"/>
        <v>2.2324060000000001E-3</v>
      </c>
      <c r="E1740" s="6">
        <f t="shared" si="55"/>
        <v>4.4603471880000002E-2</v>
      </c>
    </row>
    <row r="1741" spans="1:5" x14ac:dyDescent="0.25">
      <c r="A1741" s="1">
        <v>43628.375</v>
      </c>
      <c r="B1741" s="2">
        <v>21.18</v>
      </c>
      <c r="C1741">
        <v>3.7490670000000001</v>
      </c>
      <c r="D1741">
        <f t="shared" si="54"/>
        <v>3.749067E-3</v>
      </c>
      <c r="E1741" s="6">
        <f t="shared" si="55"/>
        <v>7.9405239059999994E-2</v>
      </c>
    </row>
    <row r="1742" spans="1:5" x14ac:dyDescent="0.25">
      <c r="A1742" s="1">
        <v>43628.416666666664</v>
      </c>
      <c r="B1742" s="2">
        <v>22.66</v>
      </c>
      <c r="C1742">
        <v>5.0319440000000002</v>
      </c>
      <c r="D1742">
        <f t="shared" si="54"/>
        <v>5.031944E-3</v>
      </c>
      <c r="E1742" s="6">
        <f t="shared" si="55"/>
        <v>0.11402385104</v>
      </c>
    </row>
    <row r="1743" spans="1:5" x14ac:dyDescent="0.25">
      <c r="A1743" s="1">
        <v>43628.458333333336</v>
      </c>
      <c r="B1743" s="2">
        <v>23.39</v>
      </c>
      <c r="C1743">
        <v>5.9479509999999998</v>
      </c>
      <c r="D1743">
        <f t="shared" si="54"/>
        <v>5.9479509999999999E-3</v>
      </c>
      <c r="E1743" s="6">
        <f t="shared" si="55"/>
        <v>0.13912257388999999</v>
      </c>
    </row>
    <row r="1744" spans="1:5" x14ac:dyDescent="0.25">
      <c r="A1744" s="1">
        <v>43628.5</v>
      </c>
      <c r="B1744" s="2">
        <v>24.72</v>
      </c>
      <c r="C1744">
        <v>5.5937539999999997</v>
      </c>
      <c r="D1744">
        <f t="shared" si="54"/>
        <v>5.5937539999999994E-3</v>
      </c>
      <c r="E1744" s="6">
        <f t="shared" si="55"/>
        <v>0.13827759887999999</v>
      </c>
    </row>
    <row r="1745" spans="1:5" x14ac:dyDescent="0.25">
      <c r="A1745" s="1">
        <v>43628.541666666664</v>
      </c>
      <c r="B1745" s="2">
        <v>25.44</v>
      </c>
      <c r="C1745">
        <v>5.8038370000000006</v>
      </c>
      <c r="D1745">
        <f t="shared" si="54"/>
        <v>5.8038370000000009E-3</v>
      </c>
      <c r="E1745" s="6">
        <f t="shared" si="55"/>
        <v>0.14764961328000004</v>
      </c>
    </row>
    <row r="1746" spans="1:5" x14ac:dyDescent="0.25">
      <c r="A1746" s="1">
        <v>43628.583333333336</v>
      </c>
      <c r="B1746" s="2">
        <v>26.37</v>
      </c>
      <c r="C1746">
        <v>4.2522579999999994</v>
      </c>
      <c r="D1746">
        <f t="shared" si="54"/>
        <v>4.2522579999999992E-3</v>
      </c>
      <c r="E1746" s="6">
        <f t="shared" si="55"/>
        <v>0.11213204345999998</v>
      </c>
    </row>
    <row r="1747" spans="1:5" x14ac:dyDescent="0.25">
      <c r="A1747" s="1">
        <v>43628.625</v>
      </c>
      <c r="B1747" s="2">
        <v>26.85</v>
      </c>
      <c r="C1747">
        <v>5.979832</v>
      </c>
      <c r="D1747">
        <f t="shared" si="54"/>
        <v>5.979832E-3</v>
      </c>
      <c r="E1747" s="6">
        <f t="shared" si="55"/>
        <v>0.16055848920000002</v>
      </c>
    </row>
    <row r="1748" spans="1:5" x14ac:dyDescent="0.25">
      <c r="A1748" s="1">
        <v>43628.666666666664</v>
      </c>
      <c r="B1748" s="2">
        <v>26.9</v>
      </c>
      <c r="C1748">
        <v>3.8461970000000001</v>
      </c>
      <c r="D1748">
        <f t="shared" si="54"/>
        <v>3.846197E-3</v>
      </c>
      <c r="E1748" s="6">
        <f t="shared" si="55"/>
        <v>0.10346269929999999</v>
      </c>
    </row>
    <row r="1749" spans="1:5" x14ac:dyDescent="0.25">
      <c r="A1749" s="1">
        <v>43628.708333333336</v>
      </c>
      <c r="B1749" s="2">
        <v>26.72</v>
      </c>
      <c r="C1749">
        <v>2.6007340000000001</v>
      </c>
      <c r="D1749">
        <f t="shared" si="54"/>
        <v>2.6007339999999999E-3</v>
      </c>
      <c r="E1749" s="6">
        <f t="shared" si="55"/>
        <v>6.9491612479999992E-2</v>
      </c>
    </row>
    <row r="1750" spans="1:5" x14ac:dyDescent="0.25">
      <c r="A1750" s="1">
        <v>43628.75</v>
      </c>
      <c r="B1750" s="2">
        <v>25.34</v>
      </c>
      <c r="C1750">
        <v>1.865513</v>
      </c>
      <c r="D1750">
        <f t="shared" si="54"/>
        <v>1.8655130000000001E-3</v>
      </c>
      <c r="E1750" s="6">
        <f t="shared" si="55"/>
        <v>4.7272099419999998E-2</v>
      </c>
    </row>
    <row r="1751" spans="1:5" x14ac:dyDescent="0.25">
      <c r="A1751" s="1">
        <v>43628.791666666664</v>
      </c>
      <c r="B1751" s="2">
        <v>23.93</v>
      </c>
      <c r="C1751">
        <v>0.13883000000000001</v>
      </c>
      <c r="D1751">
        <f t="shared" si="54"/>
        <v>1.3883E-4</v>
      </c>
      <c r="E1751" s="6">
        <f t="shared" si="55"/>
        <v>3.3222018999999998E-3</v>
      </c>
    </row>
    <row r="1752" spans="1:5" x14ac:dyDescent="0.25">
      <c r="A1752" s="1">
        <v>43628.833333333336</v>
      </c>
      <c r="B1752" s="2">
        <v>23.48</v>
      </c>
      <c r="C1752">
        <v>0</v>
      </c>
      <c r="D1752">
        <f t="shared" si="54"/>
        <v>0</v>
      </c>
      <c r="E1752" s="6">
        <f t="shared" si="55"/>
        <v>0</v>
      </c>
    </row>
    <row r="1753" spans="1:5" x14ac:dyDescent="0.25">
      <c r="A1753" s="1">
        <v>43628.875</v>
      </c>
      <c r="B1753" s="2">
        <v>23</v>
      </c>
      <c r="C1753">
        <v>0</v>
      </c>
      <c r="D1753">
        <f t="shared" si="54"/>
        <v>0</v>
      </c>
      <c r="E1753" s="6">
        <f t="shared" si="55"/>
        <v>0</v>
      </c>
    </row>
    <row r="1754" spans="1:5" x14ac:dyDescent="0.25">
      <c r="A1754" s="1">
        <v>43628.916666666664</v>
      </c>
      <c r="B1754" s="2">
        <v>20.37</v>
      </c>
      <c r="C1754">
        <v>0</v>
      </c>
      <c r="D1754">
        <f t="shared" si="54"/>
        <v>0</v>
      </c>
      <c r="E1754" s="6">
        <f t="shared" si="55"/>
        <v>0</v>
      </c>
    </row>
    <row r="1755" spans="1:5" x14ac:dyDescent="0.25">
      <c r="A1755" s="1">
        <v>43628.958333333336</v>
      </c>
      <c r="B1755" s="2">
        <v>17.989999999999998</v>
      </c>
      <c r="C1755">
        <v>0</v>
      </c>
      <c r="D1755">
        <f t="shared" si="54"/>
        <v>0</v>
      </c>
      <c r="E1755" s="6">
        <f t="shared" si="55"/>
        <v>0</v>
      </c>
    </row>
    <row r="1756" spans="1:5" x14ac:dyDescent="0.25">
      <c r="A1756" s="1">
        <v>43629</v>
      </c>
      <c r="B1756" s="2">
        <v>15.78</v>
      </c>
      <c r="C1756">
        <v>0</v>
      </c>
      <c r="D1756">
        <f t="shared" si="54"/>
        <v>0</v>
      </c>
      <c r="E1756" s="6">
        <f t="shared" si="55"/>
        <v>0</v>
      </c>
    </row>
    <row r="1757" spans="1:5" x14ac:dyDescent="0.25">
      <c r="A1757" s="1">
        <v>43629.041666666664</v>
      </c>
      <c r="B1757" s="2">
        <v>15.4</v>
      </c>
      <c r="C1757">
        <v>0</v>
      </c>
      <c r="D1757">
        <f t="shared" si="54"/>
        <v>0</v>
      </c>
      <c r="E1757" s="6">
        <f t="shared" si="55"/>
        <v>0</v>
      </c>
    </row>
    <row r="1758" spans="1:5" x14ac:dyDescent="0.25">
      <c r="A1758" s="1">
        <v>43629.083333333336</v>
      </c>
      <c r="B1758" s="2">
        <v>14.94</v>
      </c>
      <c r="C1758">
        <v>0</v>
      </c>
      <c r="D1758">
        <f t="shared" si="54"/>
        <v>0</v>
      </c>
      <c r="E1758" s="6">
        <f t="shared" si="55"/>
        <v>0</v>
      </c>
    </row>
    <row r="1759" spans="1:5" x14ac:dyDescent="0.25">
      <c r="A1759" s="1">
        <v>43629.125</v>
      </c>
      <c r="B1759" s="2">
        <v>14.71</v>
      </c>
      <c r="C1759">
        <v>0</v>
      </c>
      <c r="D1759">
        <f t="shared" si="54"/>
        <v>0</v>
      </c>
      <c r="E1759" s="6">
        <f t="shared" si="55"/>
        <v>0</v>
      </c>
    </row>
    <row r="1760" spans="1:5" x14ac:dyDescent="0.25">
      <c r="A1760" s="1">
        <v>43629.166666666664</v>
      </c>
      <c r="B1760" s="2">
        <v>14.86</v>
      </c>
      <c r="C1760">
        <v>0</v>
      </c>
      <c r="D1760">
        <f t="shared" si="54"/>
        <v>0</v>
      </c>
      <c r="E1760" s="6">
        <f t="shared" si="55"/>
        <v>0</v>
      </c>
    </row>
    <row r="1761" spans="1:5" x14ac:dyDescent="0.25">
      <c r="A1761" s="1">
        <v>43629.208333333336</v>
      </c>
      <c r="B1761" s="2">
        <v>15.44</v>
      </c>
      <c r="C1761">
        <v>0</v>
      </c>
      <c r="D1761">
        <f t="shared" si="54"/>
        <v>0</v>
      </c>
      <c r="E1761" s="6">
        <f t="shared" si="55"/>
        <v>0</v>
      </c>
    </row>
    <row r="1762" spans="1:5" x14ac:dyDescent="0.25">
      <c r="A1762" s="1">
        <v>43629.25</v>
      </c>
      <c r="B1762" s="2">
        <v>17.809999999999999</v>
      </c>
      <c r="C1762">
        <v>5.7784999999999996E-2</v>
      </c>
      <c r="D1762">
        <f t="shared" si="54"/>
        <v>5.7784999999999996E-5</v>
      </c>
      <c r="E1762" s="6">
        <f t="shared" si="55"/>
        <v>1.0291508499999998E-3</v>
      </c>
    </row>
    <row r="1763" spans="1:5" x14ac:dyDescent="0.25">
      <c r="A1763" s="1">
        <v>43629.291666666664</v>
      </c>
      <c r="B1763" s="2">
        <v>19.43</v>
      </c>
      <c r="C1763">
        <v>0.79442999999999997</v>
      </c>
      <c r="D1763">
        <f t="shared" si="54"/>
        <v>7.9442999999999994E-4</v>
      </c>
      <c r="E1763" s="6">
        <f t="shared" si="55"/>
        <v>1.5435774899999999E-2</v>
      </c>
    </row>
    <row r="1764" spans="1:5" x14ac:dyDescent="0.25">
      <c r="A1764" s="1">
        <v>43629.333333333336</v>
      </c>
      <c r="B1764" s="2">
        <v>19.71</v>
      </c>
      <c r="C1764">
        <v>2.2434630000000002</v>
      </c>
      <c r="D1764">
        <f t="shared" si="54"/>
        <v>2.2434630000000002E-3</v>
      </c>
      <c r="E1764" s="6">
        <f t="shared" si="55"/>
        <v>4.4218655730000007E-2</v>
      </c>
    </row>
    <row r="1765" spans="1:5" x14ac:dyDescent="0.25">
      <c r="A1765" s="1">
        <v>43629.375</v>
      </c>
      <c r="B1765" s="2">
        <v>20.12</v>
      </c>
      <c r="C1765">
        <v>3.8023500000000001</v>
      </c>
      <c r="D1765">
        <f t="shared" si="54"/>
        <v>3.8023499999999999E-3</v>
      </c>
      <c r="E1765" s="6">
        <f t="shared" si="55"/>
        <v>7.6503282000000006E-2</v>
      </c>
    </row>
    <row r="1766" spans="1:5" x14ac:dyDescent="0.25">
      <c r="A1766" s="1">
        <v>43629.416666666664</v>
      </c>
      <c r="B1766" s="2">
        <v>21.45</v>
      </c>
      <c r="C1766">
        <v>5.1533340000000001</v>
      </c>
      <c r="D1766">
        <f t="shared" si="54"/>
        <v>5.1533339999999999E-3</v>
      </c>
      <c r="E1766" s="6">
        <f t="shared" si="55"/>
        <v>0.11053901429999999</v>
      </c>
    </row>
    <row r="1767" spans="1:5" x14ac:dyDescent="0.25">
      <c r="A1767" s="1">
        <v>43629.458333333336</v>
      </c>
      <c r="B1767" s="2">
        <v>21.87</v>
      </c>
      <c r="C1767">
        <v>6.1220080000000001</v>
      </c>
      <c r="D1767">
        <f t="shared" si="54"/>
        <v>6.122008E-3</v>
      </c>
      <c r="E1767" s="6">
        <f t="shared" si="55"/>
        <v>0.13388831496</v>
      </c>
    </row>
    <row r="1768" spans="1:5" x14ac:dyDescent="0.25">
      <c r="A1768" s="1">
        <v>43629.5</v>
      </c>
      <c r="B1768" s="2">
        <v>22.55</v>
      </c>
      <c r="C1768">
        <v>6.6940410000000004</v>
      </c>
      <c r="D1768">
        <f t="shared" si="54"/>
        <v>6.6940410000000004E-3</v>
      </c>
      <c r="E1768" s="6">
        <f t="shared" si="55"/>
        <v>0.15095062455000002</v>
      </c>
    </row>
    <row r="1769" spans="1:5" x14ac:dyDescent="0.25">
      <c r="A1769" s="1">
        <v>43629.541666666664</v>
      </c>
      <c r="B1769" s="2">
        <v>22.21</v>
      </c>
      <c r="C1769">
        <v>6.1364170000000007</v>
      </c>
      <c r="D1769">
        <f t="shared" si="54"/>
        <v>6.1364170000000008E-3</v>
      </c>
      <c r="E1769" s="6">
        <f t="shared" si="55"/>
        <v>0.13628982157000002</v>
      </c>
    </row>
    <row r="1770" spans="1:5" x14ac:dyDescent="0.25">
      <c r="A1770" s="1">
        <v>43629.583333333336</v>
      </c>
      <c r="B1770" s="2">
        <v>22.11</v>
      </c>
      <c r="C1770">
        <v>6.6460840000000001</v>
      </c>
      <c r="D1770">
        <f t="shared" si="54"/>
        <v>6.646084E-3</v>
      </c>
      <c r="E1770" s="6">
        <f t="shared" si="55"/>
        <v>0.14694491724</v>
      </c>
    </row>
    <row r="1771" spans="1:5" x14ac:dyDescent="0.25">
      <c r="A1771" s="1">
        <v>43629.625</v>
      </c>
      <c r="B1771" s="2">
        <v>22.93</v>
      </c>
      <c r="C1771">
        <v>6.0540859999999999</v>
      </c>
      <c r="D1771">
        <f t="shared" si="54"/>
        <v>6.0540860000000002E-3</v>
      </c>
      <c r="E1771" s="6">
        <f t="shared" si="55"/>
        <v>0.13882019198000001</v>
      </c>
    </row>
    <row r="1772" spans="1:5" x14ac:dyDescent="0.25">
      <c r="A1772" s="1">
        <v>43629.666666666664</v>
      </c>
      <c r="B1772" s="2">
        <v>23.35</v>
      </c>
      <c r="C1772">
        <v>5.1106920000000002</v>
      </c>
      <c r="D1772">
        <f t="shared" si="54"/>
        <v>5.110692E-3</v>
      </c>
      <c r="E1772" s="6">
        <f t="shared" si="55"/>
        <v>0.11933465820000001</v>
      </c>
    </row>
    <row r="1773" spans="1:5" x14ac:dyDescent="0.25">
      <c r="A1773" s="1">
        <v>43629.708333333336</v>
      </c>
      <c r="B1773" s="2">
        <v>23.17</v>
      </c>
      <c r="C1773">
        <v>3.8255250000000003</v>
      </c>
      <c r="D1773">
        <f t="shared" si="54"/>
        <v>3.8255250000000002E-3</v>
      </c>
      <c r="E1773" s="6">
        <f t="shared" si="55"/>
        <v>8.8637414250000005E-2</v>
      </c>
    </row>
    <row r="1774" spans="1:5" x14ac:dyDescent="0.25">
      <c r="A1774" s="1">
        <v>43629.75</v>
      </c>
      <c r="B1774" s="2">
        <v>23.07</v>
      </c>
      <c r="C1774">
        <v>2.3121909999999999</v>
      </c>
      <c r="D1774">
        <f t="shared" si="54"/>
        <v>2.3121909999999999E-3</v>
      </c>
      <c r="E1774" s="6">
        <f t="shared" si="55"/>
        <v>5.3342246369999999E-2</v>
      </c>
    </row>
    <row r="1775" spans="1:5" x14ac:dyDescent="0.25">
      <c r="A1775" s="1">
        <v>43629.791666666664</v>
      </c>
      <c r="B1775" s="2">
        <v>21.83</v>
      </c>
      <c r="C1775">
        <v>0.89567700000000006</v>
      </c>
      <c r="D1775">
        <f t="shared" si="54"/>
        <v>8.9567700000000011E-4</v>
      </c>
      <c r="E1775" s="6">
        <f t="shared" si="55"/>
        <v>1.9552628910000001E-2</v>
      </c>
    </row>
    <row r="1776" spans="1:5" x14ac:dyDescent="0.25">
      <c r="A1776" s="1">
        <v>43629.833333333336</v>
      </c>
      <c r="B1776" s="2">
        <v>22.29</v>
      </c>
      <c r="C1776">
        <v>9.3671999999999991E-2</v>
      </c>
      <c r="D1776">
        <f t="shared" si="54"/>
        <v>9.3671999999999994E-5</v>
      </c>
      <c r="E1776" s="6">
        <f t="shared" si="55"/>
        <v>2.0879488799999996E-3</v>
      </c>
    </row>
    <row r="1777" spans="1:5" x14ac:dyDescent="0.25">
      <c r="A1777" s="1">
        <v>43629.875</v>
      </c>
      <c r="B1777" s="2">
        <v>22.71</v>
      </c>
      <c r="C1777">
        <v>0</v>
      </c>
      <c r="D1777">
        <f t="shared" si="54"/>
        <v>0</v>
      </c>
      <c r="E1777" s="6">
        <f t="shared" si="55"/>
        <v>0</v>
      </c>
    </row>
    <row r="1778" spans="1:5" x14ac:dyDescent="0.25">
      <c r="A1778" s="1">
        <v>43629.916666666664</v>
      </c>
      <c r="B1778" s="2">
        <v>19.940000000000001</v>
      </c>
      <c r="C1778">
        <v>0</v>
      </c>
      <c r="D1778">
        <f t="shared" si="54"/>
        <v>0</v>
      </c>
      <c r="E1778" s="6">
        <f t="shared" si="55"/>
        <v>0</v>
      </c>
    </row>
    <row r="1779" spans="1:5" x14ac:dyDescent="0.25">
      <c r="A1779" s="1">
        <v>43629.958333333336</v>
      </c>
      <c r="B1779" s="2">
        <v>16.98</v>
      </c>
      <c r="C1779">
        <v>0</v>
      </c>
      <c r="D1779">
        <f t="shared" si="54"/>
        <v>0</v>
      </c>
      <c r="E1779" s="6">
        <f t="shared" si="55"/>
        <v>0</v>
      </c>
    </row>
    <row r="1780" spans="1:5" x14ac:dyDescent="0.25">
      <c r="A1780" s="1">
        <v>43630</v>
      </c>
      <c r="B1780" s="2">
        <v>15.46</v>
      </c>
      <c r="C1780">
        <v>0</v>
      </c>
      <c r="D1780">
        <f t="shared" si="54"/>
        <v>0</v>
      </c>
      <c r="E1780" s="6">
        <f t="shared" si="55"/>
        <v>0</v>
      </c>
    </row>
    <row r="1781" spans="1:5" x14ac:dyDescent="0.25">
      <c r="A1781" s="1">
        <v>43630.041666666664</v>
      </c>
      <c r="B1781" s="2">
        <v>15.09</v>
      </c>
      <c r="C1781">
        <v>0</v>
      </c>
      <c r="D1781">
        <f t="shared" si="54"/>
        <v>0</v>
      </c>
      <c r="E1781" s="6">
        <f t="shared" si="55"/>
        <v>0</v>
      </c>
    </row>
    <row r="1782" spans="1:5" x14ac:dyDescent="0.25">
      <c r="A1782" s="1">
        <v>43630.083333333336</v>
      </c>
      <c r="B1782" s="2">
        <v>14.54</v>
      </c>
      <c r="C1782">
        <v>0</v>
      </c>
      <c r="D1782">
        <f t="shared" si="54"/>
        <v>0</v>
      </c>
      <c r="E1782" s="6">
        <f t="shared" si="55"/>
        <v>0</v>
      </c>
    </row>
    <row r="1783" spans="1:5" x14ac:dyDescent="0.25">
      <c r="A1783" s="1">
        <v>43630.125</v>
      </c>
      <c r="B1783" s="2">
        <v>14.09</v>
      </c>
      <c r="C1783">
        <v>0</v>
      </c>
      <c r="D1783">
        <f t="shared" si="54"/>
        <v>0</v>
      </c>
      <c r="E1783" s="6">
        <f t="shared" si="55"/>
        <v>0</v>
      </c>
    </row>
    <row r="1784" spans="1:5" x14ac:dyDescent="0.25">
      <c r="A1784" s="1">
        <v>43630.166666666664</v>
      </c>
      <c r="B1784" s="2">
        <v>14.51</v>
      </c>
      <c r="C1784">
        <v>0</v>
      </c>
      <c r="D1784">
        <f t="shared" si="54"/>
        <v>0</v>
      </c>
      <c r="E1784" s="6">
        <f t="shared" si="55"/>
        <v>0</v>
      </c>
    </row>
    <row r="1785" spans="1:5" x14ac:dyDescent="0.25">
      <c r="A1785" s="1">
        <v>43630.208333333336</v>
      </c>
      <c r="B1785" s="2">
        <v>15.01</v>
      </c>
      <c r="C1785">
        <v>0</v>
      </c>
      <c r="D1785">
        <f t="shared" si="54"/>
        <v>0</v>
      </c>
      <c r="E1785" s="6">
        <f t="shared" si="55"/>
        <v>0</v>
      </c>
    </row>
    <row r="1786" spans="1:5" x14ac:dyDescent="0.25">
      <c r="A1786" s="1">
        <v>43630.25</v>
      </c>
      <c r="B1786" s="2">
        <v>16.66</v>
      </c>
      <c r="C1786">
        <v>9.5326999999999995E-2</v>
      </c>
      <c r="D1786">
        <f t="shared" si="54"/>
        <v>9.532699999999999E-5</v>
      </c>
      <c r="E1786" s="6">
        <f t="shared" si="55"/>
        <v>1.5881478199999998E-3</v>
      </c>
    </row>
    <row r="1787" spans="1:5" x14ac:dyDescent="0.25">
      <c r="A1787" s="1">
        <v>43630.291666666664</v>
      </c>
      <c r="B1787" s="2">
        <v>18.62</v>
      </c>
      <c r="C1787">
        <v>0.66819399999999995</v>
      </c>
      <c r="D1787">
        <f t="shared" si="54"/>
        <v>6.6819399999999999E-4</v>
      </c>
      <c r="E1787" s="6">
        <f t="shared" si="55"/>
        <v>1.2441772280000001E-2</v>
      </c>
    </row>
    <row r="1788" spans="1:5" x14ac:dyDescent="0.25">
      <c r="A1788" s="1">
        <v>43630.333333333336</v>
      </c>
      <c r="B1788" s="2">
        <v>19.170000000000002</v>
      </c>
      <c r="C1788">
        <v>2.2197589999999998</v>
      </c>
      <c r="D1788">
        <f t="shared" si="54"/>
        <v>2.219759E-3</v>
      </c>
      <c r="E1788" s="6">
        <f t="shared" si="55"/>
        <v>4.2552780030000001E-2</v>
      </c>
    </row>
    <row r="1789" spans="1:5" x14ac:dyDescent="0.25">
      <c r="A1789" s="1">
        <v>43630.375</v>
      </c>
      <c r="B1789" s="2">
        <v>19.87</v>
      </c>
      <c r="C1789">
        <v>3.8658739999999998</v>
      </c>
      <c r="D1789">
        <f t="shared" si="54"/>
        <v>3.8658739999999996E-3</v>
      </c>
      <c r="E1789" s="6">
        <f t="shared" si="55"/>
        <v>7.6814916380000001E-2</v>
      </c>
    </row>
    <row r="1790" spans="1:5" x14ac:dyDescent="0.25">
      <c r="A1790" s="1">
        <v>43630.416666666664</v>
      </c>
      <c r="B1790" s="2">
        <v>20.399999999999999</v>
      </c>
      <c r="C1790">
        <v>5.2396479999999999</v>
      </c>
      <c r="D1790">
        <f t="shared" si="54"/>
        <v>5.2396479999999995E-3</v>
      </c>
      <c r="E1790" s="6">
        <f t="shared" si="55"/>
        <v>0.10688881919999998</v>
      </c>
    </row>
    <row r="1791" spans="1:5" x14ac:dyDescent="0.25">
      <c r="A1791" s="1">
        <v>43630.458333333336</v>
      </c>
      <c r="B1791" s="2">
        <v>20.69</v>
      </c>
      <c r="C1791">
        <v>4.3703659999999998</v>
      </c>
      <c r="D1791">
        <f t="shared" si="54"/>
        <v>4.3703659999999997E-3</v>
      </c>
      <c r="E1791" s="6">
        <f t="shared" si="55"/>
        <v>9.0422872540000004E-2</v>
      </c>
    </row>
    <row r="1792" spans="1:5" x14ac:dyDescent="0.25">
      <c r="A1792" s="1">
        <v>43630.5</v>
      </c>
      <c r="B1792" s="2">
        <v>20.98</v>
      </c>
      <c r="C1792">
        <v>6.7990590000000006</v>
      </c>
      <c r="D1792">
        <f t="shared" si="54"/>
        <v>6.7990590000000005E-3</v>
      </c>
      <c r="E1792" s="6">
        <f t="shared" si="55"/>
        <v>0.14264425782000001</v>
      </c>
    </row>
    <row r="1793" spans="1:5" x14ac:dyDescent="0.25">
      <c r="A1793" s="1">
        <v>43630.541666666664</v>
      </c>
      <c r="B1793" s="2">
        <v>21.38</v>
      </c>
      <c r="C1793">
        <v>6.963705</v>
      </c>
      <c r="D1793">
        <f t="shared" si="54"/>
        <v>6.9637049999999997E-3</v>
      </c>
      <c r="E1793" s="6">
        <f t="shared" si="55"/>
        <v>0.14888401289999997</v>
      </c>
    </row>
    <row r="1794" spans="1:5" x14ac:dyDescent="0.25">
      <c r="A1794" s="1">
        <v>43630.583333333336</v>
      </c>
      <c r="B1794" s="2">
        <v>21.95</v>
      </c>
      <c r="C1794">
        <v>4.9317520000000004</v>
      </c>
      <c r="D1794">
        <f t="shared" si="54"/>
        <v>4.9317520000000002E-3</v>
      </c>
      <c r="E1794" s="6">
        <f t="shared" si="55"/>
        <v>0.1082519564</v>
      </c>
    </row>
    <row r="1795" spans="1:5" x14ac:dyDescent="0.25">
      <c r="A1795" s="1">
        <v>43630.625</v>
      </c>
      <c r="B1795" s="2">
        <v>22.71</v>
      </c>
      <c r="C1795">
        <v>6.2658469999999999</v>
      </c>
      <c r="D1795">
        <f t="shared" si="54"/>
        <v>6.2658469999999997E-3</v>
      </c>
      <c r="E1795" s="6">
        <f t="shared" si="55"/>
        <v>0.14229738537</v>
      </c>
    </row>
    <row r="1796" spans="1:5" x14ac:dyDescent="0.25">
      <c r="A1796" s="1">
        <v>43630.666666666664</v>
      </c>
      <c r="B1796" s="2">
        <v>23.71</v>
      </c>
      <c r="C1796">
        <v>4.8776639999999993</v>
      </c>
      <c r="D1796">
        <f t="shared" si="54"/>
        <v>4.8776639999999994E-3</v>
      </c>
      <c r="E1796" s="6">
        <f t="shared" si="55"/>
        <v>0.11564941343999999</v>
      </c>
    </row>
    <row r="1797" spans="1:5" x14ac:dyDescent="0.25">
      <c r="A1797" s="1">
        <v>43630.708333333336</v>
      </c>
      <c r="B1797" s="2">
        <v>22.7</v>
      </c>
      <c r="C1797">
        <v>3.9102480000000002</v>
      </c>
      <c r="D1797">
        <f t="shared" si="54"/>
        <v>3.9102479999999998E-3</v>
      </c>
      <c r="E1797" s="6">
        <f t="shared" si="55"/>
        <v>8.876262959999999E-2</v>
      </c>
    </row>
    <row r="1798" spans="1:5" x14ac:dyDescent="0.25">
      <c r="A1798" s="1">
        <v>43630.75</v>
      </c>
      <c r="B1798" s="2">
        <v>21.93</v>
      </c>
      <c r="C1798">
        <v>2.304538</v>
      </c>
      <c r="D1798">
        <f t="shared" ref="D1798:D1861" si="56">C1798/1000</f>
        <v>2.3045380000000001E-3</v>
      </c>
      <c r="E1798" s="6">
        <f t="shared" ref="E1798:E1861" si="57">D1798*B1798</f>
        <v>5.0538518339999998E-2</v>
      </c>
    </row>
    <row r="1799" spans="1:5" x14ac:dyDescent="0.25">
      <c r="A1799" s="1">
        <v>43630.791666666664</v>
      </c>
      <c r="B1799" s="2">
        <v>20.84</v>
      </c>
      <c r="C1799">
        <v>0.80564400000000003</v>
      </c>
      <c r="D1799">
        <f t="shared" si="56"/>
        <v>8.05644E-4</v>
      </c>
      <c r="E1799" s="6">
        <f t="shared" si="57"/>
        <v>1.6789620960000001E-2</v>
      </c>
    </row>
    <row r="1800" spans="1:5" x14ac:dyDescent="0.25">
      <c r="A1800" s="1">
        <v>43630.833333333336</v>
      </c>
      <c r="B1800" s="2">
        <v>20.75</v>
      </c>
      <c r="C1800">
        <v>0.112943</v>
      </c>
      <c r="D1800">
        <f t="shared" si="56"/>
        <v>1.1294300000000001E-4</v>
      </c>
      <c r="E1800" s="6">
        <f t="shared" si="57"/>
        <v>2.3435672500000003E-3</v>
      </c>
    </row>
    <row r="1801" spans="1:5" x14ac:dyDescent="0.25">
      <c r="A1801" s="1">
        <v>43630.875</v>
      </c>
      <c r="B1801" s="2">
        <v>21.12</v>
      </c>
      <c r="C1801">
        <v>0</v>
      </c>
      <c r="D1801">
        <f t="shared" si="56"/>
        <v>0</v>
      </c>
      <c r="E1801" s="6">
        <f t="shared" si="57"/>
        <v>0</v>
      </c>
    </row>
    <row r="1802" spans="1:5" x14ac:dyDescent="0.25">
      <c r="A1802" s="1">
        <v>43630.916666666664</v>
      </c>
      <c r="B1802" s="2">
        <v>18.940000000000001</v>
      </c>
      <c r="C1802">
        <v>0</v>
      </c>
      <c r="D1802">
        <f t="shared" si="56"/>
        <v>0</v>
      </c>
      <c r="E1802" s="6">
        <f t="shared" si="57"/>
        <v>0</v>
      </c>
    </row>
    <row r="1803" spans="1:5" x14ac:dyDescent="0.25">
      <c r="A1803" s="1">
        <v>43630.958333333336</v>
      </c>
      <c r="B1803" s="2">
        <v>16.34</v>
      </c>
      <c r="C1803">
        <v>0</v>
      </c>
      <c r="D1803">
        <f t="shared" si="56"/>
        <v>0</v>
      </c>
      <c r="E1803" s="6">
        <f t="shared" si="57"/>
        <v>0</v>
      </c>
    </row>
    <row r="1804" spans="1:5" x14ac:dyDescent="0.25">
      <c r="A1804" s="1">
        <v>43631</v>
      </c>
      <c r="B1804" s="2">
        <v>15.22</v>
      </c>
      <c r="C1804">
        <v>0</v>
      </c>
      <c r="D1804">
        <f t="shared" si="56"/>
        <v>0</v>
      </c>
      <c r="E1804" s="6">
        <f t="shared" si="57"/>
        <v>0</v>
      </c>
    </row>
    <row r="1805" spans="1:5" x14ac:dyDescent="0.25">
      <c r="A1805" s="1">
        <v>43631.041666666664</v>
      </c>
      <c r="B1805" s="2">
        <v>14.81</v>
      </c>
      <c r="C1805">
        <v>0</v>
      </c>
      <c r="D1805">
        <f t="shared" si="56"/>
        <v>0</v>
      </c>
      <c r="E1805" s="6">
        <f t="shared" si="57"/>
        <v>0</v>
      </c>
    </row>
    <row r="1806" spans="1:5" x14ac:dyDescent="0.25">
      <c r="A1806" s="1">
        <v>43631.083333333336</v>
      </c>
      <c r="B1806" s="2">
        <v>14.45</v>
      </c>
      <c r="C1806">
        <v>0</v>
      </c>
      <c r="D1806">
        <f t="shared" si="56"/>
        <v>0</v>
      </c>
      <c r="E1806" s="6">
        <f t="shared" si="57"/>
        <v>0</v>
      </c>
    </row>
    <row r="1807" spans="1:5" x14ac:dyDescent="0.25">
      <c r="A1807" s="1">
        <v>43631.125</v>
      </c>
      <c r="B1807" s="2">
        <v>13.49</v>
      </c>
      <c r="C1807">
        <v>0</v>
      </c>
      <c r="D1807">
        <f t="shared" si="56"/>
        <v>0</v>
      </c>
      <c r="E1807" s="6">
        <f t="shared" si="57"/>
        <v>0</v>
      </c>
    </row>
    <row r="1808" spans="1:5" x14ac:dyDescent="0.25">
      <c r="A1808" s="1">
        <v>43631.166666666664</v>
      </c>
      <c r="B1808" s="2">
        <v>13.37</v>
      </c>
      <c r="C1808">
        <v>0</v>
      </c>
      <c r="D1808">
        <f t="shared" si="56"/>
        <v>0</v>
      </c>
      <c r="E1808" s="6">
        <f t="shared" si="57"/>
        <v>0</v>
      </c>
    </row>
    <row r="1809" spans="1:5" x14ac:dyDescent="0.25">
      <c r="A1809" s="1">
        <v>43631.208333333336</v>
      </c>
      <c r="B1809" s="2">
        <v>13.3</v>
      </c>
      <c r="C1809">
        <v>0</v>
      </c>
      <c r="D1809">
        <f t="shared" si="56"/>
        <v>0</v>
      </c>
      <c r="E1809" s="6">
        <f t="shared" si="57"/>
        <v>0</v>
      </c>
    </row>
    <row r="1810" spans="1:5" x14ac:dyDescent="0.25">
      <c r="A1810" s="1">
        <v>43631.25</v>
      </c>
      <c r="B1810" s="2">
        <v>13.1</v>
      </c>
      <c r="C1810">
        <v>6.4834000000000003E-2</v>
      </c>
      <c r="D1810">
        <f t="shared" si="56"/>
        <v>6.4833999999999996E-5</v>
      </c>
      <c r="E1810" s="6">
        <f t="shared" si="57"/>
        <v>8.4932539999999998E-4</v>
      </c>
    </row>
    <row r="1811" spans="1:5" x14ac:dyDescent="0.25">
      <c r="A1811" s="1">
        <v>43631.291666666664</v>
      </c>
      <c r="B1811" s="2">
        <v>14.42</v>
      </c>
      <c r="C1811">
        <v>0.68321200000000004</v>
      </c>
      <c r="D1811">
        <f t="shared" si="56"/>
        <v>6.8321199999999999E-4</v>
      </c>
      <c r="E1811" s="6">
        <f t="shared" si="57"/>
        <v>9.8519170399999998E-3</v>
      </c>
    </row>
    <row r="1812" spans="1:5" x14ac:dyDescent="0.25">
      <c r="A1812" s="1">
        <v>43631.333333333336</v>
      </c>
      <c r="B1812" s="2">
        <v>15.92</v>
      </c>
      <c r="C1812">
        <v>1.0570250000000001</v>
      </c>
      <c r="D1812">
        <f t="shared" si="56"/>
        <v>1.0570250000000001E-3</v>
      </c>
      <c r="E1812" s="6">
        <f t="shared" si="57"/>
        <v>1.6827838000000001E-2</v>
      </c>
    </row>
    <row r="1813" spans="1:5" x14ac:dyDescent="0.25">
      <c r="A1813" s="1">
        <v>43631.375</v>
      </c>
      <c r="B1813" s="2">
        <v>16.88</v>
      </c>
      <c r="C1813">
        <v>3.9093020000000003</v>
      </c>
      <c r="D1813">
        <f t="shared" si="56"/>
        <v>3.9093019999999999E-3</v>
      </c>
      <c r="E1813" s="6">
        <f t="shared" si="57"/>
        <v>6.5989017759999991E-2</v>
      </c>
    </row>
    <row r="1814" spans="1:5" x14ac:dyDescent="0.25">
      <c r="A1814" s="1">
        <v>43631.416666666664</v>
      </c>
      <c r="B1814" s="2">
        <v>18.71</v>
      </c>
      <c r="C1814">
        <v>4.1350339999999992</v>
      </c>
      <c r="D1814">
        <f t="shared" si="56"/>
        <v>4.1350339999999992E-3</v>
      </c>
      <c r="E1814" s="6">
        <f t="shared" si="57"/>
        <v>7.7366486139999996E-2</v>
      </c>
    </row>
    <row r="1815" spans="1:5" x14ac:dyDescent="0.25">
      <c r="A1815" s="1">
        <v>43631.458333333336</v>
      </c>
      <c r="B1815" s="2">
        <v>20.71</v>
      </c>
      <c r="C1815">
        <v>5.2382140000000001</v>
      </c>
      <c r="D1815">
        <f t="shared" si="56"/>
        <v>5.2382139999999997E-3</v>
      </c>
      <c r="E1815" s="6">
        <f t="shared" si="57"/>
        <v>0.10848341194</v>
      </c>
    </row>
    <row r="1816" spans="1:5" x14ac:dyDescent="0.25">
      <c r="A1816" s="1">
        <v>43631.5</v>
      </c>
      <c r="B1816" s="2">
        <v>21.45</v>
      </c>
      <c r="C1816">
        <v>6.8632</v>
      </c>
      <c r="D1816">
        <f t="shared" si="56"/>
        <v>6.8631999999999999E-3</v>
      </c>
      <c r="E1816" s="6">
        <f t="shared" si="57"/>
        <v>0.14721563999999998</v>
      </c>
    </row>
    <row r="1817" spans="1:5" x14ac:dyDescent="0.25">
      <c r="A1817" s="1">
        <v>43631.541666666664</v>
      </c>
      <c r="B1817" s="2">
        <v>22.11</v>
      </c>
      <c r="C1817">
        <v>4.9336090000000006</v>
      </c>
      <c r="D1817">
        <f t="shared" si="56"/>
        <v>4.9336090000000003E-3</v>
      </c>
      <c r="E1817" s="6">
        <f t="shared" si="57"/>
        <v>0.10908209499</v>
      </c>
    </row>
    <row r="1818" spans="1:5" x14ac:dyDescent="0.25">
      <c r="A1818" s="1">
        <v>43631.583333333336</v>
      </c>
      <c r="B1818" s="2">
        <v>23.23</v>
      </c>
      <c r="C1818">
        <v>1.2557400000000001</v>
      </c>
      <c r="D1818">
        <f t="shared" si="56"/>
        <v>1.25574E-3</v>
      </c>
      <c r="E1818" s="6">
        <f t="shared" si="57"/>
        <v>2.9170840199999999E-2</v>
      </c>
    </row>
    <row r="1819" spans="1:5" x14ac:dyDescent="0.25">
      <c r="A1819" s="1">
        <v>43631.625</v>
      </c>
      <c r="B1819" s="2">
        <v>25.06</v>
      </c>
      <c r="C1819">
        <v>3.0315669999999999</v>
      </c>
      <c r="D1819">
        <f t="shared" si="56"/>
        <v>3.0315669999999998E-3</v>
      </c>
      <c r="E1819" s="6">
        <f t="shared" si="57"/>
        <v>7.597106901999999E-2</v>
      </c>
    </row>
    <row r="1820" spans="1:5" x14ac:dyDescent="0.25">
      <c r="A1820" s="1">
        <v>43631.666666666664</v>
      </c>
      <c r="B1820" s="2">
        <v>25.74</v>
      </c>
      <c r="C1820">
        <v>2.5025949999999999</v>
      </c>
      <c r="D1820">
        <f t="shared" si="56"/>
        <v>2.5025949999999998E-3</v>
      </c>
      <c r="E1820" s="6">
        <f t="shared" si="57"/>
        <v>6.4416795299999996E-2</v>
      </c>
    </row>
    <row r="1821" spans="1:5" x14ac:dyDescent="0.25">
      <c r="A1821" s="1">
        <v>43631.708333333336</v>
      </c>
      <c r="B1821" s="2">
        <v>26.37</v>
      </c>
      <c r="C1821">
        <v>3.3901300000000001</v>
      </c>
      <c r="D1821">
        <f t="shared" si="56"/>
        <v>3.3901299999999999E-3</v>
      </c>
      <c r="E1821" s="6">
        <f t="shared" si="57"/>
        <v>8.9397728100000004E-2</v>
      </c>
    </row>
    <row r="1822" spans="1:5" x14ac:dyDescent="0.25">
      <c r="A1822" s="1">
        <v>43631.75</v>
      </c>
      <c r="B1822" s="2">
        <v>25.44</v>
      </c>
      <c r="C1822">
        <v>1.8840669999999999</v>
      </c>
      <c r="D1822">
        <f t="shared" si="56"/>
        <v>1.8840669999999999E-3</v>
      </c>
      <c r="E1822" s="6">
        <f t="shared" si="57"/>
        <v>4.7930664480000003E-2</v>
      </c>
    </row>
    <row r="1823" spans="1:5" x14ac:dyDescent="0.25">
      <c r="A1823" s="1">
        <v>43631.791666666664</v>
      </c>
      <c r="B1823" s="2">
        <v>23.09</v>
      </c>
      <c r="C1823">
        <v>0.67596199999999995</v>
      </c>
      <c r="D1823">
        <f t="shared" si="56"/>
        <v>6.75962E-4</v>
      </c>
      <c r="E1823" s="6">
        <f t="shared" si="57"/>
        <v>1.5607962580000001E-2</v>
      </c>
    </row>
    <row r="1824" spans="1:5" x14ac:dyDescent="0.25">
      <c r="A1824" s="1">
        <v>43631.833333333336</v>
      </c>
      <c r="B1824" s="2">
        <v>22.42</v>
      </c>
      <c r="C1824">
        <v>6.7227000000000009E-2</v>
      </c>
      <c r="D1824">
        <f t="shared" si="56"/>
        <v>6.7227000000000012E-5</v>
      </c>
      <c r="E1824" s="6">
        <f t="shared" si="57"/>
        <v>1.5072293400000003E-3</v>
      </c>
    </row>
    <row r="1825" spans="1:5" x14ac:dyDescent="0.25">
      <c r="A1825" s="1">
        <v>43631.875</v>
      </c>
      <c r="B1825" s="2">
        <v>22.17</v>
      </c>
      <c r="C1825">
        <v>0</v>
      </c>
      <c r="D1825">
        <f t="shared" si="56"/>
        <v>0</v>
      </c>
      <c r="E1825" s="6">
        <f t="shared" si="57"/>
        <v>0</v>
      </c>
    </row>
    <row r="1826" spans="1:5" x14ac:dyDescent="0.25">
      <c r="A1826" s="1">
        <v>43631.916666666664</v>
      </c>
      <c r="B1826" s="2">
        <v>20.05</v>
      </c>
      <c r="C1826">
        <v>0</v>
      </c>
      <c r="D1826">
        <f t="shared" si="56"/>
        <v>0</v>
      </c>
      <c r="E1826" s="6">
        <f t="shared" si="57"/>
        <v>0</v>
      </c>
    </row>
    <row r="1827" spans="1:5" x14ac:dyDescent="0.25">
      <c r="A1827" s="1">
        <v>43631.958333333336</v>
      </c>
      <c r="B1827" s="2">
        <v>18.239999999999998</v>
      </c>
      <c r="C1827">
        <v>0</v>
      </c>
      <c r="D1827">
        <f t="shared" si="56"/>
        <v>0</v>
      </c>
      <c r="E1827" s="6">
        <f t="shared" si="57"/>
        <v>0</v>
      </c>
    </row>
    <row r="1828" spans="1:5" x14ac:dyDescent="0.25">
      <c r="A1828" s="1">
        <v>43632</v>
      </c>
      <c r="B1828" s="2">
        <v>17.170000000000002</v>
      </c>
      <c r="C1828">
        <v>0</v>
      </c>
      <c r="D1828">
        <f t="shared" si="56"/>
        <v>0</v>
      </c>
      <c r="E1828" s="6">
        <f t="shared" si="57"/>
        <v>0</v>
      </c>
    </row>
    <row r="1829" spans="1:5" x14ac:dyDescent="0.25">
      <c r="A1829" s="1">
        <v>43632.041666666664</v>
      </c>
      <c r="B1829" s="2">
        <v>15.68</v>
      </c>
      <c r="C1829">
        <v>0</v>
      </c>
      <c r="D1829">
        <f t="shared" si="56"/>
        <v>0</v>
      </c>
      <c r="E1829" s="6">
        <f t="shared" si="57"/>
        <v>0</v>
      </c>
    </row>
    <row r="1830" spans="1:5" x14ac:dyDescent="0.25">
      <c r="A1830" s="1">
        <v>43632.083333333336</v>
      </c>
      <c r="B1830" s="2">
        <v>15.03</v>
      </c>
      <c r="C1830">
        <v>0</v>
      </c>
      <c r="D1830">
        <f t="shared" si="56"/>
        <v>0</v>
      </c>
      <c r="E1830" s="6">
        <f t="shared" si="57"/>
        <v>0</v>
      </c>
    </row>
    <row r="1831" spans="1:5" x14ac:dyDescent="0.25">
      <c r="A1831" s="1">
        <v>43632.125</v>
      </c>
      <c r="B1831" s="2">
        <v>14.46</v>
      </c>
      <c r="C1831">
        <v>0</v>
      </c>
      <c r="D1831">
        <f t="shared" si="56"/>
        <v>0</v>
      </c>
      <c r="E1831" s="6">
        <f t="shared" si="57"/>
        <v>0</v>
      </c>
    </row>
    <row r="1832" spans="1:5" x14ac:dyDescent="0.25">
      <c r="A1832" s="1">
        <v>43632.166666666664</v>
      </c>
      <c r="B1832" s="2">
        <v>13.57</v>
      </c>
      <c r="C1832">
        <v>0</v>
      </c>
      <c r="D1832">
        <f t="shared" si="56"/>
        <v>0</v>
      </c>
      <c r="E1832" s="6">
        <f t="shared" si="57"/>
        <v>0</v>
      </c>
    </row>
    <row r="1833" spans="1:5" x14ac:dyDescent="0.25">
      <c r="A1833" s="1">
        <v>43632.208333333336</v>
      </c>
      <c r="B1833" s="2">
        <v>13.26</v>
      </c>
      <c r="C1833">
        <v>0</v>
      </c>
      <c r="D1833">
        <f t="shared" si="56"/>
        <v>0</v>
      </c>
      <c r="E1833" s="6">
        <f t="shared" si="57"/>
        <v>0</v>
      </c>
    </row>
    <row r="1834" spans="1:5" x14ac:dyDescent="0.25">
      <c r="A1834" s="1">
        <v>43632.25</v>
      </c>
      <c r="B1834" s="2">
        <v>12.42</v>
      </c>
      <c r="C1834">
        <v>5.1895000000000004E-2</v>
      </c>
      <c r="D1834">
        <f t="shared" si="56"/>
        <v>5.1895000000000004E-5</v>
      </c>
      <c r="E1834" s="6">
        <f t="shared" si="57"/>
        <v>6.4453589999999999E-4</v>
      </c>
    </row>
    <row r="1835" spans="1:5" x14ac:dyDescent="0.25">
      <c r="A1835" s="1">
        <v>43632.291666666664</v>
      </c>
      <c r="B1835" s="2">
        <v>13.77</v>
      </c>
      <c r="C1835">
        <v>0.665713</v>
      </c>
      <c r="D1835">
        <f t="shared" si="56"/>
        <v>6.6571299999999996E-4</v>
      </c>
      <c r="E1835" s="6">
        <f t="shared" si="57"/>
        <v>9.166868009999999E-3</v>
      </c>
    </row>
    <row r="1836" spans="1:5" x14ac:dyDescent="0.25">
      <c r="A1836" s="1">
        <v>43632.333333333336</v>
      </c>
      <c r="B1836" s="2">
        <v>16.47</v>
      </c>
      <c r="C1836">
        <v>1.0225610000000001</v>
      </c>
      <c r="D1836">
        <f t="shared" si="56"/>
        <v>1.022561E-3</v>
      </c>
      <c r="E1836" s="6">
        <f t="shared" si="57"/>
        <v>1.6841579669999999E-2</v>
      </c>
    </row>
    <row r="1837" spans="1:5" x14ac:dyDescent="0.25">
      <c r="A1837" s="1">
        <v>43632.375</v>
      </c>
      <c r="B1837" s="2">
        <v>19.11</v>
      </c>
      <c r="C1837">
        <v>2.7420680000000002</v>
      </c>
      <c r="D1837">
        <f t="shared" si="56"/>
        <v>2.7420680000000003E-3</v>
      </c>
      <c r="E1837" s="6">
        <f t="shared" si="57"/>
        <v>5.2400919480000002E-2</v>
      </c>
    </row>
    <row r="1838" spans="1:5" x14ac:dyDescent="0.25">
      <c r="A1838" s="1">
        <v>43632.416666666664</v>
      </c>
      <c r="B1838" s="2">
        <v>21.3</v>
      </c>
      <c r="C1838">
        <v>1.791358</v>
      </c>
      <c r="D1838">
        <f t="shared" si="56"/>
        <v>1.7913580000000001E-3</v>
      </c>
      <c r="E1838" s="6">
        <f t="shared" si="57"/>
        <v>3.8155925400000006E-2</v>
      </c>
    </row>
    <row r="1839" spans="1:5" x14ac:dyDescent="0.25">
      <c r="A1839" s="1">
        <v>43632.458333333336</v>
      </c>
      <c r="B1839" s="2">
        <v>22.89</v>
      </c>
      <c r="C1839">
        <v>3.1294009999999997</v>
      </c>
      <c r="D1839">
        <f t="shared" si="56"/>
        <v>3.1294009999999995E-3</v>
      </c>
      <c r="E1839" s="6">
        <f t="shared" si="57"/>
        <v>7.1631988889999998E-2</v>
      </c>
    </row>
    <row r="1840" spans="1:5" x14ac:dyDescent="0.25">
      <c r="A1840" s="1">
        <v>43632.5</v>
      </c>
      <c r="B1840" s="2">
        <v>26.76</v>
      </c>
      <c r="C1840">
        <v>4.9552800000000001</v>
      </c>
      <c r="D1840">
        <f t="shared" si="56"/>
        <v>4.9552800000000003E-3</v>
      </c>
      <c r="E1840" s="6">
        <f t="shared" si="57"/>
        <v>0.13260329280000002</v>
      </c>
    </row>
    <row r="1841" spans="1:5" x14ac:dyDescent="0.25">
      <c r="A1841" s="1">
        <v>43632.541666666664</v>
      </c>
      <c r="B1841" s="2">
        <v>29.41</v>
      </c>
      <c r="C1841">
        <v>5.0329899999999999</v>
      </c>
      <c r="D1841">
        <f t="shared" si="56"/>
        <v>5.0329900000000002E-3</v>
      </c>
      <c r="E1841" s="6">
        <f t="shared" si="57"/>
        <v>0.14802023590000002</v>
      </c>
    </row>
    <row r="1842" spans="1:5" x14ac:dyDescent="0.25">
      <c r="A1842" s="1">
        <v>43632.583333333336</v>
      </c>
      <c r="B1842" s="2">
        <v>32.130000000000003</v>
      </c>
      <c r="C1842">
        <v>5.5823080000000003</v>
      </c>
      <c r="D1842">
        <f t="shared" si="56"/>
        <v>5.5823080000000002E-3</v>
      </c>
      <c r="E1842" s="6">
        <f t="shared" si="57"/>
        <v>0.17935955604000003</v>
      </c>
    </row>
    <row r="1843" spans="1:5" x14ac:dyDescent="0.25">
      <c r="A1843" s="1">
        <v>43632.625</v>
      </c>
      <c r="B1843" s="2">
        <v>33.9</v>
      </c>
      <c r="C1843">
        <v>4.3357320000000001</v>
      </c>
      <c r="D1843">
        <f t="shared" si="56"/>
        <v>4.3357320000000001E-3</v>
      </c>
      <c r="E1843" s="6">
        <f t="shared" si="57"/>
        <v>0.14698131479999998</v>
      </c>
    </row>
    <row r="1844" spans="1:5" x14ac:dyDescent="0.25">
      <c r="A1844" s="1">
        <v>43632.666666666664</v>
      </c>
      <c r="B1844" s="2">
        <v>36.92</v>
      </c>
      <c r="C1844">
        <v>5.4034360000000001</v>
      </c>
      <c r="D1844">
        <f t="shared" si="56"/>
        <v>5.4034360000000002E-3</v>
      </c>
      <c r="E1844" s="6">
        <f t="shared" si="57"/>
        <v>0.19949485712000001</v>
      </c>
    </row>
    <row r="1845" spans="1:5" x14ac:dyDescent="0.25">
      <c r="A1845" s="1">
        <v>43632.708333333336</v>
      </c>
      <c r="B1845" s="2">
        <v>37.119999999999997</v>
      </c>
      <c r="C1845">
        <v>4.0121000000000002</v>
      </c>
      <c r="D1845">
        <f t="shared" si="56"/>
        <v>4.0121000000000002E-3</v>
      </c>
      <c r="E1845" s="6">
        <f t="shared" si="57"/>
        <v>0.14892915200000001</v>
      </c>
    </row>
    <row r="1846" spans="1:5" x14ac:dyDescent="0.25">
      <c r="A1846" s="1">
        <v>43632.75</v>
      </c>
      <c r="B1846" s="2">
        <v>34.79</v>
      </c>
      <c r="C1846">
        <v>2.1174850000000003</v>
      </c>
      <c r="D1846">
        <f t="shared" si="56"/>
        <v>2.1174850000000001E-3</v>
      </c>
      <c r="E1846" s="6">
        <f t="shared" si="57"/>
        <v>7.3667303150000002E-2</v>
      </c>
    </row>
    <row r="1847" spans="1:5" x14ac:dyDescent="0.25">
      <c r="A1847" s="1">
        <v>43632.791666666664</v>
      </c>
      <c r="B1847" s="2">
        <v>30.98</v>
      </c>
      <c r="C1847">
        <v>0.75584899999999999</v>
      </c>
      <c r="D1847">
        <f t="shared" si="56"/>
        <v>7.5584899999999995E-4</v>
      </c>
      <c r="E1847" s="6">
        <f t="shared" si="57"/>
        <v>2.3416202019999999E-2</v>
      </c>
    </row>
    <row r="1848" spans="1:5" x14ac:dyDescent="0.25">
      <c r="A1848" s="1">
        <v>43632.833333333336</v>
      </c>
      <c r="B1848" s="2">
        <v>29.11</v>
      </c>
      <c r="C1848">
        <v>0.11902299999999999</v>
      </c>
      <c r="D1848">
        <f t="shared" si="56"/>
        <v>1.1902299999999999E-4</v>
      </c>
      <c r="E1848" s="6">
        <f t="shared" si="57"/>
        <v>3.4647595299999996E-3</v>
      </c>
    </row>
    <row r="1849" spans="1:5" x14ac:dyDescent="0.25">
      <c r="A1849" s="1">
        <v>43632.875</v>
      </c>
      <c r="B1849" s="2">
        <v>28.44</v>
      </c>
      <c r="C1849">
        <v>0</v>
      </c>
      <c r="D1849">
        <f t="shared" si="56"/>
        <v>0</v>
      </c>
      <c r="E1849" s="6">
        <f t="shared" si="57"/>
        <v>0</v>
      </c>
    </row>
    <row r="1850" spans="1:5" x14ac:dyDescent="0.25">
      <c r="A1850" s="1">
        <v>43632.916666666664</v>
      </c>
      <c r="B1850" s="2">
        <v>22.89</v>
      </c>
      <c r="C1850">
        <v>0</v>
      </c>
      <c r="D1850">
        <f t="shared" si="56"/>
        <v>0</v>
      </c>
      <c r="E1850" s="6">
        <f t="shared" si="57"/>
        <v>0</v>
      </c>
    </row>
    <row r="1851" spans="1:5" x14ac:dyDescent="0.25">
      <c r="A1851" s="1">
        <v>43632.958333333336</v>
      </c>
      <c r="B1851" s="2">
        <v>20.6</v>
      </c>
      <c r="C1851">
        <v>0</v>
      </c>
      <c r="D1851">
        <f t="shared" si="56"/>
        <v>0</v>
      </c>
      <c r="E1851" s="6">
        <f t="shared" si="57"/>
        <v>0</v>
      </c>
    </row>
    <row r="1852" spans="1:5" x14ac:dyDescent="0.25">
      <c r="A1852" s="1">
        <v>43633</v>
      </c>
      <c r="B1852" s="2">
        <v>18.93</v>
      </c>
      <c r="C1852">
        <v>0</v>
      </c>
      <c r="D1852">
        <f t="shared" si="56"/>
        <v>0</v>
      </c>
      <c r="E1852" s="6">
        <f t="shared" si="57"/>
        <v>0</v>
      </c>
    </row>
    <row r="1853" spans="1:5" x14ac:dyDescent="0.25">
      <c r="A1853" s="1">
        <v>43633.041666666664</v>
      </c>
      <c r="B1853" s="2">
        <v>17.670000000000002</v>
      </c>
      <c r="C1853">
        <v>0</v>
      </c>
      <c r="D1853">
        <f t="shared" si="56"/>
        <v>0</v>
      </c>
      <c r="E1853" s="6">
        <f t="shared" si="57"/>
        <v>0</v>
      </c>
    </row>
    <row r="1854" spans="1:5" x14ac:dyDescent="0.25">
      <c r="A1854" s="1">
        <v>43633.083333333336</v>
      </c>
      <c r="B1854" s="2">
        <v>16.18</v>
      </c>
      <c r="C1854">
        <v>0</v>
      </c>
      <c r="D1854">
        <f t="shared" si="56"/>
        <v>0</v>
      </c>
      <c r="E1854" s="6">
        <f t="shared" si="57"/>
        <v>0</v>
      </c>
    </row>
    <row r="1855" spans="1:5" x14ac:dyDescent="0.25">
      <c r="A1855" s="1">
        <v>43633.125</v>
      </c>
      <c r="B1855" s="2">
        <v>15.77</v>
      </c>
      <c r="C1855">
        <v>0</v>
      </c>
      <c r="D1855">
        <f t="shared" si="56"/>
        <v>0</v>
      </c>
      <c r="E1855" s="6">
        <f t="shared" si="57"/>
        <v>0</v>
      </c>
    </row>
    <row r="1856" spans="1:5" x14ac:dyDescent="0.25">
      <c r="A1856" s="1">
        <v>43633.166666666664</v>
      </c>
      <c r="B1856" s="2">
        <v>16.07</v>
      </c>
      <c r="C1856">
        <v>0</v>
      </c>
      <c r="D1856">
        <f t="shared" si="56"/>
        <v>0</v>
      </c>
      <c r="E1856" s="6">
        <f t="shared" si="57"/>
        <v>0</v>
      </c>
    </row>
    <row r="1857" spans="1:5" x14ac:dyDescent="0.25">
      <c r="A1857" s="1">
        <v>43633.208333333336</v>
      </c>
      <c r="B1857" s="2">
        <v>18.170000000000002</v>
      </c>
      <c r="C1857">
        <v>0</v>
      </c>
      <c r="D1857">
        <f t="shared" si="56"/>
        <v>0</v>
      </c>
      <c r="E1857" s="6">
        <f t="shared" si="57"/>
        <v>0</v>
      </c>
    </row>
    <row r="1858" spans="1:5" x14ac:dyDescent="0.25">
      <c r="A1858" s="1">
        <v>43633.25</v>
      </c>
      <c r="B1858" s="2">
        <v>19.73</v>
      </c>
      <c r="C1858">
        <v>0</v>
      </c>
      <c r="D1858">
        <f t="shared" si="56"/>
        <v>0</v>
      </c>
      <c r="E1858" s="6">
        <f t="shared" si="57"/>
        <v>0</v>
      </c>
    </row>
    <row r="1859" spans="1:5" x14ac:dyDescent="0.25">
      <c r="A1859" s="1">
        <v>43633.291666666664</v>
      </c>
      <c r="B1859" s="2">
        <v>20.399999999999999</v>
      </c>
      <c r="C1859">
        <v>0.33803699999999998</v>
      </c>
      <c r="D1859">
        <f t="shared" si="56"/>
        <v>3.3803699999999996E-4</v>
      </c>
      <c r="E1859" s="6">
        <f t="shared" si="57"/>
        <v>6.8959547999999987E-3</v>
      </c>
    </row>
    <row r="1860" spans="1:5" x14ac:dyDescent="0.25">
      <c r="A1860" s="1">
        <v>43633.333333333336</v>
      </c>
      <c r="B1860" s="2">
        <v>21.63</v>
      </c>
      <c r="C1860">
        <v>1.461757</v>
      </c>
      <c r="D1860">
        <f t="shared" si="56"/>
        <v>1.4617569999999999E-3</v>
      </c>
      <c r="E1860" s="6">
        <f t="shared" si="57"/>
        <v>3.1617803909999999E-2</v>
      </c>
    </row>
    <row r="1861" spans="1:5" x14ac:dyDescent="0.25">
      <c r="A1861" s="1">
        <v>43633.375</v>
      </c>
      <c r="B1861" s="2">
        <v>25.37</v>
      </c>
      <c r="C1861">
        <v>0.98339399999999999</v>
      </c>
      <c r="D1861">
        <f t="shared" si="56"/>
        <v>9.8339400000000006E-4</v>
      </c>
      <c r="E1861" s="6">
        <f t="shared" si="57"/>
        <v>2.4948705780000004E-2</v>
      </c>
    </row>
    <row r="1862" spans="1:5" x14ac:dyDescent="0.25">
      <c r="A1862" s="1">
        <v>43633.416666666664</v>
      </c>
      <c r="B1862" s="2">
        <v>29.09</v>
      </c>
      <c r="C1862">
        <v>2.9549750000000001</v>
      </c>
      <c r="D1862">
        <f t="shared" ref="D1862:D1925" si="58">C1862/1000</f>
        <v>2.9549750000000003E-3</v>
      </c>
      <c r="E1862" s="6">
        <f t="shared" ref="E1862:E1925" si="59">D1862*B1862</f>
        <v>8.5960222750000009E-2</v>
      </c>
    </row>
    <row r="1863" spans="1:5" x14ac:dyDescent="0.25">
      <c r="A1863" s="1">
        <v>43633.458333333336</v>
      </c>
      <c r="B1863" s="2">
        <v>29.8</v>
      </c>
      <c r="C1863">
        <v>2.2446030000000001</v>
      </c>
      <c r="D1863">
        <f t="shared" si="58"/>
        <v>2.244603E-3</v>
      </c>
      <c r="E1863" s="6">
        <f t="shared" si="59"/>
        <v>6.6889169400000004E-2</v>
      </c>
    </row>
    <row r="1864" spans="1:5" x14ac:dyDescent="0.25">
      <c r="A1864" s="1">
        <v>43633.5</v>
      </c>
      <c r="B1864" s="2">
        <v>33.31</v>
      </c>
      <c r="C1864">
        <v>3.7556940000000001</v>
      </c>
      <c r="D1864">
        <f t="shared" si="58"/>
        <v>3.755694E-3</v>
      </c>
      <c r="E1864" s="6">
        <f t="shared" si="59"/>
        <v>0.12510216714</v>
      </c>
    </row>
    <row r="1865" spans="1:5" x14ac:dyDescent="0.25">
      <c r="A1865" s="1">
        <v>43633.541666666664</v>
      </c>
      <c r="B1865" s="2">
        <v>34.200000000000003</v>
      </c>
      <c r="C1865">
        <v>5.315156</v>
      </c>
      <c r="D1865">
        <f t="shared" si="58"/>
        <v>5.3151559999999997E-3</v>
      </c>
      <c r="E1865" s="6">
        <f t="shared" si="59"/>
        <v>0.1817783352</v>
      </c>
    </row>
    <row r="1866" spans="1:5" x14ac:dyDescent="0.25">
      <c r="A1866" s="1">
        <v>43633.583333333336</v>
      </c>
      <c r="B1866" s="2">
        <v>35.03</v>
      </c>
      <c r="C1866">
        <v>2.9739580000000001</v>
      </c>
      <c r="D1866">
        <f t="shared" si="58"/>
        <v>2.9739580000000001E-3</v>
      </c>
      <c r="E1866" s="6">
        <f t="shared" si="59"/>
        <v>0.10417774874000001</v>
      </c>
    </row>
    <row r="1867" spans="1:5" x14ac:dyDescent="0.25">
      <c r="A1867" s="1">
        <v>43633.625</v>
      </c>
      <c r="B1867" s="2">
        <v>34.68</v>
      </c>
      <c r="C1867">
        <v>5.4333810000000007</v>
      </c>
      <c r="D1867">
        <f t="shared" si="58"/>
        <v>5.433381000000001E-3</v>
      </c>
      <c r="E1867" s="6">
        <f t="shared" si="59"/>
        <v>0.18842965308000004</v>
      </c>
    </row>
    <row r="1868" spans="1:5" x14ac:dyDescent="0.25">
      <c r="A1868" s="1">
        <v>43633.666666666664</v>
      </c>
      <c r="B1868" s="2">
        <v>35.17</v>
      </c>
      <c r="C1868">
        <v>5.4001940000000008</v>
      </c>
      <c r="D1868">
        <f t="shared" si="58"/>
        <v>5.4001940000000005E-3</v>
      </c>
      <c r="E1868" s="6">
        <f t="shared" si="59"/>
        <v>0.18992482298000002</v>
      </c>
    </row>
    <row r="1869" spans="1:5" x14ac:dyDescent="0.25">
      <c r="A1869" s="1">
        <v>43633.708333333336</v>
      </c>
      <c r="B1869" s="2">
        <v>34.68</v>
      </c>
      <c r="C1869">
        <v>4.027107</v>
      </c>
      <c r="D1869">
        <f t="shared" si="58"/>
        <v>4.0271070000000003E-3</v>
      </c>
      <c r="E1869" s="6">
        <f t="shared" si="59"/>
        <v>0.13966007076</v>
      </c>
    </row>
    <row r="1870" spans="1:5" x14ac:dyDescent="0.25">
      <c r="A1870" s="1">
        <v>43633.75</v>
      </c>
      <c r="B1870" s="2">
        <v>31.23</v>
      </c>
      <c r="C1870">
        <v>2.1311660000000003</v>
      </c>
      <c r="D1870">
        <f t="shared" si="58"/>
        <v>2.1311660000000003E-3</v>
      </c>
      <c r="E1870" s="6">
        <f t="shared" si="59"/>
        <v>6.6556314180000006E-2</v>
      </c>
    </row>
    <row r="1871" spans="1:5" x14ac:dyDescent="0.25">
      <c r="A1871" s="1">
        <v>43633.791666666664</v>
      </c>
      <c r="B1871" s="2">
        <v>29.08</v>
      </c>
      <c r="C1871">
        <v>0.67648600000000003</v>
      </c>
      <c r="D1871">
        <f t="shared" si="58"/>
        <v>6.7648600000000001E-4</v>
      </c>
      <c r="E1871" s="6">
        <f t="shared" si="59"/>
        <v>1.9672212879999998E-2</v>
      </c>
    </row>
    <row r="1872" spans="1:5" x14ac:dyDescent="0.25">
      <c r="A1872" s="1">
        <v>43633.833333333336</v>
      </c>
      <c r="B1872" s="2">
        <v>29.21</v>
      </c>
      <c r="C1872">
        <v>7.5882999999999992E-2</v>
      </c>
      <c r="D1872">
        <f t="shared" si="58"/>
        <v>7.5882999999999992E-5</v>
      </c>
      <c r="E1872" s="6">
        <f t="shared" si="59"/>
        <v>2.2165424299999997E-3</v>
      </c>
    </row>
    <row r="1873" spans="1:5" x14ac:dyDescent="0.25">
      <c r="A1873" s="1">
        <v>43633.875</v>
      </c>
      <c r="B1873" s="2">
        <v>28.33</v>
      </c>
      <c r="C1873">
        <v>0</v>
      </c>
      <c r="D1873">
        <f t="shared" si="58"/>
        <v>0</v>
      </c>
      <c r="E1873" s="6">
        <f t="shared" si="59"/>
        <v>0</v>
      </c>
    </row>
    <row r="1874" spans="1:5" x14ac:dyDescent="0.25">
      <c r="A1874" s="1">
        <v>43633.916666666664</v>
      </c>
      <c r="B1874" s="2">
        <v>22.95</v>
      </c>
      <c r="C1874">
        <v>0</v>
      </c>
      <c r="D1874">
        <f t="shared" si="58"/>
        <v>0</v>
      </c>
      <c r="E1874" s="6">
        <f t="shared" si="59"/>
        <v>0</v>
      </c>
    </row>
    <row r="1875" spans="1:5" x14ac:dyDescent="0.25">
      <c r="A1875" s="1">
        <v>43633.958333333336</v>
      </c>
      <c r="B1875" s="2">
        <v>20.53</v>
      </c>
      <c r="C1875">
        <v>0</v>
      </c>
      <c r="D1875">
        <f t="shared" si="58"/>
        <v>0</v>
      </c>
      <c r="E1875" s="6">
        <f t="shared" si="59"/>
        <v>0</v>
      </c>
    </row>
    <row r="1876" spans="1:5" x14ac:dyDescent="0.25">
      <c r="A1876" s="1">
        <v>43634</v>
      </c>
      <c r="B1876" s="2">
        <v>18.22</v>
      </c>
      <c r="C1876">
        <v>0</v>
      </c>
      <c r="D1876">
        <f t="shared" si="58"/>
        <v>0</v>
      </c>
      <c r="E1876" s="6">
        <f t="shared" si="59"/>
        <v>0</v>
      </c>
    </row>
    <row r="1877" spans="1:5" x14ac:dyDescent="0.25">
      <c r="A1877" s="1">
        <v>43634.041666666664</v>
      </c>
      <c r="B1877" s="2">
        <v>18.11</v>
      </c>
      <c r="C1877">
        <v>0</v>
      </c>
      <c r="D1877">
        <f t="shared" si="58"/>
        <v>0</v>
      </c>
      <c r="E1877" s="6">
        <f t="shared" si="59"/>
        <v>0</v>
      </c>
    </row>
    <row r="1878" spans="1:5" x14ac:dyDescent="0.25">
      <c r="A1878" s="1">
        <v>43634.083333333336</v>
      </c>
      <c r="B1878" s="2">
        <v>16.45</v>
      </c>
      <c r="C1878">
        <v>0</v>
      </c>
      <c r="D1878">
        <f t="shared" si="58"/>
        <v>0</v>
      </c>
      <c r="E1878" s="6">
        <f t="shared" si="59"/>
        <v>0</v>
      </c>
    </row>
    <row r="1879" spans="1:5" x14ac:dyDescent="0.25">
      <c r="A1879" s="1">
        <v>43634.125</v>
      </c>
      <c r="B1879" s="2">
        <v>15.95</v>
      </c>
      <c r="C1879">
        <v>0</v>
      </c>
      <c r="D1879">
        <f t="shared" si="58"/>
        <v>0</v>
      </c>
      <c r="E1879" s="6">
        <f t="shared" si="59"/>
        <v>0</v>
      </c>
    </row>
    <row r="1880" spans="1:5" x14ac:dyDescent="0.25">
      <c r="A1880" s="1">
        <v>43634.166666666664</v>
      </c>
      <c r="B1880" s="2">
        <v>16.170000000000002</v>
      </c>
      <c r="C1880">
        <v>0</v>
      </c>
      <c r="D1880">
        <f t="shared" si="58"/>
        <v>0</v>
      </c>
      <c r="E1880" s="6">
        <f t="shared" si="59"/>
        <v>0</v>
      </c>
    </row>
    <row r="1881" spans="1:5" x14ac:dyDescent="0.25">
      <c r="A1881" s="1">
        <v>43634.208333333336</v>
      </c>
      <c r="B1881" s="2">
        <v>18.170000000000002</v>
      </c>
      <c r="C1881">
        <v>0</v>
      </c>
      <c r="D1881">
        <f t="shared" si="58"/>
        <v>0</v>
      </c>
      <c r="E1881" s="6">
        <f t="shared" si="59"/>
        <v>0</v>
      </c>
    </row>
    <row r="1882" spans="1:5" x14ac:dyDescent="0.25">
      <c r="A1882" s="1">
        <v>43634.25</v>
      </c>
      <c r="B1882" s="2">
        <v>19.25</v>
      </c>
      <c r="C1882">
        <v>2.5379000000000002E-2</v>
      </c>
      <c r="D1882">
        <f t="shared" si="58"/>
        <v>2.5379000000000002E-5</v>
      </c>
      <c r="E1882" s="6">
        <f t="shared" si="59"/>
        <v>4.8854574999999999E-4</v>
      </c>
    </row>
    <row r="1883" spans="1:5" x14ac:dyDescent="0.25">
      <c r="A1883" s="1">
        <v>43634.291666666664</v>
      </c>
      <c r="B1883" s="2">
        <v>20.03</v>
      </c>
      <c r="C1883">
        <v>0.58375500000000002</v>
      </c>
      <c r="D1883">
        <f t="shared" si="58"/>
        <v>5.8375500000000004E-4</v>
      </c>
      <c r="E1883" s="6">
        <f t="shared" si="59"/>
        <v>1.1692612650000002E-2</v>
      </c>
    </row>
    <row r="1884" spans="1:5" x14ac:dyDescent="0.25">
      <c r="A1884" s="1">
        <v>43634.333333333336</v>
      </c>
      <c r="B1884" s="2">
        <v>21.15</v>
      </c>
      <c r="C1884">
        <v>1.1082919999999998</v>
      </c>
      <c r="D1884">
        <f t="shared" si="58"/>
        <v>1.1082919999999999E-3</v>
      </c>
      <c r="E1884" s="6">
        <f t="shared" si="59"/>
        <v>2.3440375799999996E-2</v>
      </c>
    </row>
    <row r="1885" spans="1:5" x14ac:dyDescent="0.25">
      <c r="A1885" s="1">
        <v>43634.375</v>
      </c>
      <c r="B1885" s="2">
        <v>22.88</v>
      </c>
      <c r="C1885">
        <v>2.5422549999999999</v>
      </c>
      <c r="D1885">
        <f t="shared" si="58"/>
        <v>2.5422549999999998E-3</v>
      </c>
      <c r="E1885" s="6">
        <f t="shared" si="59"/>
        <v>5.8166794399999992E-2</v>
      </c>
    </row>
    <row r="1886" spans="1:5" x14ac:dyDescent="0.25">
      <c r="A1886" s="1">
        <v>43634.416666666664</v>
      </c>
      <c r="B1886" s="2">
        <v>26.05</v>
      </c>
      <c r="C1886">
        <v>4.6917999999999997</v>
      </c>
      <c r="D1886">
        <f t="shared" si="58"/>
        <v>4.6917999999999994E-3</v>
      </c>
      <c r="E1886" s="6">
        <f t="shared" si="59"/>
        <v>0.12222138999999999</v>
      </c>
    </row>
    <row r="1887" spans="1:5" x14ac:dyDescent="0.25">
      <c r="A1887" s="1">
        <v>43634.458333333336</v>
      </c>
      <c r="B1887" s="2">
        <v>26.67</v>
      </c>
      <c r="C1887">
        <v>4.4886650000000001</v>
      </c>
      <c r="D1887">
        <f t="shared" si="58"/>
        <v>4.4886650000000002E-3</v>
      </c>
      <c r="E1887" s="6">
        <f t="shared" si="59"/>
        <v>0.11971269555000001</v>
      </c>
    </row>
    <row r="1888" spans="1:5" x14ac:dyDescent="0.25">
      <c r="A1888" s="1">
        <v>43634.5</v>
      </c>
      <c r="B1888" s="2">
        <v>28.16</v>
      </c>
      <c r="C1888">
        <v>5.2783660000000001</v>
      </c>
      <c r="D1888">
        <f t="shared" si="58"/>
        <v>5.2783660000000005E-3</v>
      </c>
      <c r="E1888" s="6">
        <f t="shared" si="59"/>
        <v>0.14863878656000001</v>
      </c>
    </row>
    <row r="1889" spans="1:5" x14ac:dyDescent="0.25">
      <c r="A1889" s="1">
        <v>43634.541666666664</v>
      </c>
      <c r="B1889" s="2">
        <v>28.8</v>
      </c>
      <c r="C1889">
        <v>5.2666270000000006</v>
      </c>
      <c r="D1889">
        <f t="shared" si="58"/>
        <v>5.2666270000000003E-3</v>
      </c>
      <c r="E1889" s="6">
        <f t="shared" si="59"/>
        <v>0.15167885760000002</v>
      </c>
    </row>
    <row r="1890" spans="1:5" x14ac:dyDescent="0.25">
      <c r="A1890" s="1">
        <v>43634.583333333336</v>
      </c>
      <c r="B1890" s="2">
        <v>29.42</v>
      </c>
      <c r="C1890">
        <v>4.9436800000000005</v>
      </c>
      <c r="D1890">
        <f t="shared" si="58"/>
        <v>4.9436800000000006E-3</v>
      </c>
      <c r="E1890" s="6">
        <f t="shared" si="59"/>
        <v>0.14544306560000003</v>
      </c>
    </row>
    <row r="1891" spans="1:5" x14ac:dyDescent="0.25">
      <c r="A1891" s="1">
        <v>43634.625</v>
      </c>
      <c r="B1891" s="2">
        <v>30.48</v>
      </c>
      <c r="C1891">
        <v>3.7914780000000001</v>
      </c>
      <c r="D1891">
        <f t="shared" si="58"/>
        <v>3.791478E-3</v>
      </c>
      <c r="E1891" s="6">
        <f t="shared" si="59"/>
        <v>0.11556424944</v>
      </c>
    </row>
    <row r="1892" spans="1:5" x14ac:dyDescent="0.25">
      <c r="A1892" s="1">
        <v>43634.666666666664</v>
      </c>
      <c r="B1892" s="2">
        <v>30.75</v>
      </c>
      <c r="C1892">
        <v>3.9807579999999998</v>
      </c>
      <c r="D1892">
        <f t="shared" si="58"/>
        <v>3.980758E-3</v>
      </c>
      <c r="E1892" s="6">
        <f t="shared" si="59"/>
        <v>0.12240830850000001</v>
      </c>
    </row>
    <row r="1893" spans="1:5" x14ac:dyDescent="0.25">
      <c r="A1893" s="1">
        <v>43634.708333333336</v>
      </c>
      <c r="B1893" s="2">
        <v>31.94</v>
      </c>
      <c r="C1893">
        <v>4.1347860000000001</v>
      </c>
      <c r="D1893">
        <f t="shared" si="58"/>
        <v>4.1347859999999997E-3</v>
      </c>
      <c r="E1893" s="6">
        <f t="shared" si="59"/>
        <v>0.13206506484</v>
      </c>
    </row>
    <row r="1894" spans="1:5" x14ac:dyDescent="0.25">
      <c r="A1894" s="1">
        <v>43634.75</v>
      </c>
      <c r="B1894" s="2">
        <v>29.05</v>
      </c>
      <c r="C1894">
        <v>2.139427</v>
      </c>
      <c r="D1894">
        <f t="shared" si="58"/>
        <v>2.1394270000000002E-3</v>
      </c>
      <c r="E1894" s="6">
        <f t="shared" si="59"/>
        <v>6.2150354350000006E-2</v>
      </c>
    </row>
    <row r="1895" spans="1:5" x14ac:dyDescent="0.25">
      <c r="A1895" s="1">
        <v>43634.791666666664</v>
      </c>
      <c r="B1895" s="2">
        <v>26.92</v>
      </c>
      <c r="C1895">
        <v>0.76241700000000001</v>
      </c>
      <c r="D1895">
        <f t="shared" si="58"/>
        <v>7.6241700000000004E-4</v>
      </c>
      <c r="E1895" s="6">
        <f t="shared" si="59"/>
        <v>2.0524265640000001E-2</v>
      </c>
    </row>
    <row r="1896" spans="1:5" x14ac:dyDescent="0.25">
      <c r="A1896" s="1">
        <v>43634.833333333336</v>
      </c>
      <c r="B1896" s="2">
        <v>27.27</v>
      </c>
      <c r="C1896">
        <v>0.102226</v>
      </c>
      <c r="D1896">
        <f t="shared" si="58"/>
        <v>1.0222599999999999E-4</v>
      </c>
      <c r="E1896" s="6">
        <f t="shared" si="59"/>
        <v>2.7877030199999998E-3</v>
      </c>
    </row>
    <row r="1897" spans="1:5" x14ac:dyDescent="0.25">
      <c r="A1897" s="1">
        <v>43634.875</v>
      </c>
      <c r="B1897" s="2">
        <v>26.6</v>
      </c>
      <c r="C1897">
        <v>0</v>
      </c>
      <c r="D1897">
        <f t="shared" si="58"/>
        <v>0</v>
      </c>
      <c r="E1897" s="6">
        <f t="shared" si="59"/>
        <v>0</v>
      </c>
    </row>
    <row r="1898" spans="1:5" x14ac:dyDescent="0.25">
      <c r="A1898" s="1">
        <v>43634.916666666664</v>
      </c>
      <c r="B1898" s="2">
        <v>22.51</v>
      </c>
      <c r="C1898">
        <v>0</v>
      </c>
      <c r="D1898">
        <f t="shared" si="58"/>
        <v>0</v>
      </c>
      <c r="E1898" s="6">
        <f t="shared" si="59"/>
        <v>0</v>
      </c>
    </row>
    <row r="1899" spans="1:5" x14ac:dyDescent="0.25">
      <c r="A1899" s="1">
        <v>43634.958333333336</v>
      </c>
      <c r="B1899" s="2">
        <v>20.14</v>
      </c>
      <c r="C1899">
        <v>0</v>
      </c>
      <c r="D1899">
        <f t="shared" si="58"/>
        <v>0</v>
      </c>
      <c r="E1899" s="6">
        <f t="shared" si="59"/>
        <v>0</v>
      </c>
    </row>
    <row r="1900" spans="1:5" x14ac:dyDescent="0.25">
      <c r="A1900" s="1">
        <v>43635</v>
      </c>
      <c r="B1900" s="2">
        <v>18.72</v>
      </c>
      <c r="C1900">
        <v>0</v>
      </c>
      <c r="D1900">
        <f t="shared" si="58"/>
        <v>0</v>
      </c>
      <c r="E1900" s="6">
        <f t="shared" si="59"/>
        <v>0</v>
      </c>
    </row>
    <row r="1901" spans="1:5" x14ac:dyDescent="0.25">
      <c r="A1901" s="1">
        <v>43635.041666666664</v>
      </c>
      <c r="B1901" s="2">
        <v>18.5</v>
      </c>
      <c r="C1901">
        <v>0</v>
      </c>
      <c r="D1901">
        <f t="shared" si="58"/>
        <v>0</v>
      </c>
      <c r="E1901" s="6">
        <f t="shared" si="59"/>
        <v>0</v>
      </c>
    </row>
    <row r="1902" spans="1:5" x14ac:dyDescent="0.25">
      <c r="A1902" s="1">
        <v>43635.083333333336</v>
      </c>
      <c r="B1902" s="2">
        <v>17.02</v>
      </c>
      <c r="C1902">
        <v>0</v>
      </c>
      <c r="D1902">
        <f t="shared" si="58"/>
        <v>0</v>
      </c>
      <c r="E1902" s="6">
        <f t="shared" si="59"/>
        <v>0</v>
      </c>
    </row>
    <row r="1903" spans="1:5" x14ac:dyDescent="0.25">
      <c r="A1903" s="1">
        <v>43635.125</v>
      </c>
      <c r="B1903" s="2">
        <v>16.39</v>
      </c>
      <c r="C1903">
        <v>0</v>
      </c>
      <c r="D1903">
        <f t="shared" si="58"/>
        <v>0</v>
      </c>
      <c r="E1903" s="6">
        <f t="shared" si="59"/>
        <v>0</v>
      </c>
    </row>
    <row r="1904" spans="1:5" x14ac:dyDescent="0.25">
      <c r="A1904" s="1">
        <v>43635.166666666664</v>
      </c>
      <c r="B1904" s="2">
        <v>16.73</v>
      </c>
      <c r="C1904">
        <v>0</v>
      </c>
      <c r="D1904">
        <f t="shared" si="58"/>
        <v>0</v>
      </c>
      <c r="E1904" s="6">
        <f t="shared" si="59"/>
        <v>0</v>
      </c>
    </row>
    <row r="1905" spans="1:5" x14ac:dyDescent="0.25">
      <c r="A1905" s="1">
        <v>43635.208333333336</v>
      </c>
      <c r="B1905" s="2">
        <v>18.260000000000002</v>
      </c>
      <c r="C1905">
        <v>0</v>
      </c>
      <c r="D1905">
        <f t="shared" si="58"/>
        <v>0</v>
      </c>
      <c r="E1905" s="6">
        <f t="shared" si="59"/>
        <v>0</v>
      </c>
    </row>
    <row r="1906" spans="1:5" x14ac:dyDescent="0.25">
      <c r="A1906" s="1">
        <v>43635.25</v>
      </c>
      <c r="B1906" s="2">
        <v>19.850000000000001</v>
      </c>
      <c r="C1906">
        <v>0</v>
      </c>
      <c r="D1906">
        <f t="shared" si="58"/>
        <v>0</v>
      </c>
      <c r="E1906" s="6">
        <f t="shared" si="59"/>
        <v>0</v>
      </c>
    </row>
    <row r="1907" spans="1:5" x14ac:dyDescent="0.25">
      <c r="A1907" s="1">
        <v>43635.291666666664</v>
      </c>
      <c r="B1907" s="2">
        <v>20.28</v>
      </c>
      <c r="C1907">
        <v>0.68306699999999998</v>
      </c>
      <c r="D1907">
        <f t="shared" si="58"/>
        <v>6.8306699999999998E-4</v>
      </c>
      <c r="E1907" s="6">
        <f t="shared" si="59"/>
        <v>1.3852598760000001E-2</v>
      </c>
    </row>
    <row r="1908" spans="1:5" x14ac:dyDescent="0.25">
      <c r="A1908" s="1">
        <v>43635.333333333336</v>
      </c>
      <c r="B1908" s="2">
        <v>21.26</v>
      </c>
      <c r="C1908">
        <v>1.2174929999999999</v>
      </c>
      <c r="D1908">
        <f t="shared" si="58"/>
        <v>1.2174929999999998E-3</v>
      </c>
      <c r="E1908" s="6">
        <f t="shared" si="59"/>
        <v>2.5883901179999998E-2</v>
      </c>
    </row>
    <row r="1909" spans="1:5" x14ac:dyDescent="0.25">
      <c r="A1909" s="1">
        <v>43635.375</v>
      </c>
      <c r="B1909" s="2">
        <v>23.57</v>
      </c>
      <c r="C1909">
        <v>2.1749699999999996</v>
      </c>
      <c r="D1909">
        <f t="shared" si="58"/>
        <v>2.1749699999999996E-3</v>
      </c>
      <c r="E1909" s="6">
        <f t="shared" si="59"/>
        <v>5.1264042899999994E-2</v>
      </c>
    </row>
    <row r="1910" spans="1:5" x14ac:dyDescent="0.25">
      <c r="A1910" s="1">
        <v>43635.416666666664</v>
      </c>
      <c r="B1910" s="2">
        <v>25.96</v>
      </c>
      <c r="C1910">
        <v>1.8160340000000001</v>
      </c>
      <c r="D1910">
        <f t="shared" si="58"/>
        <v>1.8160340000000002E-3</v>
      </c>
      <c r="E1910" s="6">
        <f t="shared" si="59"/>
        <v>4.7144242640000007E-2</v>
      </c>
    </row>
    <row r="1911" spans="1:5" x14ac:dyDescent="0.25">
      <c r="A1911" s="1">
        <v>43635.458333333336</v>
      </c>
      <c r="B1911" s="2">
        <v>28.26</v>
      </c>
      <c r="C1911">
        <v>2.299363</v>
      </c>
      <c r="D1911">
        <f t="shared" si="58"/>
        <v>2.299363E-3</v>
      </c>
      <c r="E1911" s="6">
        <f t="shared" si="59"/>
        <v>6.4979998380000001E-2</v>
      </c>
    </row>
    <row r="1912" spans="1:5" x14ac:dyDescent="0.25">
      <c r="A1912" s="1">
        <v>43635.5</v>
      </c>
      <c r="B1912" s="2">
        <v>28.49</v>
      </c>
      <c r="C1912">
        <v>4.0773820000000001</v>
      </c>
      <c r="D1912">
        <f t="shared" si="58"/>
        <v>4.0773820000000001E-3</v>
      </c>
      <c r="E1912" s="6">
        <f t="shared" si="59"/>
        <v>0.11616461318</v>
      </c>
    </row>
    <row r="1913" spans="1:5" x14ac:dyDescent="0.25">
      <c r="A1913" s="1">
        <v>43635.541666666664</v>
      </c>
      <c r="B1913" s="2">
        <v>31.36</v>
      </c>
      <c r="C1913">
        <v>4.8919790000000001</v>
      </c>
      <c r="D1913">
        <f t="shared" si="58"/>
        <v>4.8919790000000003E-3</v>
      </c>
      <c r="E1913" s="6">
        <f t="shared" si="59"/>
        <v>0.15341246144000001</v>
      </c>
    </row>
    <row r="1914" spans="1:5" x14ac:dyDescent="0.25">
      <c r="A1914" s="1">
        <v>43635.583333333336</v>
      </c>
      <c r="B1914" s="2">
        <v>31.25</v>
      </c>
      <c r="C1914">
        <v>5.1069700000000005</v>
      </c>
      <c r="D1914">
        <f t="shared" si="58"/>
        <v>5.1069700000000006E-3</v>
      </c>
      <c r="E1914" s="6">
        <f t="shared" si="59"/>
        <v>0.15959281250000001</v>
      </c>
    </row>
    <row r="1915" spans="1:5" x14ac:dyDescent="0.25">
      <c r="A1915" s="1">
        <v>43635.625</v>
      </c>
      <c r="B1915" s="2">
        <v>32.06</v>
      </c>
      <c r="C1915">
        <v>3.732939</v>
      </c>
      <c r="D1915">
        <f t="shared" si="58"/>
        <v>3.7329390000000002E-3</v>
      </c>
      <c r="E1915" s="6">
        <f t="shared" si="59"/>
        <v>0.11967802434000002</v>
      </c>
    </row>
    <row r="1916" spans="1:5" x14ac:dyDescent="0.25">
      <c r="A1916" s="1">
        <v>43635.666666666664</v>
      </c>
      <c r="B1916" s="2">
        <v>33.22</v>
      </c>
      <c r="C1916">
        <v>3.9873530000000001</v>
      </c>
      <c r="D1916">
        <f t="shared" si="58"/>
        <v>3.9873529999999999E-3</v>
      </c>
      <c r="E1916" s="6">
        <f t="shared" si="59"/>
        <v>0.13245986665999998</v>
      </c>
    </row>
    <row r="1917" spans="1:5" x14ac:dyDescent="0.25">
      <c r="A1917" s="1">
        <v>43635.708333333336</v>
      </c>
      <c r="B1917" s="2">
        <v>32.049999999999997</v>
      </c>
      <c r="C1917">
        <v>3.380509</v>
      </c>
      <c r="D1917">
        <f t="shared" si="58"/>
        <v>3.3805089999999999E-3</v>
      </c>
      <c r="E1917" s="6">
        <f t="shared" si="59"/>
        <v>0.10834531344999998</v>
      </c>
    </row>
    <row r="1918" spans="1:5" x14ac:dyDescent="0.25">
      <c r="A1918" s="1">
        <v>43635.75</v>
      </c>
      <c r="B1918" s="2">
        <v>28.08</v>
      </c>
      <c r="C1918">
        <v>1.0182500000000001</v>
      </c>
      <c r="D1918">
        <f t="shared" si="58"/>
        <v>1.0182500000000001E-3</v>
      </c>
      <c r="E1918" s="6">
        <f t="shared" si="59"/>
        <v>2.859246E-2</v>
      </c>
    </row>
    <row r="1919" spans="1:5" x14ac:dyDescent="0.25">
      <c r="A1919" s="1">
        <v>43635.791666666664</v>
      </c>
      <c r="B1919" s="2">
        <v>26.84</v>
      </c>
      <c r="C1919">
        <v>0.8383250000000001</v>
      </c>
      <c r="D1919">
        <f t="shared" si="58"/>
        <v>8.3832500000000012E-4</v>
      </c>
      <c r="E1919" s="6">
        <f t="shared" si="59"/>
        <v>2.2500643000000004E-2</v>
      </c>
    </row>
    <row r="1920" spans="1:5" x14ac:dyDescent="0.25">
      <c r="A1920" s="1">
        <v>43635.833333333336</v>
      </c>
      <c r="B1920" s="2">
        <v>26.26</v>
      </c>
      <c r="C1920">
        <v>0.116831</v>
      </c>
      <c r="D1920">
        <f t="shared" si="58"/>
        <v>1.1683100000000001E-4</v>
      </c>
      <c r="E1920" s="6">
        <f t="shared" si="59"/>
        <v>3.0679820600000005E-3</v>
      </c>
    </row>
    <row r="1921" spans="1:5" x14ac:dyDescent="0.25">
      <c r="A1921" s="1">
        <v>43635.875</v>
      </c>
      <c r="B1921" s="2">
        <v>24.7</v>
      </c>
      <c r="C1921">
        <v>0</v>
      </c>
      <c r="D1921">
        <f t="shared" si="58"/>
        <v>0</v>
      </c>
      <c r="E1921" s="6">
        <f t="shared" si="59"/>
        <v>0</v>
      </c>
    </row>
    <row r="1922" spans="1:5" x14ac:dyDescent="0.25">
      <c r="A1922" s="1">
        <v>43635.916666666664</v>
      </c>
      <c r="B1922" s="2">
        <v>21.82</v>
      </c>
      <c r="C1922">
        <v>0</v>
      </c>
      <c r="D1922">
        <f t="shared" si="58"/>
        <v>0</v>
      </c>
      <c r="E1922" s="6">
        <f t="shared" si="59"/>
        <v>0</v>
      </c>
    </row>
    <row r="1923" spans="1:5" x14ac:dyDescent="0.25">
      <c r="A1923" s="1">
        <v>43635.958333333336</v>
      </c>
      <c r="B1923" s="2">
        <v>19.87</v>
      </c>
      <c r="C1923">
        <v>0</v>
      </c>
      <c r="D1923">
        <f t="shared" si="58"/>
        <v>0</v>
      </c>
      <c r="E1923" s="6">
        <f t="shared" si="59"/>
        <v>0</v>
      </c>
    </row>
    <row r="1924" spans="1:5" x14ac:dyDescent="0.25">
      <c r="A1924" s="1">
        <v>43636</v>
      </c>
      <c r="B1924" s="2">
        <v>18.88</v>
      </c>
      <c r="C1924">
        <v>0</v>
      </c>
      <c r="D1924">
        <f t="shared" si="58"/>
        <v>0</v>
      </c>
      <c r="E1924" s="6">
        <f t="shared" si="59"/>
        <v>0</v>
      </c>
    </row>
    <row r="1925" spans="1:5" x14ac:dyDescent="0.25">
      <c r="A1925" s="1">
        <v>43636.041666666664</v>
      </c>
      <c r="B1925" s="2">
        <v>18.13</v>
      </c>
      <c r="C1925">
        <v>0</v>
      </c>
      <c r="D1925">
        <f t="shared" si="58"/>
        <v>0</v>
      </c>
      <c r="E1925" s="6">
        <f t="shared" si="59"/>
        <v>0</v>
      </c>
    </row>
    <row r="1926" spans="1:5" x14ac:dyDescent="0.25">
      <c r="A1926" s="1">
        <v>43636.083333333336</v>
      </c>
      <c r="B1926" s="2">
        <v>16.739999999999998</v>
      </c>
      <c r="C1926">
        <v>0</v>
      </c>
      <c r="D1926">
        <f t="shared" ref="D1926:D1989" si="60">C1926/1000</f>
        <v>0</v>
      </c>
      <c r="E1926" s="6">
        <f t="shared" ref="E1926:E1989" si="61">D1926*B1926</f>
        <v>0</v>
      </c>
    </row>
    <row r="1927" spans="1:5" x14ac:dyDescent="0.25">
      <c r="A1927" s="1">
        <v>43636.125</v>
      </c>
      <c r="B1927" s="2">
        <v>16.16</v>
      </c>
      <c r="C1927">
        <v>0</v>
      </c>
      <c r="D1927">
        <f t="shared" si="60"/>
        <v>0</v>
      </c>
      <c r="E1927" s="6">
        <f t="shared" si="61"/>
        <v>0</v>
      </c>
    </row>
    <row r="1928" spans="1:5" x14ac:dyDescent="0.25">
      <c r="A1928" s="1">
        <v>43636.166666666664</v>
      </c>
      <c r="B1928" s="2">
        <v>16.57</v>
      </c>
      <c r="C1928">
        <v>0</v>
      </c>
      <c r="D1928">
        <f t="shared" si="60"/>
        <v>0</v>
      </c>
      <c r="E1928" s="6">
        <f t="shared" si="61"/>
        <v>0</v>
      </c>
    </row>
    <row r="1929" spans="1:5" x14ac:dyDescent="0.25">
      <c r="A1929" s="1">
        <v>43636.208333333336</v>
      </c>
      <c r="B1929" s="2">
        <v>18.66</v>
      </c>
      <c r="C1929">
        <v>0</v>
      </c>
      <c r="D1929">
        <f t="shared" si="60"/>
        <v>0</v>
      </c>
      <c r="E1929" s="6">
        <f t="shared" si="61"/>
        <v>0</v>
      </c>
    </row>
    <row r="1930" spans="1:5" x14ac:dyDescent="0.25">
      <c r="A1930" s="1">
        <v>43636.25</v>
      </c>
      <c r="B1930" s="2">
        <v>19.510000000000002</v>
      </c>
      <c r="C1930">
        <v>5.8223999999999998E-2</v>
      </c>
      <c r="D1930">
        <f t="shared" si="60"/>
        <v>5.8223999999999997E-5</v>
      </c>
      <c r="E1930" s="6">
        <f t="shared" si="61"/>
        <v>1.1359502400000001E-3</v>
      </c>
    </row>
    <row r="1931" spans="1:5" x14ac:dyDescent="0.25">
      <c r="A1931" s="1">
        <v>43636.291666666664</v>
      </c>
      <c r="B1931" s="2">
        <v>20.04</v>
      </c>
      <c r="C1931">
        <v>0.69878999999999991</v>
      </c>
      <c r="D1931">
        <f t="shared" si="60"/>
        <v>6.9878999999999991E-4</v>
      </c>
      <c r="E1931" s="6">
        <f t="shared" si="61"/>
        <v>1.4003751599999998E-2</v>
      </c>
    </row>
    <row r="1932" spans="1:5" x14ac:dyDescent="0.25">
      <c r="A1932" s="1">
        <v>43636.333333333336</v>
      </c>
      <c r="B1932" s="2">
        <v>20.54</v>
      </c>
      <c r="C1932">
        <v>2.0297909999999999</v>
      </c>
      <c r="D1932">
        <f t="shared" si="60"/>
        <v>2.029791E-3</v>
      </c>
      <c r="E1932" s="6">
        <f t="shared" si="61"/>
        <v>4.1691907139999998E-2</v>
      </c>
    </row>
    <row r="1933" spans="1:5" x14ac:dyDescent="0.25">
      <c r="A1933" s="1">
        <v>43636.375</v>
      </c>
      <c r="B1933" s="2">
        <v>22.96</v>
      </c>
      <c r="C1933">
        <v>3.1577060000000001</v>
      </c>
      <c r="D1933">
        <f t="shared" si="60"/>
        <v>3.1577060000000001E-3</v>
      </c>
      <c r="E1933" s="6">
        <f t="shared" si="61"/>
        <v>7.2500929759999999E-2</v>
      </c>
    </row>
    <row r="1934" spans="1:5" x14ac:dyDescent="0.25">
      <c r="A1934" s="1">
        <v>43636.416666666664</v>
      </c>
      <c r="B1934" s="2">
        <v>24.66</v>
      </c>
      <c r="C1934">
        <v>3.7969369999999998</v>
      </c>
      <c r="D1934">
        <f t="shared" si="60"/>
        <v>3.7969369999999998E-3</v>
      </c>
      <c r="E1934" s="6">
        <f t="shared" si="61"/>
        <v>9.3632466419999991E-2</v>
      </c>
    </row>
    <row r="1935" spans="1:5" x14ac:dyDescent="0.25">
      <c r="A1935" s="1">
        <v>43636.458333333336</v>
      </c>
      <c r="B1935" s="2">
        <v>26.36</v>
      </c>
      <c r="C1935">
        <v>5.1765680000000005</v>
      </c>
      <c r="D1935">
        <f t="shared" si="60"/>
        <v>5.1765680000000003E-3</v>
      </c>
      <c r="E1935" s="6">
        <f t="shared" si="61"/>
        <v>0.13645433248</v>
      </c>
    </row>
    <row r="1936" spans="1:5" x14ac:dyDescent="0.25">
      <c r="A1936" s="1">
        <v>43636.5</v>
      </c>
      <c r="B1936" s="2">
        <v>27.4</v>
      </c>
      <c r="C1936">
        <v>4.7298010000000001</v>
      </c>
      <c r="D1936">
        <f t="shared" si="60"/>
        <v>4.7298010000000005E-3</v>
      </c>
      <c r="E1936" s="6">
        <f t="shared" si="61"/>
        <v>0.12959654740000001</v>
      </c>
    </row>
    <row r="1937" spans="1:5" x14ac:dyDescent="0.25">
      <c r="A1937" s="1">
        <v>43636.541666666664</v>
      </c>
      <c r="B1937" s="2">
        <v>30.27</v>
      </c>
      <c r="C1937">
        <v>5.492515</v>
      </c>
      <c r="D1937">
        <f t="shared" si="60"/>
        <v>5.4925149999999999E-3</v>
      </c>
      <c r="E1937" s="6">
        <f t="shared" si="61"/>
        <v>0.16625842904999999</v>
      </c>
    </row>
    <row r="1938" spans="1:5" x14ac:dyDescent="0.25">
      <c r="A1938" s="1">
        <v>43636.583333333336</v>
      </c>
      <c r="B1938" s="2">
        <v>29.04</v>
      </c>
      <c r="C1938">
        <v>4.1639569999999999</v>
      </c>
      <c r="D1938">
        <f t="shared" si="60"/>
        <v>4.1639570000000002E-3</v>
      </c>
      <c r="E1938" s="6">
        <f t="shared" si="61"/>
        <v>0.12092131128</v>
      </c>
    </row>
    <row r="1939" spans="1:5" x14ac:dyDescent="0.25">
      <c r="A1939" s="1">
        <v>43636.625</v>
      </c>
      <c r="B1939" s="2">
        <v>29.75</v>
      </c>
      <c r="C1939">
        <v>1.568811</v>
      </c>
      <c r="D1939">
        <f t="shared" si="60"/>
        <v>1.568811E-3</v>
      </c>
      <c r="E1939" s="6">
        <f t="shared" si="61"/>
        <v>4.6672127250000001E-2</v>
      </c>
    </row>
    <row r="1940" spans="1:5" x14ac:dyDescent="0.25">
      <c r="A1940" s="1">
        <v>43636.666666666664</v>
      </c>
      <c r="B1940" s="2">
        <v>31.68</v>
      </c>
      <c r="C1940">
        <v>4.9516409999999995</v>
      </c>
      <c r="D1940">
        <f t="shared" si="60"/>
        <v>4.9516409999999997E-3</v>
      </c>
      <c r="E1940" s="6">
        <f t="shared" si="61"/>
        <v>0.15686798687999998</v>
      </c>
    </row>
    <row r="1941" spans="1:5" x14ac:dyDescent="0.25">
      <c r="A1941" s="1">
        <v>43636.708333333336</v>
      </c>
      <c r="B1941" s="2">
        <v>30.91</v>
      </c>
      <c r="C1941">
        <v>3.7969209999999998</v>
      </c>
      <c r="D1941">
        <f t="shared" si="60"/>
        <v>3.796921E-3</v>
      </c>
      <c r="E1941" s="6">
        <f t="shared" si="61"/>
        <v>0.11736282811</v>
      </c>
    </row>
    <row r="1942" spans="1:5" x14ac:dyDescent="0.25">
      <c r="A1942" s="1">
        <v>43636.75</v>
      </c>
      <c r="B1942" s="2">
        <v>27.6</v>
      </c>
      <c r="C1942">
        <v>2.0755349999999999</v>
      </c>
      <c r="D1942">
        <f t="shared" si="60"/>
        <v>2.0755349999999999E-3</v>
      </c>
      <c r="E1942" s="6">
        <f t="shared" si="61"/>
        <v>5.7284766000000001E-2</v>
      </c>
    </row>
    <row r="1943" spans="1:5" x14ac:dyDescent="0.25">
      <c r="A1943" s="1">
        <v>43636.791666666664</v>
      </c>
      <c r="B1943" s="2">
        <v>26.71</v>
      </c>
      <c r="C1943">
        <v>0.79918499999999992</v>
      </c>
      <c r="D1943">
        <f t="shared" si="60"/>
        <v>7.9918499999999989E-4</v>
      </c>
      <c r="E1943" s="6">
        <f t="shared" si="61"/>
        <v>2.1346231349999998E-2</v>
      </c>
    </row>
    <row r="1944" spans="1:5" x14ac:dyDescent="0.25">
      <c r="A1944" s="1">
        <v>43636.833333333336</v>
      </c>
      <c r="B1944" s="2">
        <v>25.24</v>
      </c>
      <c r="C1944">
        <v>0.13450899999999999</v>
      </c>
      <c r="D1944">
        <f t="shared" si="60"/>
        <v>1.34509E-4</v>
      </c>
      <c r="E1944" s="6">
        <f t="shared" si="61"/>
        <v>3.3950071599999996E-3</v>
      </c>
    </row>
    <row r="1945" spans="1:5" x14ac:dyDescent="0.25">
      <c r="A1945" s="1">
        <v>43636.875</v>
      </c>
      <c r="B1945" s="2">
        <v>25.65</v>
      </c>
      <c r="C1945">
        <v>0</v>
      </c>
      <c r="D1945">
        <f t="shared" si="60"/>
        <v>0</v>
      </c>
      <c r="E1945" s="6">
        <f t="shared" si="61"/>
        <v>0</v>
      </c>
    </row>
    <row r="1946" spans="1:5" x14ac:dyDescent="0.25">
      <c r="A1946" s="1">
        <v>43636.916666666664</v>
      </c>
      <c r="B1946" s="2">
        <v>21</v>
      </c>
      <c r="C1946">
        <v>0</v>
      </c>
      <c r="D1946">
        <f t="shared" si="60"/>
        <v>0</v>
      </c>
      <c r="E1946" s="6">
        <f t="shared" si="61"/>
        <v>0</v>
      </c>
    </row>
    <row r="1947" spans="1:5" x14ac:dyDescent="0.25">
      <c r="A1947" s="1">
        <v>43636.958333333336</v>
      </c>
      <c r="B1947" s="2">
        <v>18.48</v>
      </c>
      <c r="C1947">
        <v>0</v>
      </c>
      <c r="D1947">
        <f t="shared" si="60"/>
        <v>0</v>
      </c>
      <c r="E1947" s="6">
        <f t="shared" si="61"/>
        <v>0</v>
      </c>
    </row>
    <row r="1948" spans="1:5" x14ac:dyDescent="0.25">
      <c r="A1948" s="1">
        <v>43637</v>
      </c>
      <c r="B1948" s="2">
        <v>18.989999999999998</v>
      </c>
      <c r="C1948">
        <v>0</v>
      </c>
      <c r="D1948">
        <f t="shared" si="60"/>
        <v>0</v>
      </c>
      <c r="E1948" s="6">
        <f t="shared" si="61"/>
        <v>0</v>
      </c>
    </row>
    <row r="1949" spans="1:5" x14ac:dyDescent="0.25">
      <c r="A1949" s="1">
        <v>43637.041666666664</v>
      </c>
      <c r="B1949" s="2">
        <v>18.7</v>
      </c>
      <c r="C1949">
        <v>0</v>
      </c>
      <c r="D1949">
        <f t="shared" si="60"/>
        <v>0</v>
      </c>
      <c r="E1949" s="6">
        <f t="shared" si="61"/>
        <v>0</v>
      </c>
    </row>
    <row r="1950" spans="1:5" x14ac:dyDescent="0.25">
      <c r="A1950" s="1">
        <v>43637.083333333336</v>
      </c>
      <c r="B1950" s="2">
        <v>16.739999999999998</v>
      </c>
      <c r="C1950">
        <v>0</v>
      </c>
      <c r="D1950">
        <f t="shared" si="60"/>
        <v>0</v>
      </c>
      <c r="E1950" s="6">
        <f t="shared" si="61"/>
        <v>0</v>
      </c>
    </row>
    <row r="1951" spans="1:5" x14ac:dyDescent="0.25">
      <c r="A1951" s="1">
        <v>43637.125</v>
      </c>
      <c r="B1951" s="2">
        <v>16.3</v>
      </c>
      <c r="C1951">
        <v>0</v>
      </c>
      <c r="D1951">
        <f t="shared" si="60"/>
        <v>0</v>
      </c>
      <c r="E1951" s="6">
        <f t="shared" si="61"/>
        <v>0</v>
      </c>
    </row>
    <row r="1952" spans="1:5" x14ac:dyDescent="0.25">
      <c r="A1952" s="1">
        <v>43637.166666666664</v>
      </c>
      <c r="B1952" s="2">
        <v>16.190000000000001</v>
      </c>
      <c r="C1952">
        <v>0</v>
      </c>
      <c r="D1952">
        <f t="shared" si="60"/>
        <v>0</v>
      </c>
      <c r="E1952" s="6">
        <f t="shared" si="61"/>
        <v>0</v>
      </c>
    </row>
    <row r="1953" spans="1:5" x14ac:dyDescent="0.25">
      <c r="A1953" s="1">
        <v>43637.208333333336</v>
      </c>
      <c r="B1953" s="2">
        <v>18.34</v>
      </c>
      <c r="C1953">
        <v>0</v>
      </c>
      <c r="D1953">
        <f t="shared" si="60"/>
        <v>0</v>
      </c>
      <c r="E1953" s="6">
        <f t="shared" si="61"/>
        <v>0</v>
      </c>
    </row>
    <row r="1954" spans="1:5" x14ac:dyDescent="0.25">
      <c r="A1954" s="1">
        <v>43637.25</v>
      </c>
      <c r="B1954" s="2">
        <v>19.14</v>
      </c>
      <c r="C1954">
        <v>8.72E-2</v>
      </c>
      <c r="D1954">
        <f t="shared" si="60"/>
        <v>8.7200000000000005E-5</v>
      </c>
      <c r="E1954" s="6">
        <f t="shared" si="61"/>
        <v>1.6690080000000003E-3</v>
      </c>
    </row>
    <row r="1955" spans="1:5" x14ac:dyDescent="0.25">
      <c r="A1955" s="1">
        <v>43637.291666666664</v>
      </c>
      <c r="B1955" s="2">
        <v>19.46</v>
      </c>
      <c r="C1955">
        <v>0.65598800000000002</v>
      </c>
      <c r="D1955">
        <f t="shared" si="60"/>
        <v>6.5598800000000004E-4</v>
      </c>
      <c r="E1955" s="6">
        <f t="shared" si="61"/>
        <v>1.2765526480000001E-2</v>
      </c>
    </row>
    <row r="1956" spans="1:5" x14ac:dyDescent="0.25">
      <c r="A1956" s="1">
        <v>43637.333333333336</v>
      </c>
      <c r="B1956" s="2">
        <v>20.52</v>
      </c>
      <c r="C1956">
        <v>1.9191969999999998</v>
      </c>
      <c r="D1956">
        <f t="shared" si="60"/>
        <v>1.9191969999999999E-3</v>
      </c>
      <c r="E1956" s="6">
        <f t="shared" si="61"/>
        <v>3.9381922439999995E-2</v>
      </c>
    </row>
    <row r="1957" spans="1:5" x14ac:dyDescent="0.25">
      <c r="A1957" s="1">
        <v>43637.375</v>
      </c>
      <c r="B1957" s="2">
        <v>22.12</v>
      </c>
      <c r="C1957">
        <v>3.5164400000000002</v>
      </c>
      <c r="D1957">
        <f t="shared" si="60"/>
        <v>3.51644E-3</v>
      </c>
      <c r="E1957" s="6">
        <f t="shared" si="61"/>
        <v>7.7783652800000005E-2</v>
      </c>
    </row>
    <row r="1958" spans="1:5" x14ac:dyDescent="0.25">
      <c r="A1958" s="1">
        <v>43637.416666666664</v>
      </c>
      <c r="B1958" s="2">
        <v>23.07</v>
      </c>
      <c r="C1958">
        <v>4.548489</v>
      </c>
      <c r="D1958">
        <f t="shared" si="60"/>
        <v>4.5484890000000002E-3</v>
      </c>
      <c r="E1958" s="6">
        <f t="shared" si="61"/>
        <v>0.10493364123</v>
      </c>
    </row>
    <row r="1959" spans="1:5" x14ac:dyDescent="0.25">
      <c r="A1959" s="1">
        <v>43637.458333333336</v>
      </c>
      <c r="B1959" s="2">
        <v>24.28</v>
      </c>
      <c r="C1959">
        <v>4.5802940000000003</v>
      </c>
      <c r="D1959">
        <f t="shared" si="60"/>
        <v>4.5802940000000004E-3</v>
      </c>
      <c r="E1959" s="6">
        <f t="shared" si="61"/>
        <v>0.11120953832000001</v>
      </c>
    </row>
    <row r="1960" spans="1:5" x14ac:dyDescent="0.25">
      <c r="A1960" s="1">
        <v>43637.5</v>
      </c>
      <c r="B1960" s="2">
        <v>25.3</v>
      </c>
      <c r="C1960">
        <v>6.8971840000000002</v>
      </c>
      <c r="D1960">
        <f t="shared" si="60"/>
        <v>6.8971839999999998E-3</v>
      </c>
      <c r="E1960" s="6">
        <f t="shared" si="61"/>
        <v>0.17449875519999999</v>
      </c>
    </row>
    <row r="1961" spans="1:5" x14ac:dyDescent="0.25">
      <c r="A1961" s="1">
        <v>43637.541666666664</v>
      </c>
      <c r="B1961" s="2">
        <v>26.5</v>
      </c>
      <c r="C1961">
        <v>4.2275600000000004</v>
      </c>
      <c r="D1961">
        <f t="shared" si="60"/>
        <v>4.22756E-3</v>
      </c>
      <c r="E1961" s="6">
        <f t="shared" si="61"/>
        <v>0.11203034000000001</v>
      </c>
    </row>
    <row r="1962" spans="1:5" x14ac:dyDescent="0.25">
      <c r="A1962" s="1">
        <v>43637.583333333336</v>
      </c>
      <c r="B1962" s="2">
        <v>27.14</v>
      </c>
      <c r="C1962">
        <v>6.9207099999999997</v>
      </c>
      <c r="D1962">
        <f t="shared" si="60"/>
        <v>6.9207100000000001E-3</v>
      </c>
      <c r="E1962" s="6">
        <f t="shared" si="61"/>
        <v>0.18782806939999999</v>
      </c>
    </row>
    <row r="1963" spans="1:5" x14ac:dyDescent="0.25">
      <c r="A1963" s="1">
        <v>43637.625</v>
      </c>
      <c r="B1963" s="2">
        <v>28.19</v>
      </c>
      <c r="C1963">
        <v>4.0995939999999997</v>
      </c>
      <c r="D1963">
        <f t="shared" si="60"/>
        <v>4.0995939999999998E-3</v>
      </c>
      <c r="E1963" s="6">
        <f t="shared" si="61"/>
        <v>0.11556755486</v>
      </c>
    </row>
    <row r="1964" spans="1:5" x14ac:dyDescent="0.25">
      <c r="A1964" s="1">
        <v>43637.666666666664</v>
      </c>
      <c r="B1964" s="2">
        <v>30.57</v>
      </c>
      <c r="C1964">
        <v>4.5731149999999996</v>
      </c>
      <c r="D1964">
        <f t="shared" si="60"/>
        <v>4.573115E-3</v>
      </c>
      <c r="E1964" s="6">
        <f t="shared" si="61"/>
        <v>0.13980012554999999</v>
      </c>
    </row>
    <row r="1965" spans="1:5" x14ac:dyDescent="0.25">
      <c r="A1965" s="1">
        <v>43637.708333333336</v>
      </c>
      <c r="B1965" s="2">
        <v>29.09</v>
      </c>
      <c r="C1965">
        <v>3.266149</v>
      </c>
      <c r="D1965">
        <f t="shared" si="60"/>
        <v>3.2661489999999999E-3</v>
      </c>
      <c r="E1965" s="6">
        <f t="shared" si="61"/>
        <v>9.501227441E-2</v>
      </c>
    </row>
    <row r="1966" spans="1:5" x14ac:dyDescent="0.25">
      <c r="A1966" s="1">
        <v>43637.75</v>
      </c>
      <c r="B1966" s="2">
        <v>25.69</v>
      </c>
      <c r="C1966">
        <v>2.369577</v>
      </c>
      <c r="D1966">
        <f t="shared" si="60"/>
        <v>2.3695769999999999E-3</v>
      </c>
      <c r="E1966" s="6">
        <f t="shared" si="61"/>
        <v>6.0874433130000002E-2</v>
      </c>
    </row>
    <row r="1967" spans="1:5" x14ac:dyDescent="0.25">
      <c r="A1967" s="1">
        <v>43637.791666666664</v>
      </c>
      <c r="B1967" s="2">
        <v>23.52</v>
      </c>
      <c r="C1967">
        <v>0.827125</v>
      </c>
      <c r="D1967">
        <f t="shared" si="60"/>
        <v>8.2712499999999995E-4</v>
      </c>
      <c r="E1967" s="6">
        <f t="shared" si="61"/>
        <v>1.9453979999999999E-2</v>
      </c>
    </row>
    <row r="1968" spans="1:5" x14ac:dyDescent="0.25">
      <c r="A1968" s="1">
        <v>43637.833333333336</v>
      </c>
      <c r="B1968" s="2">
        <v>22.25</v>
      </c>
      <c r="C1968">
        <v>0.12548399999999998</v>
      </c>
      <c r="D1968">
        <f t="shared" si="60"/>
        <v>1.2548399999999998E-4</v>
      </c>
      <c r="E1968" s="6">
        <f t="shared" si="61"/>
        <v>2.7920189999999998E-3</v>
      </c>
    </row>
    <row r="1969" spans="1:5" x14ac:dyDescent="0.25">
      <c r="A1969" s="1">
        <v>43637.875</v>
      </c>
      <c r="B1969" s="2">
        <v>22.33</v>
      </c>
      <c r="C1969">
        <v>0</v>
      </c>
      <c r="D1969">
        <f t="shared" si="60"/>
        <v>0</v>
      </c>
      <c r="E1969" s="6">
        <f t="shared" si="61"/>
        <v>0</v>
      </c>
    </row>
    <row r="1970" spans="1:5" x14ac:dyDescent="0.25">
      <c r="A1970" s="1">
        <v>43637.916666666664</v>
      </c>
      <c r="B1970" s="2">
        <v>19.87</v>
      </c>
      <c r="C1970">
        <v>0</v>
      </c>
      <c r="D1970">
        <f t="shared" si="60"/>
        <v>0</v>
      </c>
      <c r="E1970" s="6">
        <f t="shared" si="61"/>
        <v>0</v>
      </c>
    </row>
    <row r="1971" spans="1:5" x14ac:dyDescent="0.25">
      <c r="A1971" s="1">
        <v>43637.958333333336</v>
      </c>
      <c r="B1971" s="2">
        <v>17.440000000000001</v>
      </c>
      <c r="C1971">
        <v>0</v>
      </c>
      <c r="D1971">
        <f t="shared" si="60"/>
        <v>0</v>
      </c>
      <c r="E1971" s="6">
        <f t="shared" si="61"/>
        <v>0</v>
      </c>
    </row>
    <row r="1972" spans="1:5" x14ac:dyDescent="0.25">
      <c r="A1972" s="1">
        <v>43638</v>
      </c>
      <c r="B1972" s="2">
        <v>15.75</v>
      </c>
      <c r="C1972">
        <v>0</v>
      </c>
      <c r="D1972">
        <f t="shared" si="60"/>
        <v>0</v>
      </c>
      <c r="E1972" s="6">
        <f t="shared" si="61"/>
        <v>0</v>
      </c>
    </row>
    <row r="1973" spans="1:5" x14ac:dyDescent="0.25">
      <c r="A1973" s="1">
        <v>43638.041666666664</v>
      </c>
      <c r="B1973" s="2">
        <v>15.25</v>
      </c>
      <c r="C1973">
        <v>0</v>
      </c>
      <c r="D1973">
        <f t="shared" si="60"/>
        <v>0</v>
      </c>
      <c r="E1973" s="6">
        <f t="shared" si="61"/>
        <v>0</v>
      </c>
    </row>
    <row r="1974" spans="1:5" x14ac:dyDescent="0.25">
      <c r="A1974" s="1">
        <v>43638.083333333336</v>
      </c>
      <c r="B1974" s="2">
        <v>15.01</v>
      </c>
      <c r="C1974">
        <v>0</v>
      </c>
      <c r="D1974">
        <f t="shared" si="60"/>
        <v>0</v>
      </c>
      <c r="E1974" s="6">
        <f t="shared" si="61"/>
        <v>0</v>
      </c>
    </row>
    <row r="1975" spans="1:5" x14ac:dyDescent="0.25">
      <c r="A1975" s="1">
        <v>43638.125</v>
      </c>
      <c r="B1975" s="2">
        <v>14.07</v>
      </c>
      <c r="C1975">
        <v>0</v>
      </c>
      <c r="D1975">
        <f t="shared" si="60"/>
        <v>0</v>
      </c>
      <c r="E1975" s="6">
        <f t="shared" si="61"/>
        <v>0</v>
      </c>
    </row>
    <row r="1976" spans="1:5" x14ac:dyDescent="0.25">
      <c r="A1976" s="1">
        <v>43638.166666666664</v>
      </c>
      <c r="B1976" s="2">
        <v>13.18</v>
      </c>
      <c r="C1976">
        <v>0</v>
      </c>
      <c r="D1976">
        <f t="shared" si="60"/>
        <v>0</v>
      </c>
      <c r="E1976" s="6">
        <f t="shared" si="61"/>
        <v>0</v>
      </c>
    </row>
    <row r="1977" spans="1:5" x14ac:dyDescent="0.25">
      <c r="A1977" s="1">
        <v>43638.208333333336</v>
      </c>
      <c r="B1977" s="2">
        <v>13.08</v>
      </c>
      <c r="C1977">
        <v>0</v>
      </c>
      <c r="D1977">
        <f t="shared" si="60"/>
        <v>0</v>
      </c>
      <c r="E1977" s="6">
        <f t="shared" si="61"/>
        <v>0</v>
      </c>
    </row>
    <row r="1978" spans="1:5" x14ac:dyDescent="0.25">
      <c r="A1978" s="1">
        <v>43638.25</v>
      </c>
      <c r="B1978" s="2">
        <v>13.14</v>
      </c>
      <c r="C1978">
        <v>7.0111999999999994E-2</v>
      </c>
      <c r="D1978">
        <f t="shared" si="60"/>
        <v>7.0111999999999996E-5</v>
      </c>
      <c r="E1978" s="6">
        <f t="shared" si="61"/>
        <v>9.2127167999999998E-4</v>
      </c>
    </row>
    <row r="1979" spans="1:5" x14ac:dyDescent="0.25">
      <c r="A1979" s="1">
        <v>43638.291666666664</v>
      </c>
      <c r="B1979" s="2">
        <v>15</v>
      </c>
      <c r="C1979">
        <v>0.65190899999999996</v>
      </c>
      <c r="D1979">
        <f t="shared" si="60"/>
        <v>6.51909E-4</v>
      </c>
      <c r="E1979" s="6">
        <f t="shared" si="61"/>
        <v>9.7786350000000008E-3</v>
      </c>
    </row>
    <row r="1980" spans="1:5" x14ac:dyDescent="0.25">
      <c r="A1980" s="1">
        <v>43638.333333333336</v>
      </c>
      <c r="B1980" s="2">
        <v>16.22</v>
      </c>
      <c r="C1980">
        <v>2.0832079999999999</v>
      </c>
      <c r="D1980">
        <f t="shared" si="60"/>
        <v>2.083208E-3</v>
      </c>
      <c r="E1980" s="6">
        <f t="shared" si="61"/>
        <v>3.378963376E-2</v>
      </c>
    </row>
    <row r="1981" spans="1:5" x14ac:dyDescent="0.25">
      <c r="A1981" s="1">
        <v>43638.375</v>
      </c>
      <c r="B1981" s="2">
        <v>17.809999999999999</v>
      </c>
      <c r="C1981">
        <v>3.4670740000000002</v>
      </c>
      <c r="D1981">
        <f t="shared" si="60"/>
        <v>3.4670740000000001E-3</v>
      </c>
      <c r="E1981" s="6">
        <f t="shared" si="61"/>
        <v>6.1748587939999995E-2</v>
      </c>
    </row>
    <row r="1982" spans="1:5" x14ac:dyDescent="0.25">
      <c r="A1982" s="1">
        <v>43638.416666666664</v>
      </c>
      <c r="B1982" s="2">
        <v>18.34</v>
      </c>
      <c r="C1982">
        <v>4.4529969999999999</v>
      </c>
      <c r="D1982">
        <f t="shared" si="60"/>
        <v>4.4529970000000002E-3</v>
      </c>
      <c r="E1982" s="6">
        <f t="shared" si="61"/>
        <v>8.1667964980000007E-2</v>
      </c>
    </row>
    <row r="1983" spans="1:5" x14ac:dyDescent="0.25">
      <c r="A1983" s="1">
        <v>43638.458333333336</v>
      </c>
      <c r="B1983" s="2">
        <v>20.149999999999999</v>
      </c>
      <c r="C1983">
        <v>5.5806899999999997</v>
      </c>
      <c r="D1983">
        <f t="shared" si="60"/>
        <v>5.5806900000000001E-3</v>
      </c>
      <c r="E1983" s="6">
        <f t="shared" si="61"/>
        <v>0.11245090349999999</v>
      </c>
    </row>
    <row r="1984" spans="1:5" x14ac:dyDescent="0.25">
      <c r="A1984" s="1">
        <v>43638.5</v>
      </c>
      <c r="B1984" s="2">
        <v>21.19</v>
      </c>
      <c r="C1984">
        <v>6.2138309999999999</v>
      </c>
      <c r="D1984">
        <f t="shared" si="60"/>
        <v>6.2138309999999995E-3</v>
      </c>
      <c r="E1984" s="6">
        <f t="shared" si="61"/>
        <v>0.13167107888999999</v>
      </c>
    </row>
    <row r="1985" spans="1:5" x14ac:dyDescent="0.25">
      <c r="A1985" s="1">
        <v>43638.541666666664</v>
      </c>
      <c r="B1985" s="2">
        <v>21.92</v>
      </c>
      <c r="C1985">
        <v>6.2950540000000004</v>
      </c>
      <c r="D1985">
        <f t="shared" si="60"/>
        <v>6.2950540000000004E-3</v>
      </c>
      <c r="E1985" s="6">
        <f t="shared" si="61"/>
        <v>0.13798758368000003</v>
      </c>
    </row>
    <row r="1986" spans="1:5" x14ac:dyDescent="0.25">
      <c r="A1986" s="1">
        <v>43638.583333333336</v>
      </c>
      <c r="B1986" s="2">
        <v>23</v>
      </c>
      <c r="C1986">
        <v>5.4656820000000002</v>
      </c>
      <c r="D1986">
        <f t="shared" si="60"/>
        <v>5.4656820000000004E-3</v>
      </c>
      <c r="E1986" s="6">
        <f t="shared" si="61"/>
        <v>0.12571068600000002</v>
      </c>
    </row>
    <row r="1987" spans="1:5" x14ac:dyDescent="0.25">
      <c r="A1987" s="1">
        <v>43638.625</v>
      </c>
      <c r="B1987" s="2">
        <v>24.65</v>
      </c>
      <c r="C1987">
        <v>6.0465169999999997</v>
      </c>
      <c r="D1987">
        <f t="shared" si="60"/>
        <v>6.0465169999999995E-3</v>
      </c>
      <c r="E1987" s="6">
        <f t="shared" si="61"/>
        <v>0.14904664404999998</v>
      </c>
    </row>
    <row r="1988" spans="1:5" x14ac:dyDescent="0.25">
      <c r="A1988" s="1">
        <v>43638.666666666664</v>
      </c>
      <c r="B1988" s="2">
        <v>26.18</v>
      </c>
      <c r="C1988">
        <v>5.6497209999999995</v>
      </c>
      <c r="D1988">
        <f t="shared" si="60"/>
        <v>5.6497209999999999E-3</v>
      </c>
      <c r="E1988" s="6">
        <f t="shared" si="61"/>
        <v>0.14790969577999999</v>
      </c>
    </row>
    <row r="1989" spans="1:5" x14ac:dyDescent="0.25">
      <c r="A1989" s="1">
        <v>43638.708333333336</v>
      </c>
      <c r="B1989" s="2">
        <v>27.35</v>
      </c>
      <c r="C1989">
        <v>4.2446719999999996</v>
      </c>
      <c r="D1989">
        <f t="shared" si="60"/>
        <v>4.2446719999999997E-3</v>
      </c>
      <c r="E1989" s="6">
        <f t="shared" si="61"/>
        <v>0.11609177919999999</v>
      </c>
    </row>
    <row r="1990" spans="1:5" x14ac:dyDescent="0.25">
      <c r="A1990" s="1">
        <v>43638.75</v>
      </c>
      <c r="B1990" s="2">
        <v>25.06</v>
      </c>
      <c r="C1990">
        <v>2.4985949999999999</v>
      </c>
      <c r="D1990">
        <f t="shared" ref="D1990:D2053" si="62">C1990/1000</f>
        <v>2.4985949999999997E-3</v>
      </c>
      <c r="E1990" s="6">
        <f t="shared" ref="E1990:E2053" si="63">D1990*B1990</f>
        <v>6.2614790699999992E-2</v>
      </c>
    </row>
    <row r="1991" spans="1:5" x14ac:dyDescent="0.25">
      <c r="A1991" s="1">
        <v>43638.791666666664</v>
      </c>
      <c r="B1991" s="2">
        <v>23.35</v>
      </c>
      <c r="C1991">
        <v>0.79765999999999992</v>
      </c>
      <c r="D1991">
        <f t="shared" si="62"/>
        <v>7.9765999999999995E-4</v>
      </c>
      <c r="E1991" s="6">
        <f t="shared" si="63"/>
        <v>1.8625361E-2</v>
      </c>
    </row>
    <row r="1992" spans="1:5" x14ac:dyDescent="0.25">
      <c r="A1992" s="1">
        <v>43638.833333333336</v>
      </c>
      <c r="B1992" s="2">
        <v>22.62</v>
      </c>
      <c r="C1992">
        <v>0.116919</v>
      </c>
      <c r="D1992">
        <f t="shared" si="62"/>
        <v>1.16919E-4</v>
      </c>
      <c r="E1992" s="6">
        <f t="shared" si="63"/>
        <v>2.64470778E-3</v>
      </c>
    </row>
    <row r="1993" spans="1:5" x14ac:dyDescent="0.25">
      <c r="A1993" s="1">
        <v>43638.875</v>
      </c>
      <c r="B1993" s="2">
        <v>22.1</v>
      </c>
      <c r="C1993">
        <v>0</v>
      </c>
      <c r="D1993">
        <f t="shared" si="62"/>
        <v>0</v>
      </c>
      <c r="E1993" s="6">
        <f t="shared" si="63"/>
        <v>0</v>
      </c>
    </row>
    <row r="1994" spans="1:5" x14ac:dyDescent="0.25">
      <c r="A1994" s="1">
        <v>43638.916666666664</v>
      </c>
      <c r="B1994" s="2">
        <v>18.97</v>
      </c>
      <c r="C1994">
        <v>0</v>
      </c>
      <c r="D1994">
        <f t="shared" si="62"/>
        <v>0</v>
      </c>
      <c r="E1994" s="6">
        <f t="shared" si="63"/>
        <v>0</v>
      </c>
    </row>
    <row r="1995" spans="1:5" x14ac:dyDescent="0.25">
      <c r="A1995" s="1">
        <v>43638.958333333336</v>
      </c>
      <c r="B1995" s="2">
        <v>16.53</v>
      </c>
      <c r="C1995">
        <v>0</v>
      </c>
      <c r="D1995">
        <f t="shared" si="62"/>
        <v>0</v>
      </c>
      <c r="E1995" s="6">
        <f t="shared" si="63"/>
        <v>0</v>
      </c>
    </row>
    <row r="1996" spans="1:5" x14ac:dyDescent="0.25">
      <c r="A1996" s="1">
        <v>43639</v>
      </c>
      <c r="B1996" s="2">
        <v>14.55</v>
      </c>
      <c r="C1996">
        <v>0</v>
      </c>
      <c r="D1996">
        <f t="shared" si="62"/>
        <v>0</v>
      </c>
      <c r="E1996" s="6">
        <f t="shared" si="63"/>
        <v>0</v>
      </c>
    </row>
    <row r="1997" spans="1:5" x14ac:dyDescent="0.25">
      <c r="A1997" s="1">
        <v>43639.041666666664</v>
      </c>
      <c r="B1997" s="2">
        <v>14.11</v>
      </c>
      <c r="C1997">
        <v>0</v>
      </c>
      <c r="D1997">
        <f t="shared" si="62"/>
        <v>0</v>
      </c>
      <c r="E1997" s="6">
        <f t="shared" si="63"/>
        <v>0</v>
      </c>
    </row>
    <row r="1998" spans="1:5" x14ac:dyDescent="0.25">
      <c r="A1998" s="1">
        <v>43639.083333333336</v>
      </c>
      <c r="B1998" s="2">
        <v>13.75</v>
      </c>
      <c r="C1998">
        <v>0</v>
      </c>
      <c r="D1998">
        <f t="shared" si="62"/>
        <v>0</v>
      </c>
      <c r="E1998" s="6">
        <f t="shared" si="63"/>
        <v>0</v>
      </c>
    </row>
    <row r="1999" spans="1:5" x14ac:dyDescent="0.25">
      <c r="A1999" s="1">
        <v>43639.125</v>
      </c>
      <c r="B1999" s="2">
        <v>12.87</v>
      </c>
      <c r="C1999">
        <v>0</v>
      </c>
      <c r="D1999">
        <f t="shared" si="62"/>
        <v>0</v>
      </c>
      <c r="E1999" s="6">
        <f t="shared" si="63"/>
        <v>0</v>
      </c>
    </row>
    <row r="2000" spans="1:5" x14ac:dyDescent="0.25">
      <c r="A2000" s="1">
        <v>43639.166666666664</v>
      </c>
      <c r="B2000" s="2">
        <v>12.43</v>
      </c>
      <c r="C2000">
        <v>0</v>
      </c>
      <c r="D2000">
        <f t="shared" si="62"/>
        <v>0</v>
      </c>
      <c r="E2000" s="6">
        <f t="shared" si="63"/>
        <v>0</v>
      </c>
    </row>
    <row r="2001" spans="1:5" x14ac:dyDescent="0.25">
      <c r="A2001" s="1">
        <v>43639.208333333336</v>
      </c>
      <c r="B2001" s="2">
        <v>11.61</v>
      </c>
      <c r="C2001">
        <v>0</v>
      </c>
      <c r="D2001">
        <f t="shared" si="62"/>
        <v>0</v>
      </c>
      <c r="E2001" s="6">
        <f t="shared" si="63"/>
        <v>0</v>
      </c>
    </row>
    <row r="2002" spans="1:5" x14ac:dyDescent="0.25">
      <c r="A2002" s="1">
        <v>43639.25</v>
      </c>
      <c r="B2002" s="2">
        <v>11.22</v>
      </c>
      <c r="C2002">
        <v>5.8243999999999997E-2</v>
      </c>
      <c r="D2002">
        <f t="shared" si="62"/>
        <v>5.8244E-5</v>
      </c>
      <c r="E2002" s="6">
        <f t="shared" si="63"/>
        <v>6.5349768000000006E-4</v>
      </c>
    </row>
    <row r="2003" spans="1:5" x14ac:dyDescent="0.25">
      <c r="A2003" s="1">
        <v>43639.291666666664</v>
      </c>
      <c r="B2003" s="2">
        <v>13.03</v>
      </c>
      <c r="C2003">
        <v>0.65975899999999998</v>
      </c>
      <c r="D2003">
        <f t="shared" si="62"/>
        <v>6.59759E-4</v>
      </c>
      <c r="E2003" s="6">
        <f t="shared" si="63"/>
        <v>8.5966597699999991E-3</v>
      </c>
    </row>
    <row r="2004" spans="1:5" x14ac:dyDescent="0.25">
      <c r="A2004" s="1">
        <v>43639.333333333336</v>
      </c>
      <c r="B2004" s="2">
        <v>14.43</v>
      </c>
      <c r="C2004">
        <v>2.225314</v>
      </c>
      <c r="D2004">
        <f t="shared" si="62"/>
        <v>2.2253139999999999E-3</v>
      </c>
      <c r="E2004" s="6">
        <f t="shared" si="63"/>
        <v>3.211128102E-2</v>
      </c>
    </row>
    <row r="2005" spans="1:5" x14ac:dyDescent="0.25">
      <c r="A2005" s="1">
        <v>43639.375</v>
      </c>
      <c r="B2005" s="2">
        <v>16.34</v>
      </c>
      <c r="C2005">
        <v>3.9518010000000001</v>
      </c>
      <c r="D2005">
        <f t="shared" si="62"/>
        <v>3.9518010000000004E-3</v>
      </c>
      <c r="E2005" s="6">
        <f t="shared" si="63"/>
        <v>6.4572428340000002E-2</v>
      </c>
    </row>
    <row r="2006" spans="1:5" x14ac:dyDescent="0.25">
      <c r="A2006" s="1">
        <v>43639.416666666664</v>
      </c>
      <c r="B2006" s="2">
        <v>18.68</v>
      </c>
      <c r="C2006">
        <v>5.3906679999999998</v>
      </c>
      <c r="D2006">
        <f t="shared" si="62"/>
        <v>5.3906679999999995E-3</v>
      </c>
      <c r="E2006" s="6">
        <f t="shared" si="63"/>
        <v>0.10069767823999999</v>
      </c>
    </row>
    <row r="2007" spans="1:5" x14ac:dyDescent="0.25">
      <c r="A2007" s="1">
        <v>43639.458333333336</v>
      </c>
      <c r="B2007" s="2">
        <v>20.78</v>
      </c>
      <c r="C2007">
        <v>6.3869949999999998</v>
      </c>
      <c r="D2007">
        <f t="shared" si="62"/>
        <v>6.3869949999999995E-3</v>
      </c>
      <c r="E2007" s="6">
        <f t="shared" si="63"/>
        <v>0.1327217561</v>
      </c>
    </row>
    <row r="2008" spans="1:5" x14ac:dyDescent="0.25">
      <c r="A2008" s="1">
        <v>43639.5</v>
      </c>
      <c r="B2008" s="2">
        <v>22.69</v>
      </c>
      <c r="C2008">
        <v>6.9457330000000006</v>
      </c>
      <c r="D2008">
        <f t="shared" si="62"/>
        <v>6.9457330000000008E-3</v>
      </c>
      <c r="E2008" s="6">
        <f t="shared" si="63"/>
        <v>0.15759868177000003</v>
      </c>
    </row>
    <row r="2009" spans="1:5" x14ac:dyDescent="0.25">
      <c r="A2009" s="1">
        <v>43639.541666666664</v>
      </c>
      <c r="B2009" s="2">
        <v>24.99</v>
      </c>
      <c r="C2009">
        <v>6.2432449999999999</v>
      </c>
      <c r="D2009">
        <f t="shared" si="62"/>
        <v>6.2432449999999997E-3</v>
      </c>
      <c r="E2009" s="6">
        <f t="shared" si="63"/>
        <v>0.15601869254999998</v>
      </c>
    </row>
    <row r="2010" spans="1:5" x14ac:dyDescent="0.25">
      <c r="A2010" s="1">
        <v>43639.583333333336</v>
      </c>
      <c r="B2010" s="2">
        <v>28.69</v>
      </c>
      <c r="C2010">
        <v>4.6093840000000004</v>
      </c>
      <c r="D2010">
        <f t="shared" si="62"/>
        <v>4.6093840000000002E-3</v>
      </c>
      <c r="E2010" s="6">
        <f t="shared" si="63"/>
        <v>0.13224322696000002</v>
      </c>
    </row>
    <row r="2011" spans="1:5" x14ac:dyDescent="0.25">
      <c r="A2011" s="1">
        <v>43639.625</v>
      </c>
      <c r="B2011" s="2">
        <v>30.26</v>
      </c>
      <c r="C2011">
        <v>6.4904809999999999</v>
      </c>
      <c r="D2011">
        <f t="shared" si="62"/>
        <v>6.4904810000000002E-3</v>
      </c>
      <c r="E2011" s="6">
        <f t="shared" si="63"/>
        <v>0.19640195506000002</v>
      </c>
    </row>
    <row r="2012" spans="1:5" x14ac:dyDescent="0.25">
      <c r="A2012" s="1">
        <v>43639.666666666664</v>
      </c>
      <c r="B2012" s="2">
        <v>33.840000000000003</v>
      </c>
      <c r="C2012">
        <v>5.4767049999999999</v>
      </c>
      <c r="D2012">
        <f t="shared" si="62"/>
        <v>5.4767050000000001E-3</v>
      </c>
      <c r="E2012" s="6">
        <f t="shared" si="63"/>
        <v>0.18533169720000003</v>
      </c>
    </row>
    <row r="2013" spans="1:5" x14ac:dyDescent="0.25">
      <c r="A2013" s="1">
        <v>43639.708333333336</v>
      </c>
      <c r="B2013" s="2">
        <v>36.29</v>
      </c>
      <c r="C2013">
        <v>1.079882</v>
      </c>
      <c r="D2013">
        <f t="shared" si="62"/>
        <v>1.0798820000000001E-3</v>
      </c>
      <c r="E2013" s="6">
        <f t="shared" si="63"/>
        <v>3.9188917780000006E-2</v>
      </c>
    </row>
    <row r="2014" spans="1:5" x14ac:dyDescent="0.25">
      <c r="A2014" s="1">
        <v>43639.75</v>
      </c>
      <c r="B2014" s="2">
        <v>34.07</v>
      </c>
      <c r="C2014">
        <v>2.476264</v>
      </c>
      <c r="D2014">
        <f t="shared" si="62"/>
        <v>2.4762640000000002E-3</v>
      </c>
      <c r="E2014" s="6">
        <f t="shared" si="63"/>
        <v>8.436631448000001E-2</v>
      </c>
    </row>
    <row r="2015" spans="1:5" x14ac:dyDescent="0.25">
      <c r="A2015" s="1">
        <v>43639.791666666664</v>
      </c>
      <c r="B2015" s="2">
        <v>30.28</v>
      </c>
      <c r="C2015">
        <v>0.80980799999999997</v>
      </c>
      <c r="D2015">
        <f t="shared" si="62"/>
        <v>8.0980799999999997E-4</v>
      </c>
      <c r="E2015" s="6">
        <f t="shared" si="63"/>
        <v>2.4520986240000001E-2</v>
      </c>
    </row>
    <row r="2016" spans="1:5" x14ac:dyDescent="0.25">
      <c r="A2016" s="1">
        <v>43639.833333333336</v>
      </c>
      <c r="B2016" s="2">
        <v>29.2</v>
      </c>
      <c r="C2016">
        <v>0.120712</v>
      </c>
      <c r="D2016">
        <f t="shared" si="62"/>
        <v>1.2071200000000001E-4</v>
      </c>
      <c r="E2016" s="6">
        <f t="shared" si="63"/>
        <v>3.5247904E-3</v>
      </c>
    </row>
    <row r="2017" spans="1:5" x14ac:dyDescent="0.25">
      <c r="A2017" s="1">
        <v>43639.875</v>
      </c>
      <c r="B2017" s="2">
        <v>27.2</v>
      </c>
      <c r="C2017">
        <v>0</v>
      </c>
      <c r="D2017">
        <f t="shared" si="62"/>
        <v>0</v>
      </c>
      <c r="E2017" s="6">
        <f t="shared" si="63"/>
        <v>0</v>
      </c>
    </row>
    <row r="2018" spans="1:5" x14ac:dyDescent="0.25">
      <c r="A2018" s="1">
        <v>43639.916666666664</v>
      </c>
      <c r="B2018" s="2">
        <v>21.78</v>
      </c>
      <c r="C2018">
        <v>0</v>
      </c>
      <c r="D2018">
        <f t="shared" si="62"/>
        <v>0</v>
      </c>
      <c r="E2018" s="6">
        <f t="shared" si="63"/>
        <v>0</v>
      </c>
    </row>
    <row r="2019" spans="1:5" x14ac:dyDescent="0.25">
      <c r="A2019" s="1">
        <v>43639.958333333336</v>
      </c>
      <c r="B2019" s="2">
        <v>20.399999999999999</v>
      </c>
      <c r="C2019">
        <v>0</v>
      </c>
      <c r="D2019">
        <f t="shared" si="62"/>
        <v>0</v>
      </c>
      <c r="E2019" s="6">
        <f t="shared" si="63"/>
        <v>0</v>
      </c>
    </row>
    <row r="2020" spans="1:5" x14ac:dyDescent="0.25">
      <c r="A2020" s="1">
        <v>43640</v>
      </c>
      <c r="B2020" s="2">
        <v>17.809999999999999</v>
      </c>
      <c r="C2020">
        <v>0</v>
      </c>
      <c r="D2020">
        <f t="shared" si="62"/>
        <v>0</v>
      </c>
      <c r="E2020" s="6">
        <f t="shared" si="63"/>
        <v>0</v>
      </c>
    </row>
    <row r="2021" spans="1:5" x14ac:dyDescent="0.25">
      <c r="A2021" s="1">
        <v>43640.041666666664</v>
      </c>
      <c r="B2021" s="2">
        <v>16.11</v>
      </c>
      <c r="C2021">
        <v>0</v>
      </c>
      <c r="D2021">
        <f t="shared" si="62"/>
        <v>0</v>
      </c>
      <c r="E2021" s="6">
        <f t="shared" si="63"/>
        <v>0</v>
      </c>
    </row>
    <row r="2022" spans="1:5" x14ac:dyDescent="0.25">
      <c r="A2022" s="1">
        <v>43640.083333333336</v>
      </c>
      <c r="B2022" s="2">
        <v>15.19</v>
      </c>
      <c r="C2022">
        <v>0</v>
      </c>
      <c r="D2022">
        <f t="shared" si="62"/>
        <v>0</v>
      </c>
      <c r="E2022" s="6">
        <f t="shared" si="63"/>
        <v>0</v>
      </c>
    </row>
    <row r="2023" spans="1:5" x14ac:dyDescent="0.25">
      <c r="A2023" s="1">
        <v>43640.125</v>
      </c>
      <c r="B2023" s="2">
        <v>14.7</v>
      </c>
      <c r="C2023">
        <v>0</v>
      </c>
      <c r="D2023">
        <f t="shared" si="62"/>
        <v>0</v>
      </c>
      <c r="E2023" s="6">
        <f t="shared" si="63"/>
        <v>0</v>
      </c>
    </row>
    <row r="2024" spans="1:5" x14ac:dyDescent="0.25">
      <c r="A2024" s="1">
        <v>43640.166666666664</v>
      </c>
      <c r="B2024" s="2">
        <v>14.96</v>
      </c>
      <c r="C2024">
        <v>0</v>
      </c>
      <c r="D2024">
        <f t="shared" si="62"/>
        <v>0</v>
      </c>
      <c r="E2024" s="6">
        <f t="shared" si="63"/>
        <v>0</v>
      </c>
    </row>
    <row r="2025" spans="1:5" x14ac:dyDescent="0.25">
      <c r="A2025" s="1">
        <v>43640.208333333336</v>
      </c>
      <c r="B2025" s="2">
        <v>15.82</v>
      </c>
      <c r="C2025">
        <v>0</v>
      </c>
      <c r="D2025">
        <f t="shared" si="62"/>
        <v>0</v>
      </c>
      <c r="E2025" s="6">
        <f t="shared" si="63"/>
        <v>0</v>
      </c>
    </row>
    <row r="2026" spans="1:5" x14ac:dyDescent="0.25">
      <c r="A2026" s="1">
        <v>43640.25</v>
      </c>
      <c r="B2026" s="2">
        <v>18.88</v>
      </c>
      <c r="C2026">
        <v>4.5252000000000001E-2</v>
      </c>
      <c r="D2026">
        <f t="shared" si="62"/>
        <v>4.5252E-5</v>
      </c>
      <c r="E2026" s="6">
        <f t="shared" si="63"/>
        <v>8.5435775999999992E-4</v>
      </c>
    </row>
    <row r="2027" spans="1:5" x14ac:dyDescent="0.25">
      <c r="A2027" s="1">
        <v>43640.291666666664</v>
      </c>
      <c r="B2027" s="2">
        <v>20.28</v>
      </c>
      <c r="C2027">
        <v>0.63930999999999993</v>
      </c>
      <c r="D2027">
        <f t="shared" si="62"/>
        <v>6.3930999999999992E-4</v>
      </c>
      <c r="E2027" s="6">
        <f t="shared" si="63"/>
        <v>1.2965206799999998E-2</v>
      </c>
    </row>
    <row r="2028" spans="1:5" x14ac:dyDescent="0.25">
      <c r="A2028" s="1">
        <v>43640.333333333336</v>
      </c>
      <c r="B2028" s="2">
        <v>22.03</v>
      </c>
      <c r="C2028">
        <v>1.8527339999999999</v>
      </c>
      <c r="D2028">
        <f t="shared" si="62"/>
        <v>1.852734E-3</v>
      </c>
      <c r="E2028" s="6">
        <f t="shared" si="63"/>
        <v>4.0815730020000003E-2</v>
      </c>
    </row>
    <row r="2029" spans="1:5" x14ac:dyDescent="0.25">
      <c r="A2029" s="1">
        <v>43640.375</v>
      </c>
      <c r="B2029" s="2">
        <v>24.87</v>
      </c>
      <c r="C2029">
        <v>3.3308649999999997</v>
      </c>
      <c r="D2029">
        <f t="shared" si="62"/>
        <v>3.3308649999999997E-3</v>
      </c>
      <c r="E2029" s="6">
        <f t="shared" si="63"/>
        <v>8.2838612549999996E-2</v>
      </c>
    </row>
    <row r="2030" spans="1:5" x14ac:dyDescent="0.25">
      <c r="A2030" s="1">
        <v>43640.416666666664</v>
      </c>
      <c r="B2030" s="2">
        <v>27.5</v>
      </c>
      <c r="C2030">
        <v>4.8471009999999994</v>
      </c>
      <c r="D2030">
        <f t="shared" si="62"/>
        <v>4.8471009999999995E-3</v>
      </c>
      <c r="E2030" s="6">
        <f t="shared" si="63"/>
        <v>0.13329527749999998</v>
      </c>
    </row>
    <row r="2031" spans="1:5" x14ac:dyDescent="0.25">
      <c r="A2031" s="1">
        <v>43640.458333333336</v>
      </c>
      <c r="B2031" s="2">
        <v>29.96</v>
      </c>
      <c r="C2031">
        <v>5.8285900000000002</v>
      </c>
      <c r="D2031">
        <f t="shared" si="62"/>
        <v>5.8285899999999998E-3</v>
      </c>
      <c r="E2031" s="6">
        <f t="shared" si="63"/>
        <v>0.17462455639999999</v>
      </c>
    </row>
    <row r="2032" spans="1:5" x14ac:dyDescent="0.25">
      <c r="A2032" s="1">
        <v>43640.5</v>
      </c>
      <c r="B2032" s="2">
        <v>34.21</v>
      </c>
      <c r="C2032">
        <v>6.8891459999999993</v>
      </c>
      <c r="D2032">
        <f t="shared" si="62"/>
        <v>6.8891459999999996E-3</v>
      </c>
      <c r="E2032" s="6">
        <f t="shared" si="63"/>
        <v>0.23567768466</v>
      </c>
    </row>
    <row r="2033" spans="1:5" x14ac:dyDescent="0.25">
      <c r="A2033" s="1">
        <v>43640.541666666664</v>
      </c>
      <c r="B2033" s="2">
        <v>35.1</v>
      </c>
      <c r="C2033">
        <v>7.0947149999999999</v>
      </c>
      <c r="D2033">
        <f t="shared" si="62"/>
        <v>7.0947149999999997E-3</v>
      </c>
      <c r="E2033" s="6">
        <f t="shared" si="63"/>
        <v>0.2490244965</v>
      </c>
    </row>
    <row r="2034" spans="1:5" x14ac:dyDescent="0.25">
      <c r="A2034" s="1">
        <v>43640.583333333336</v>
      </c>
      <c r="B2034" s="2">
        <v>35.92</v>
      </c>
      <c r="C2034">
        <v>6.8798320000000004</v>
      </c>
      <c r="D2034">
        <f t="shared" si="62"/>
        <v>6.8798320000000007E-3</v>
      </c>
      <c r="E2034" s="6">
        <f t="shared" si="63"/>
        <v>0.24712356544000003</v>
      </c>
    </row>
    <row r="2035" spans="1:5" x14ac:dyDescent="0.25">
      <c r="A2035" s="1">
        <v>43640.625</v>
      </c>
      <c r="B2035" s="2">
        <v>40.369999999999997</v>
      </c>
      <c r="C2035">
        <v>6.3313030000000001</v>
      </c>
      <c r="D2035">
        <f t="shared" si="62"/>
        <v>6.3313029999999999E-3</v>
      </c>
      <c r="E2035" s="6">
        <f t="shared" si="63"/>
        <v>0.25559470210999996</v>
      </c>
    </row>
    <row r="2036" spans="1:5" x14ac:dyDescent="0.25">
      <c r="A2036" s="1">
        <v>43640.666666666664</v>
      </c>
      <c r="B2036" s="2">
        <v>43.38</v>
      </c>
      <c r="C2036">
        <v>5.4280919999999995</v>
      </c>
      <c r="D2036">
        <f t="shared" si="62"/>
        <v>5.4280919999999998E-3</v>
      </c>
      <c r="E2036" s="6">
        <f t="shared" si="63"/>
        <v>0.23547063096000001</v>
      </c>
    </row>
    <row r="2037" spans="1:5" x14ac:dyDescent="0.25">
      <c r="A2037" s="1">
        <v>43640.708333333336</v>
      </c>
      <c r="B2037" s="2">
        <v>41.01</v>
      </c>
      <c r="C2037">
        <v>4.0775360000000003</v>
      </c>
      <c r="D2037">
        <f t="shared" si="62"/>
        <v>4.0775360000000005E-3</v>
      </c>
      <c r="E2037" s="6">
        <f t="shared" si="63"/>
        <v>0.16721975136</v>
      </c>
    </row>
    <row r="2038" spans="1:5" x14ac:dyDescent="0.25">
      <c r="A2038" s="1">
        <v>43640.75</v>
      </c>
      <c r="B2038" s="2">
        <v>36.590000000000003</v>
      </c>
      <c r="C2038">
        <v>2.4209040000000002</v>
      </c>
      <c r="D2038">
        <f t="shared" si="62"/>
        <v>2.4209040000000002E-3</v>
      </c>
      <c r="E2038" s="6">
        <f t="shared" si="63"/>
        <v>8.8580877360000018E-2</v>
      </c>
    </row>
    <row r="2039" spans="1:5" x14ac:dyDescent="0.25">
      <c r="A2039" s="1">
        <v>43640.791666666664</v>
      </c>
      <c r="B2039" s="2">
        <v>32.9</v>
      </c>
      <c r="C2039">
        <v>0.82805899999999999</v>
      </c>
      <c r="D2039">
        <f t="shared" si="62"/>
        <v>8.2805900000000002E-4</v>
      </c>
      <c r="E2039" s="6">
        <f t="shared" si="63"/>
        <v>2.72431411E-2</v>
      </c>
    </row>
    <row r="2040" spans="1:5" x14ac:dyDescent="0.25">
      <c r="A2040" s="1">
        <v>43640.833333333336</v>
      </c>
      <c r="B2040" s="2">
        <v>29.73</v>
      </c>
      <c r="C2040">
        <v>0.12146</v>
      </c>
      <c r="D2040">
        <f t="shared" si="62"/>
        <v>1.2145999999999999E-4</v>
      </c>
      <c r="E2040" s="6">
        <f t="shared" si="63"/>
        <v>3.6110057999999999E-3</v>
      </c>
    </row>
    <row r="2041" spans="1:5" x14ac:dyDescent="0.25">
      <c r="A2041" s="1">
        <v>43640.875</v>
      </c>
      <c r="B2041" s="2">
        <v>28.04</v>
      </c>
      <c r="C2041">
        <v>0</v>
      </c>
      <c r="D2041">
        <f t="shared" si="62"/>
        <v>0</v>
      </c>
      <c r="E2041" s="6">
        <f t="shared" si="63"/>
        <v>0</v>
      </c>
    </row>
    <row r="2042" spans="1:5" x14ac:dyDescent="0.25">
      <c r="A2042" s="1">
        <v>43640.916666666664</v>
      </c>
      <c r="B2042" s="2">
        <v>24.92</v>
      </c>
      <c r="C2042">
        <v>0</v>
      </c>
      <c r="D2042">
        <f t="shared" si="62"/>
        <v>0</v>
      </c>
      <c r="E2042" s="6">
        <f t="shared" si="63"/>
        <v>0</v>
      </c>
    </row>
    <row r="2043" spans="1:5" x14ac:dyDescent="0.25">
      <c r="A2043" s="1">
        <v>43640.958333333336</v>
      </c>
      <c r="B2043" s="2">
        <v>22.09</v>
      </c>
      <c r="C2043">
        <v>0</v>
      </c>
      <c r="D2043">
        <f t="shared" si="62"/>
        <v>0</v>
      </c>
      <c r="E2043" s="6">
        <f t="shared" si="63"/>
        <v>0</v>
      </c>
    </row>
    <row r="2044" spans="1:5" x14ac:dyDescent="0.25">
      <c r="A2044" s="1">
        <v>43641</v>
      </c>
      <c r="B2044" s="2">
        <v>18.440000000000001</v>
      </c>
      <c r="C2044">
        <v>0</v>
      </c>
      <c r="D2044">
        <f t="shared" si="62"/>
        <v>0</v>
      </c>
      <c r="E2044" s="6">
        <f t="shared" si="63"/>
        <v>0</v>
      </c>
    </row>
    <row r="2045" spans="1:5" x14ac:dyDescent="0.25">
      <c r="A2045" s="1">
        <v>43641.041666666664</v>
      </c>
      <c r="B2045" s="2">
        <v>16.41</v>
      </c>
      <c r="C2045">
        <v>0</v>
      </c>
      <c r="D2045">
        <f t="shared" si="62"/>
        <v>0</v>
      </c>
      <c r="E2045" s="6">
        <f t="shared" si="63"/>
        <v>0</v>
      </c>
    </row>
    <row r="2046" spans="1:5" x14ac:dyDescent="0.25">
      <c r="A2046" s="1">
        <v>43641.083333333336</v>
      </c>
      <c r="B2046" s="2">
        <v>15.38</v>
      </c>
      <c r="C2046">
        <v>0</v>
      </c>
      <c r="D2046">
        <f t="shared" si="62"/>
        <v>0</v>
      </c>
      <c r="E2046" s="6">
        <f t="shared" si="63"/>
        <v>0</v>
      </c>
    </row>
    <row r="2047" spans="1:5" x14ac:dyDescent="0.25">
      <c r="A2047" s="1">
        <v>43641.125</v>
      </c>
      <c r="B2047" s="2">
        <v>14.89</v>
      </c>
      <c r="C2047">
        <v>0</v>
      </c>
      <c r="D2047">
        <f t="shared" si="62"/>
        <v>0</v>
      </c>
      <c r="E2047" s="6">
        <f t="shared" si="63"/>
        <v>0</v>
      </c>
    </row>
    <row r="2048" spans="1:5" x14ac:dyDescent="0.25">
      <c r="A2048" s="1">
        <v>43641.166666666664</v>
      </c>
      <c r="B2048" s="2">
        <v>15.1</v>
      </c>
      <c r="C2048">
        <v>0</v>
      </c>
      <c r="D2048">
        <f t="shared" si="62"/>
        <v>0</v>
      </c>
      <c r="E2048" s="6">
        <f t="shared" si="63"/>
        <v>0</v>
      </c>
    </row>
    <row r="2049" spans="1:5" x14ac:dyDescent="0.25">
      <c r="A2049" s="1">
        <v>43641.208333333336</v>
      </c>
      <c r="B2049" s="2">
        <v>16.04</v>
      </c>
      <c r="C2049">
        <v>0</v>
      </c>
      <c r="D2049">
        <f t="shared" si="62"/>
        <v>0</v>
      </c>
      <c r="E2049" s="6">
        <f t="shared" si="63"/>
        <v>0</v>
      </c>
    </row>
    <row r="2050" spans="1:5" x14ac:dyDescent="0.25">
      <c r="A2050" s="1">
        <v>43641.25</v>
      </c>
      <c r="B2050" s="2">
        <v>18.46</v>
      </c>
      <c r="C2050">
        <v>2.5350000000000001E-2</v>
      </c>
      <c r="D2050">
        <f t="shared" si="62"/>
        <v>2.535E-5</v>
      </c>
      <c r="E2050" s="6">
        <f t="shared" si="63"/>
        <v>4.6796100000000003E-4</v>
      </c>
    </row>
    <row r="2051" spans="1:5" x14ac:dyDescent="0.25">
      <c r="A2051" s="1">
        <v>43641.291666666664</v>
      </c>
      <c r="B2051" s="2">
        <v>19.86</v>
      </c>
      <c r="C2051">
        <v>0.5753680000000001</v>
      </c>
      <c r="D2051">
        <f t="shared" si="62"/>
        <v>5.7536800000000015E-4</v>
      </c>
      <c r="E2051" s="6">
        <f t="shared" si="63"/>
        <v>1.1426808480000003E-2</v>
      </c>
    </row>
    <row r="2052" spans="1:5" x14ac:dyDescent="0.25">
      <c r="A2052" s="1">
        <v>43641.333333333336</v>
      </c>
      <c r="B2052" s="2">
        <v>20.94</v>
      </c>
      <c r="C2052">
        <v>2.1669560000000003</v>
      </c>
      <c r="D2052">
        <f t="shared" si="62"/>
        <v>2.1669560000000003E-3</v>
      </c>
      <c r="E2052" s="6">
        <f t="shared" si="63"/>
        <v>4.5376058640000008E-2</v>
      </c>
    </row>
    <row r="2053" spans="1:5" x14ac:dyDescent="0.25">
      <c r="A2053" s="1">
        <v>43641.375</v>
      </c>
      <c r="B2053" s="2">
        <v>23.1</v>
      </c>
      <c r="C2053">
        <v>0.7782619999999999</v>
      </c>
      <c r="D2053">
        <f t="shared" si="62"/>
        <v>7.7826199999999994E-4</v>
      </c>
      <c r="E2053" s="6">
        <f t="shared" si="63"/>
        <v>1.7977852199999998E-2</v>
      </c>
    </row>
    <row r="2054" spans="1:5" x14ac:dyDescent="0.25">
      <c r="A2054" s="1">
        <v>43641.416666666664</v>
      </c>
      <c r="B2054" s="2">
        <v>25.59</v>
      </c>
      <c r="C2054">
        <v>2.5360179999999999</v>
      </c>
      <c r="D2054">
        <f t="shared" ref="D2054:D2117" si="64">C2054/1000</f>
        <v>2.5360179999999997E-3</v>
      </c>
      <c r="E2054" s="6">
        <f t="shared" ref="E2054:E2117" si="65">D2054*B2054</f>
        <v>6.4896700619999997E-2</v>
      </c>
    </row>
    <row r="2055" spans="1:5" x14ac:dyDescent="0.25">
      <c r="A2055" s="1">
        <v>43641.458333333336</v>
      </c>
      <c r="B2055" s="2">
        <v>27.75</v>
      </c>
      <c r="C2055">
        <v>6.2263090000000005</v>
      </c>
      <c r="D2055">
        <f t="shared" si="64"/>
        <v>6.2263090000000002E-3</v>
      </c>
      <c r="E2055" s="6">
        <f t="shared" si="65"/>
        <v>0.17278007475000001</v>
      </c>
    </row>
    <row r="2056" spans="1:5" x14ac:dyDescent="0.25">
      <c r="A2056" s="1">
        <v>43641.5</v>
      </c>
      <c r="B2056" s="2">
        <v>31.61</v>
      </c>
      <c r="C2056">
        <v>6.7258190000000004</v>
      </c>
      <c r="D2056">
        <f t="shared" si="64"/>
        <v>6.7258190000000001E-3</v>
      </c>
      <c r="E2056" s="6">
        <f t="shared" si="65"/>
        <v>0.21260313858999999</v>
      </c>
    </row>
    <row r="2057" spans="1:5" x14ac:dyDescent="0.25">
      <c r="A2057" s="1">
        <v>43641.541666666664</v>
      </c>
      <c r="B2057" s="2">
        <v>33.39</v>
      </c>
      <c r="C2057">
        <v>4.8972700000000007</v>
      </c>
      <c r="D2057">
        <f t="shared" si="64"/>
        <v>4.8972700000000004E-3</v>
      </c>
      <c r="E2057" s="6">
        <f t="shared" si="65"/>
        <v>0.16351984530000002</v>
      </c>
    </row>
    <row r="2058" spans="1:5" x14ac:dyDescent="0.25">
      <c r="A2058" s="1">
        <v>43641.583333333336</v>
      </c>
      <c r="B2058" s="2">
        <v>33.409999999999997</v>
      </c>
      <c r="C2058">
        <v>3.2021819999999996</v>
      </c>
      <c r="D2058">
        <f t="shared" si="64"/>
        <v>3.2021819999999996E-3</v>
      </c>
      <c r="E2058" s="6">
        <f t="shared" si="65"/>
        <v>0.10698490061999998</v>
      </c>
    </row>
    <row r="2059" spans="1:5" x14ac:dyDescent="0.25">
      <c r="A2059" s="1">
        <v>43641.625</v>
      </c>
      <c r="B2059" s="2">
        <v>37.159999999999997</v>
      </c>
      <c r="C2059">
        <v>2.4314870000000002</v>
      </c>
      <c r="D2059">
        <f t="shared" si="64"/>
        <v>2.431487E-3</v>
      </c>
      <c r="E2059" s="6">
        <f t="shared" si="65"/>
        <v>9.0354056919999995E-2</v>
      </c>
    </row>
    <row r="2060" spans="1:5" x14ac:dyDescent="0.25">
      <c r="A2060" s="1">
        <v>43641.666666666664</v>
      </c>
      <c r="B2060" s="2">
        <v>42.3</v>
      </c>
      <c r="C2060">
        <v>4.8209030000000004</v>
      </c>
      <c r="D2060">
        <f t="shared" si="64"/>
        <v>4.8209030000000005E-3</v>
      </c>
      <c r="E2060" s="6">
        <f t="shared" si="65"/>
        <v>0.20392419690000002</v>
      </c>
    </row>
    <row r="2061" spans="1:5" x14ac:dyDescent="0.25">
      <c r="A2061" s="1">
        <v>43641.708333333336</v>
      </c>
      <c r="B2061" s="2">
        <v>40.58</v>
      </c>
      <c r="C2061">
        <v>2.2908620000000002</v>
      </c>
      <c r="D2061">
        <f t="shared" si="64"/>
        <v>2.2908620000000003E-3</v>
      </c>
      <c r="E2061" s="6">
        <f t="shared" si="65"/>
        <v>9.2963179960000003E-2</v>
      </c>
    </row>
    <row r="2062" spans="1:5" x14ac:dyDescent="0.25">
      <c r="A2062" s="1">
        <v>43641.75</v>
      </c>
      <c r="B2062" s="2">
        <v>35.200000000000003</v>
      </c>
      <c r="C2062">
        <v>0.92758499999999999</v>
      </c>
      <c r="D2062">
        <f t="shared" si="64"/>
        <v>9.2758499999999998E-4</v>
      </c>
      <c r="E2062" s="6">
        <f t="shared" si="65"/>
        <v>3.2650992000000004E-2</v>
      </c>
    </row>
    <row r="2063" spans="1:5" x14ac:dyDescent="0.25">
      <c r="A2063" s="1">
        <v>43641.791666666664</v>
      </c>
      <c r="B2063" s="2">
        <v>32.92</v>
      </c>
      <c r="C2063">
        <v>0.134903</v>
      </c>
      <c r="D2063">
        <f t="shared" si="64"/>
        <v>1.3490299999999999E-4</v>
      </c>
      <c r="E2063" s="6">
        <f t="shared" si="65"/>
        <v>4.4410067600000004E-3</v>
      </c>
    </row>
    <row r="2064" spans="1:5" x14ac:dyDescent="0.25">
      <c r="A2064" s="1">
        <v>43641.833333333336</v>
      </c>
      <c r="B2064" s="2">
        <v>30.91</v>
      </c>
      <c r="C2064">
        <v>0</v>
      </c>
      <c r="D2064">
        <f t="shared" si="64"/>
        <v>0</v>
      </c>
      <c r="E2064" s="6">
        <f t="shared" si="65"/>
        <v>0</v>
      </c>
    </row>
    <row r="2065" spans="1:5" x14ac:dyDescent="0.25">
      <c r="A2065" s="1">
        <v>43641.875</v>
      </c>
      <c r="B2065" s="2">
        <v>28.49</v>
      </c>
      <c r="C2065">
        <v>0</v>
      </c>
      <c r="D2065">
        <f t="shared" si="64"/>
        <v>0</v>
      </c>
      <c r="E2065" s="6">
        <f t="shared" si="65"/>
        <v>0</v>
      </c>
    </row>
    <row r="2066" spans="1:5" x14ac:dyDescent="0.25">
      <c r="A2066" s="1">
        <v>43641.916666666664</v>
      </c>
      <c r="B2066" s="2">
        <v>23.8</v>
      </c>
      <c r="C2066">
        <v>0</v>
      </c>
      <c r="D2066">
        <f t="shared" si="64"/>
        <v>0</v>
      </c>
      <c r="E2066" s="6">
        <f t="shared" si="65"/>
        <v>0</v>
      </c>
    </row>
    <row r="2067" spans="1:5" x14ac:dyDescent="0.25">
      <c r="A2067" s="1">
        <v>43641.958333333336</v>
      </c>
      <c r="B2067" s="2">
        <v>21.06</v>
      </c>
      <c r="C2067">
        <v>0</v>
      </c>
      <c r="D2067">
        <f t="shared" si="64"/>
        <v>0</v>
      </c>
      <c r="E2067" s="6">
        <f t="shared" si="65"/>
        <v>0</v>
      </c>
    </row>
    <row r="2068" spans="1:5" x14ac:dyDescent="0.25">
      <c r="A2068" s="1">
        <v>43642</v>
      </c>
      <c r="B2068" s="2">
        <v>18.07</v>
      </c>
      <c r="C2068">
        <v>0</v>
      </c>
      <c r="D2068">
        <f t="shared" si="64"/>
        <v>0</v>
      </c>
      <c r="E2068" s="6">
        <f t="shared" si="65"/>
        <v>0</v>
      </c>
    </row>
    <row r="2069" spans="1:5" x14ac:dyDescent="0.25">
      <c r="A2069" s="1">
        <v>43642.041666666664</v>
      </c>
      <c r="B2069" s="2">
        <v>15.77</v>
      </c>
      <c r="C2069">
        <v>0</v>
      </c>
      <c r="D2069">
        <f t="shared" si="64"/>
        <v>0</v>
      </c>
      <c r="E2069" s="6">
        <f t="shared" si="65"/>
        <v>0</v>
      </c>
    </row>
    <row r="2070" spans="1:5" x14ac:dyDescent="0.25">
      <c r="A2070" s="1">
        <v>43642.083333333336</v>
      </c>
      <c r="B2070" s="2">
        <v>15.07</v>
      </c>
      <c r="C2070">
        <v>0</v>
      </c>
      <c r="D2070">
        <f t="shared" si="64"/>
        <v>0</v>
      </c>
      <c r="E2070" s="6">
        <f t="shared" si="65"/>
        <v>0</v>
      </c>
    </row>
    <row r="2071" spans="1:5" x14ac:dyDescent="0.25">
      <c r="A2071" s="1">
        <v>43642.125</v>
      </c>
      <c r="B2071" s="2">
        <v>14.16</v>
      </c>
      <c r="C2071">
        <v>0</v>
      </c>
      <c r="D2071">
        <f t="shared" si="64"/>
        <v>0</v>
      </c>
      <c r="E2071" s="6">
        <f t="shared" si="65"/>
        <v>0</v>
      </c>
    </row>
    <row r="2072" spans="1:5" x14ac:dyDescent="0.25">
      <c r="A2072" s="1">
        <v>43642.166666666664</v>
      </c>
      <c r="B2072" s="2">
        <v>14.19</v>
      </c>
      <c r="C2072">
        <v>0</v>
      </c>
      <c r="D2072">
        <f t="shared" si="64"/>
        <v>0</v>
      </c>
      <c r="E2072" s="6">
        <f t="shared" si="65"/>
        <v>0</v>
      </c>
    </row>
    <row r="2073" spans="1:5" x14ac:dyDescent="0.25">
      <c r="A2073" s="1">
        <v>43642.208333333336</v>
      </c>
      <c r="B2073" s="2">
        <v>15.25</v>
      </c>
      <c r="C2073">
        <v>0</v>
      </c>
      <c r="D2073">
        <f t="shared" si="64"/>
        <v>0</v>
      </c>
      <c r="E2073" s="6">
        <f t="shared" si="65"/>
        <v>0</v>
      </c>
    </row>
    <row r="2074" spans="1:5" x14ac:dyDescent="0.25">
      <c r="A2074" s="1">
        <v>43642.25</v>
      </c>
      <c r="B2074" s="2">
        <v>17.88</v>
      </c>
      <c r="C2074">
        <v>4.1384999999999998E-2</v>
      </c>
      <c r="D2074">
        <f t="shared" si="64"/>
        <v>4.1384999999999998E-5</v>
      </c>
      <c r="E2074" s="6">
        <f t="shared" si="65"/>
        <v>7.399637999999999E-4</v>
      </c>
    </row>
    <row r="2075" spans="1:5" x14ac:dyDescent="0.25">
      <c r="A2075" s="1">
        <v>43642.291666666664</v>
      </c>
      <c r="B2075" s="2">
        <v>19.11</v>
      </c>
      <c r="C2075">
        <v>0.69395000000000007</v>
      </c>
      <c r="D2075">
        <f t="shared" si="64"/>
        <v>6.9395000000000004E-4</v>
      </c>
      <c r="E2075" s="6">
        <f t="shared" si="65"/>
        <v>1.3261384500000001E-2</v>
      </c>
    </row>
    <row r="2076" spans="1:5" x14ac:dyDescent="0.25">
      <c r="A2076" s="1">
        <v>43642.333333333336</v>
      </c>
      <c r="B2076" s="2">
        <v>20.78</v>
      </c>
      <c r="C2076">
        <v>2.1783829999999997</v>
      </c>
      <c r="D2076">
        <f t="shared" si="64"/>
        <v>2.1783829999999999E-3</v>
      </c>
      <c r="E2076" s="6">
        <f t="shared" si="65"/>
        <v>4.5266798740000003E-2</v>
      </c>
    </row>
    <row r="2077" spans="1:5" x14ac:dyDescent="0.25">
      <c r="A2077" s="1">
        <v>43642.375</v>
      </c>
      <c r="B2077" s="2">
        <v>22.78</v>
      </c>
      <c r="C2077">
        <v>3.8913060000000002</v>
      </c>
      <c r="D2077">
        <f t="shared" si="64"/>
        <v>3.8913060000000002E-3</v>
      </c>
      <c r="E2077" s="6">
        <f t="shared" si="65"/>
        <v>8.8643950680000014E-2</v>
      </c>
    </row>
    <row r="2078" spans="1:5" x14ac:dyDescent="0.25">
      <c r="A2078" s="1">
        <v>43642.416666666664</v>
      </c>
      <c r="B2078" s="2">
        <v>25.31</v>
      </c>
      <c r="C2078">
        <v>5.2864789999999999</v>
      </c>
      <c r="D2078">
        <f t="shared" si="64"/>
        <v>5.2864790000000002E-3</v>
      </c>
      <c r="E2078" s="6">
        <f t="shared" si="65"/>
        <v>0.13380078348999999</v>
      </c>
    </row>
    <row r="2079" spans="1:5" x14ac:dyDescent="0.25">
      <c r="A2079" s="1">
        <v>43642.458333333336</v>
      </c>
      <c r="B2079" s="2">
        <v>27.97</v>
      </c>
      <c r="C2079">
        <v>6.2574489999999994</v>
      </c>
      <c r="D2079">
        <f t="shared" si="64"/>
        <v>6.2574489999999991E-3</v>
      </c>
      <c r="E2079" s="6">
        <f t="shared" si="65"/>
        <v>0.17502084852999997</v>
      </c>
    </row>
    <row r="2080" spans="1:5" x14ac:dyDescent="0.25">
      <c r="A2080" s="1">
        <v>43642.5</v>
      </c>
      <c r="B2080" s="2">
        <v>32.520000000000003</v>
      </c>
      <c r="C2080">
        <v>6.8405060000000004</v>
      </c>
      <c r="D2080">
        <f t="shared" si="64"/>
        <v>6.8405060000000005E-3</v>
      </c>
      <c r="E2080" s="6">
        <f t="shared" si="65"/>
        <v>0.22245325512000003</v>
      </c>
    </row>
    <row r="2081" spans="1:5" x14ac:dyDescent="0.25">
      <c r="A2081" s="1">
        <v>43642.541666666664</v>
      </c>
      <c r="B2081" s="2">
        <v>37.090000000000003</v>
      </c>
      <c r="C2081">
        <v>7.016686</v>
      </c>
      <c r="D2081">
        <f t="shared" si="64"/>
        <v>7.0166860000000003E-3</v>
      </c>
      <c r="E2081" s="6">
        <f t="shared" si="65"/>
        <v>0.26024888374000005</v>
      </c>
    </row>
    <row r="2082" spans="1:5" x14ac:dyDescent="0.25">
      <c r="A2082" s="1">
        <v>43642.583333333336</v>
      </c>
      <c r="B2082" s="2">
        <v>39.020000000000003</v>
      </c>
      <c r="C2082">
        <v>3.5944600000000002</v>
      </c>
      <c r="D2082">
        <f t="shared" si="64"/>
        <v>3.5944600000000003E-3</v>
      </c>
      <c r="E2082" s="6">
        <f t="shared" si="65"/>
        <v>0.14025582920000002</v>
      </c>
    </row>
    <row r="2083" spans="1:5" x14ac:dyDescent="0.25">
      <c r="A2083" s="1">
        <v>43642.625</v>
      </c>
      <c r="B2083" s="2">
        <v>42.38</v>
      </c>
      <c r="C2083">
        <v>1.4641500000000001</v>
      </c>
      <c r="D2083">
        <f t="shared" si="64"/>
        <v>1.46415E-3</v>
      </c>
      <c r="E2083" s="6">
        <f t="shared" si="65"/>
        <v>6.2050677000000005E-2</v>
      </c>
    </row>
    <row r="2084" spans="1:5" x14ac:dyDescent="0.25">
      <c r="A2084" s="1">
        <v>43642.666666666664</v>
      </c>
      <c r="B2084" s="2">
        <v>47.81</v>
      </c>
      <c r="C2084">
        <v>2.9556309999999999</v>
      </c>
      <c r="D2084">
        <f t="shared" si="64"/>
        <v>2.9556309999999998E-3</v>
      </c>
      <c r="E2084" s="6">
        <f t="shared" si="65"/>
        <v>0.14130871811000001</v>
      </c>
    </row>
    <row r="2085" spans="1:5" x14ac:dyDescent="0.25">
      <c r="A2085" s="1">
        <v>43642.708333333336</v>
      </c>
      <c r="B2085" s="2">
        <v>47.55</v>
      </c>
      <c r="C2085">
        <v>3.442669</v>
      </c>
      <c r="D2085">
        <f t="shared" si="64"/>
        <v>3.4426689999999998E-3</v>
      </c>
      <c r="E2085" s="6">
        <f t="shared" si="65"/>
        <v>0.16369891094999997</v>
      </c>
    </row>
    <row r="2086" spans="1:5" x14ac:dyDescent="0.25">
      <c r="A2086" s="1">
        <v>43642.75</v>
      </c>
      <c r="B2086" s="2">
        <v>38.869999999999997</v>
      </c>
      <c r="C2086">
        <v>2.394199</v>
      </c>
      <c r="D2086">
        <f t="shared" si="64"/>
        <v>2.3941990000000001E-3</v>
      </c>
      <c r="E2086" s="6">
        <f t="shared" si="65"/>
        <v>9.3062515129999995E-2</v>
      </c>
    </row>
    <row r="2087" spans="1:5" x14ac:dyDescent="0.25">
      <c r="A2087" s="1">
        <v>43642.791666666664</v>
      </c>
      <c r="B2087" s="2">
        <v>35.619999999999997</v>
      </c>
      <c r="C2087">
        <v>0.88680199999999998</v>
      </c>
      <c r="D2087">
        <f t="shared" si="64"/>
        <v>8.8680200000000001E-4</v>
      </c>
      <c r="E2087" s="6">
        <f t="shared" si="65"/>
        <v>3.1587887240000001E-2</v>
      </c>
    </row>
    <row r="2088" spans="1:5" x14ac:dyDescent="0.25">
      <c r="A2088" s="1">
        <v>43642.833333333336</v>
      </c>
      <c r="B2088" s="2">
        <v>32.479999999999997</v>
      </c>
      <c r="C2088">
        <v>0.121766</v>
      </c>
      <c r="D2088">
        <f t="shared" si="64"/>
        <v>1.21766E-4</v>
      </c>
      <c r="E2088" s="6">
        <f t="shared" si="65"/>
        <v>3.95495968E-3</v>
      </c>
    </row>
    <row r="2089" spans="1:5" x14ac:dyDescent="0.25">
      <c r="A2089" s="1">
        <v>43642.875</v>
      </c>
      <c r="B2089" s="2">
        <v>29.59</v>
      </c>
      <c r="C2089">
        <v>0</v>
      </c>
      <c r="D2089">
        <f t="shared" si="64"/>
        <v>0</v>
      </c>
      <c r="E2089" s="6">
        <f t="shared" si="65"/>
        <v>0</v>
      </c>
    </row>
    <row r="2090" spans="1:5" x14ac:dyDescent="0.25">
      <c r="A2090" s="1">
        <v>43642.916666666664</v>
      </c>
      <c r="B2090" s="2">
        <v>24.12</v>
      </c>
      <c r="C2090">
        <v>0</v>
      </c>
      <c r="D2090">
        <f t="shared" si="64"/>
        <v>0</v>
      </c>
      <c r="E2090" s="6">
        <f t="shared" si="65"/>
        <v>0</v>
      </c>
    </row>
    <row r="2091" spans="1:5" x14ac:dyDescent="0.25">
      <c r="A2091" s="1">
        <v>43642.958333333336</v>
      </c>
      <c r="B2091" s="2">
        <v>22.17</v>
      </c>
      <c r="C2091">
        <v>0</v>
      </c>
      <c r="D2091">
        <f t="shared" si="64"/>
        <v>0</v>
      </c>
      <c r="E2091" s="6">
        <f t="shared" si="65"/>
        <v>0</v>
      </c>
    </row>
    <row r="2092" spans="1:5" x14ac:dyDescent="0.25">
      <c r="A2092" s="1">
        <v>43643</v>
      </c>
      <c r="B2092" s="2">
        <v>19.53</v>
      </c>
      <c r="C2092">
        <v>0</v>
      </c>
      <c r="D2092">
        <f t="shared" si="64"/>
        <v>0</v>
      </c>
      <c r="E2092" s="6">
        <f t="shared" si="65"/>
        <v>0</v>
      </c>
    </row>
    <row r="2093" spans="1:5" x14ac:dyDescent="0.25">
      <c r="A2093" s="1">
        <v>43643.041666666664</v>
      </c>
      <c r="B2093" s="2">
        <v>18.34</v>
      </c>
      <c r="C2093">
        <v>0</v>
      </c>
      <c r="D2093">
        <f t="shared" si="64"/>
        <v>0</v>
      </c>
      <c r="E2093" s="6">
        <f t="shared" si="65"/>
        <v>0</v>
      </c>
    </row>
    <row r="2094" spans="1:5" x14ac:dyDescent="0.25">
      <c r="A2094" s="1">
        <v>43643.083333333336</v>
      </c>
      <c r="B2094" s="2">
        <v>16.71</v>
      </c>
      <c r="C2094">
        <v>0</v>
      </c>
      <c r="D2094">
        <f t="shared" si="64"/>
        <v>0</v>
      </c>
      <c r="E2094" s="6">
        <f t="shared" si="65"/>
        <v>0</v>
      </c>
    </row>
    <row r="2095" spans="1:5" x14ac:dyDescent="0.25">
      <c r="A2095" s="1">
        <v>43643.125</v>
      </c>
      <c r="B2095" s="2">
        <v>15.55</v>
      </c>
      <c r="C2095">
        <v>0</v>
      </c>
      <c r="D2095">
        <f t="shared" si="64"/>
        <v>0</v>
      </c>
      <c r="E2095" s="6">
        <f t="shared" si="65"/>
        <v>0</v>
      </c>
    </row>
    <row r="2096" spans="1:5" x14ac:dyDescent="0.25">
      <c r="A2096" s="1">
        <v>43643.166666666664</v>
      </c>
      <c r="B2096" s="2">
        <v>15.57</v>
      </c>
      <c r="C2096">
        <v>0</v>
      </c>
      <c r="D2096">
        <f t="shared" si="64"/>
        <v>0</v>
      </c>
      <c r="E2096" s="6">
        <f t="shared" si="65"/>
        <v>0</v>
      </c>
    </row>
    <row r="2097" spans="1:5" x14ac:dyDescent="0.25">
      <c r="A2097" s="1">
        <v>43643.208333333336</v>
      </c>
      <c r="B2097" s="2">
        <v>17.03</v>
      </c>
      <c r="C2097">
        <v>0</v>
      </c>
      <c r="D2097">
        <f t="shared" si="64"/>
        <v>0</v>
      </c>
      <c r="E2097" s="6">
        <f t="shared" si="65"/>
        <v>0</v>
      </c>
    </row>
    <row r="2098" spans="1:5" x14ac:dyDescent="0.25">
      <c r="A2098" s="1">
        <v>43643.25</v>
      </c>
      <c r="B2098" s="2">
        <v>19.079999999999998</v>
      </c>
      <c r="C2098">
        <v>0</v>
      </c>
      <c r="D2098">
        <f t="shared" si="64"/>
        <v>0</v>
      </c>
      <c r="E2098" s="6">
        <f t="shared" si="65"/>
        <v>0</v>
      </c>
    </row>
    <row r="2099" spans="1:5" x14ac:dyDescent="0.25">
      <c r="A2099" s="1">
        <v>43643.291666666664</v>
      </c>
      <c r="B2099" s="2">
        <v>20.93</v>
      </c>
      <c r="C2099">
        <v>0.226576</v>
      </c>
      <c r="D2099">
        <f t="shared" si="64"/>
        <v>2.2657600000000001E-4</v>
      </c>
      <c r="E2099" s="6">
        <f t="shared" si="65"/>
        <v>4.7422356799999999E-3</v>
      </c>
    </row>
    <row r="2100" spans="1:5" x14ac:dyDescent="0.25">
      <c r="A2100" s="1">
        <v>43643.333333333336</v>
      </c>
      <c r="B2100" s="2">
        <v>22.59</v>
      </c>
      <c r="C2100">
        <v>1.498016</v>
      </c>
      <c r="D2100">
        <f t="shared" si="64"/>
        <v>1.498016E-3</v>
      </c>
      <c r="E2100" s="6">
        <f t="shared" si="65"/>
        <v>3.3840181439999999E-2</v>
      </c>
    </row>
    <row r="2101" spans="1:5" x14ac:dyDescent="0.25">
      <c r="A2101" s="1">
        <v>43643.375</v>
      </c>
      <c r="B2101" s="2">
        <v>25.35</v>
      </c>
      <c r="C2101">
        <v>2.4554670000000001</v>
      </c>
      <c r="D2101">
        <f t="shared" si="64"/>
        <v>2.4554670000000002E-3</v>
      </c>
      <c r="E2101" s="6">
        <f t="shared" si="65"/>
        <v>6.2246088450000008E-2</v>
      </c>
    </row>
    <row r="2102" spans="1:5" x14ac:dyDescent="0.25">
      <c r="A2102" s="1">
        <v>43643.416666666664</v>
      </c>
      <c r="B2102" s="2">
        <v>28.06</v>
      </c>
      <c r="C2102">
        <v>2.7116709999999999</v>
      </c>
      <c r="D2102">
        <f t="shared" si="64"/>
        <v>2.7116710000000001E-3</v>
      </c>
      <c r="E2102" s="6">
        <f t="shared" si="65"/>
        <v>7.6089488260000004E-2</v>
      </c>
    </row>
    <row r="2103" spans="1:5" x14ac:dyDescent="0.25">
      <c r="A2103" s="1">
        <v>43643.458333333336</v>
      </c>
      <c r="B2103" s="2">
        <v>30.79</v>
      </c>
      <c r="C2103">
        <v>2.3387060000000002</v>
      </c>
      <c r="D2103">
        <f t="shared" si="64"/>
        <v>2.3387060000000003E-3</v>
      </c>
      <c r="E2103" s="6">
        <f t="shared" si="65"/>
        <v>7.2008757740000012E-2</v>
      </c>
    </row>
    <row r="2104" spans="1:5" x14ac:dyDescent="0.25">
      <c r="A2104" s="1">
        <v>43643.5</v>
      </c>
      <c r="B2104" s="2">
        <v>34.07</v>
      </c>
      <c r="C2104">
        <v>2.3137319999999999</v>
      </c>
      <c r="D2104">
        <f t="shared" si="64"/>
        <v>2.3137319999999998E-3</v>
      </c>
      <c r="E2104" s="6">
        <f t="shared" si="65"/>
        <v>7.8828849239999998E-2</v>
      </c>
    </row>
    <row r="2105" spans="1:5" x14ac:dyDescent="0.25">
      <c r="A2105" s="1">
        <v>43643.541666666664</v>
      </c>
      <c r="B2105" s="2">
        <v>36.36</v>
      </c>
      <c r="C2105">
        <v>4.5518970000000003</v>
      </c>
      <c r="D2105">
        <f t="shared" si="64"/>
        <v>4.5518970000000001E-3</v>
      </c>
      <c r="E2105" s="6">
        <f t="shared" si="65"/>
        <v>0.16550697491999999</v>
      </c>
    </row>
    <row r="2106" spans="1:5" x14ac:dyDescent="0.25">
      <c r="A2106" s="1">
        <v>43643.583333333336</v>
      </c>
      <c r="B2106" s="2">
        <v>41.27</v>
      </c>
      <c r="C2106">
        <v>3.5842020000000003</v>
      </c>
      <c r="D2106">
        <f t="shared" si="64"/>
        <v>3.5842020000000003E-3</v>
      </c>
      <c r="E2106" s="6">
        <f t="shared" si="65"/>
        <v>0.14792001654000003</v>
      </c>
    </row>
    <row r="2107" spans="1:5" x14ac:dyDescent="0.25">
      <c r="A2107" s="1">
        <v>43643.625</v>
      </c>
      <c r="B2107" s="2">
        <v>45.87</v>
      </c>
      <c r="C2107">
        <v>2.4594870000000002</v>
      </c>
      <c r="D2107">
        <f t="shared" si="64"/>
        <v>2.4594870000000002E-3</v>
      </c>
      <c r="E2107" s="6">
        <f t="shared" si="65"/>
        <v>0.11281666869000001</v>
      </c>
    </row>
    <row r="2108" spans="1:5" x14ac:dyDescent="0.25">
      <c r="A2108" s="1">
        <v>43643.666666666664</v>
      </c>
      <c r="B2108" s="2">
        <v>50.9</v>
      </c>
      <c r="C2108">
        <v>3.965344</v>
      </c>
      <c r="D2108">
        <f t="shared" si="64"/>
        <v>3.965344E-3</v>
      </c>
      <c r="E2108" s="6">
        <f t="shared" si="65"/>
        <v>0.2018360096</v>
      </c>
    </row>
    <row r="2109" spans="1:5" x14ac:dyDescent="0.25">
      <c r="A2109" s="1">
        <v>43643.708333333336</v>
      </c>
      <c r="B2109" s="2">
        <v>48.71</v>
      </c>
      <c r="C2109">
        <v>1.454358</v>
      </c>
      <c r="D2109">
        <f t="shared" si="64"/>
        <v>1.454358E-3</v>
      </c>
      <c r="E2109" s="6">
        <f t="shared" si="65"/>
        <v>7.0841778179999995E-2</v>
      </c>
    </row>
    <row r="2110" spans="1:5" x14ac:dyDescent="0.25">
      <c r="A2110" s="1">
        <v>43643.75</v>
      </c>
      <c r="B2110" s="2">
        <v>40.729999999999997</v>
      </c>
      <c r="C2110">
        <v>1.8699000000000001</v>
      </c>
      <c r="D2110">
        <f t="shared" si="64"/>
        <v>1.8699000000000001E-3</v>
      </c>
      <c r="E2110" s="6">
        <f t="shared" si="65"/>
        <v>7.6161026999999992E-2</v>
      </c>
    </row>
    <row r="2111" spans="1:5" x14ac:dyDescent="0.25">
      <c r="A2111" s="1">
        <v>43643.791666666664</v>
      </c>
      <c r="B2111" s="2">
        <v>34.950000000000003</v>
      </c>
      <c r="C2111">
        <v>0.83118800000000004</v>
      </c>
      <c r="D2111">
        <f t="shared" si="64"/>
        <v>8.3118800000000007E-4</v>
      </c>
      <c r="E2111" s="6">
        <f t="shared" si="65"/>
        <v>2.9050020600000004E-2</v>
      </c>
    </row>
    <row r="2112" spans="1:5" x14ac:dyDescent="0.25">
      <c r="A2112" s="1">
        <v>43643.833333333336</v>
      </c>
      <c r="B2112" s="2">
        <v>33.46</v>
      </c>
      <c r="C2112">
        <v>0.143119</v>
      </c>
      <c r="D2112">
        <f t="shared" si="64"/>
        <v>1.4311899999999998E-4</v>
      </c>
      <c r="E2112" s="6">
        <f t="shared" si="65"/>
        <v>4.7887617399999995E-3</v>
      </c>
    </row>
    <row r="2113" spans="1:5" x14ac:dyDescent="0.25">
      <c r="A2113" s="1">
        <v>43643.875</v>
      </c>
      <c r="B2113" s="2">
        <v>30.28</v>
      </c>
      <c r="C2113">
        <v>0</v>
      </c>
      <c r="D2113">
        <f t="shared" si="64"/>
        <v>0</v>
      </c>
      <c r="E2113" s="6">
        <f t="shared" si="65"/>
        <v>0</v>
      </c>
    </row>
    <row r="2114" spans="1:5" x14ac:dyDescent="0.25">
      <c r="A2114" s="1">
        <v>43643.916666666664</v>
      </c>
      <c r="B2114" s="2">
        <v>24.56</v>
      </c>
      <c r="C2114">
        <v>0</v>
      </c>
      <c r="D2114">
        <f t="shared" si="64"/>
        <v>0</v>
      </c>
      <c r="E2114" s="6">
        <f t="shared" si="65"/>
        <v>0</v>
      </c>
    </row>
    <row r="2115" spans="1:5" x14ac:dyDescent="0.25">
      <c r="A2115" s="1">
        <v>43643.958333333336</v>
      </c>
      <c r="B2115" s="2">
        <v>22.39</v>
      </c>
      <c r="C2115">
        <v>0</v>
      </c>
      <c r="D2115">
        <f t="shared" si="64"/>
        <v>0</v>
      </c>
      <c r="E2115" s="6">
        <f t="shared" si="65"/>
        <v>0</v>
      </c>
    </row>
    <row r="2116" spans="1:5" x14ac:dyDescent="0.25">
      <c r="A2116" s="1">
        <v>43644</v>
      </c>
      <c r="B2116" s="2">
        <v>20.03</v>
      </c>
      <c r="C2116">
        <v>0</v>
      </c>
      <c r="D2116">
        <f t="shared" si="64"/>
        <v>0</v>
      </c>
      <c r="E2116" s="6">
        <f t="shared" si="65"/>
        <v>0</v>
      </c>
    </row>
    <row r="2117" spans="1:5" x14ac:dyDescent="0.25">
      <c r="A2117" s="1">
        <v>43644.041666666664</v>
      </c>
      <c r="B2117" s="2">
        <v>19.5</v>
      </c>
      <c r="C2117">
        <v>0</v>
      </c>
      <c r="D2117">
        <f t="shared" si="64"/>
        <v>0</v>
      </c>
      <c r="E2117" s="6">
        <f t="shared" si="65"/>
        <v>0</v>
      </c>
    </row>
    <row r="2118" spans="1:5" x14ac:dyDescent="0.25">
      <c r="A2118" s="1">
        <v>43644.083333333336</v>
      </c>
      <c r="B2118" s="2">
        <v>17.75</v>
      </c>
      <c r="C2118">
        <v>0</v>
      </c>
      <c r="D2118">
        <f t="shared" ref="D2118:D2181" si="66">C2118/1000</f>
        <v>0</v>
      </c>
      <c r="E2118" s="6">
        <f t="shared" ref="E2118:E2181" si="67">D2118*B2118</f>
        <v>0</v>
      </c>
    </row>
    <row r="2119" spans="1:5" x14ac:dyDescent="0.25">
      <c r="A2119" s="1">
        <v>43644.125</v>
      </c>
      <c r="B2119" s="2">
        <v>16.16</v>
      </c>
      <c r="C2119">
        <v>0</v>
      </c>
      <c r="D2119">
        <f t="shared" si="66"/>
        <v>0</v>
      </c>
      <c r="E2119" s="6">
        <f t="shared" si="67"/>
        <v>0</v>
      </c>
    </row>
    <row r="2120" spans="1:5" x14ac:dyDescent="0.25">
      <c r="A2120" s="1">
        <v>43644.166666666664</v>
      </c>
      <c r="B2120" s="2">
        <v>16.09</v>
      </c>
      <c r="C2120">
        <v>0</v>
      </c>
      <c r="D2120">
        <f t="shared" si="66"/>
        <v>0</v>
      </c>
      <c r="E2120" s="6">
        <f t="shared" si="67"/>
        <v>0</v>
      </c>
    </row>
    <row r="2121" spans="1:5" x14ac:dyDescent="0.25">
      <c r="A2121" s="1">
        <v>43644.208333333336</v>
      </c>
      <c r="B2121" s="2">
        <v>17.809999999999999</v>
      </c>
      <c r="C2121">
        <v>0</v>
      </c>
      <c r="D2121">
        <f t="shared" si="66"/>
        <v>0</v>
      </c>
      <c r="E2121" s="6">
        <f t="shared" si="67"/>
        <v>0</v>
      </c>
    </row>
    <row r="2122" spans="1:5" x14ac:dyDescent="0.25">
      <c r="A2122" s="1">
        <v>43644.25</v>
      </c>
      <c r="B2122" s="2">
        <v>19.63</v>
      </c>
      <c r="C2122">
        <v>0</v>
      </c>
      <c r="D2122">
        <f t="shared" si="66"/>
        <v>0</v>
      </c>
      <c r="E2122" s="6">
        <f t="shared" si="67"/>
        <v>0</v>
      </c>
    </row>
    <row r="2123" spans="1:5" x14ac:dyDescent="0.25">
      <c r="A2123" s="1">
        <v>43644.291666666664</v>
      </c>
      <c r="B2123" s="2">
        <v>21.89</v>
      </c>
      <c r="C2123">
        <v>0.59179700000000002</v>
      </c>
      <c r="D2123">
        <f t="shared" si="66"/>
        <v>5.9179700000000003E-4</v>
      </c>
      <c r="E2123" s="6">
        <f t="shared" si="67"/>
        <v>1.2954436330000001E-2</v>
      </c>
    </row>
    <row r="2124" spans="1:5" x14ac:dyDescent="0.25">
      <c r="A2124" s="1">
        <v>43644.333333333336</v>
      </c>
      <c r="B2124" s="2">
        <v>22.84</v>
      </c>
      <c r="C2124">
        <v>0.64961300000000011</v>
      </c>
      <c r="D2124">
        <f t="shared" si="66"/>
        <v>6.4961300000000006E-4</v>
      </c>
      <c r="E2124" s="6">
        <f t="shared" si="67"/>
        <v>1.4837160920000002E-2</v>
      </c>
    </row>
    <row r="2125" spans="1:5" x14ac:dyDescent="0.25">
      <c r="A2125" s="1">
        <v>43644.375</v>
      </c>
      <c r="B2125" s="2">
        <v>25.89</v>
      </c>
      <c r="C2125">
        <v>1.0256829999999999</v>
      </c>
      <c r="D2125">
        <f t="shared" si="66"/>
        <v>1.0256829999999999E-3</v>
      </c>
      <c r="E2125" s="6">
        <f t="shared" si="67"/>
        <v>2.6554932869999999E-2</v>
      </c>
    </row>
    <row r="2126" spans="1:5" x14ac:dyDescent="0.25">
      <c r="A2126" s="1">
        <v>43644.416666666664</v>
      </c>
      <c r="B2126" s="2">
        <v>27.9</v>
      </c>
      <c r="C2126">
        <v>2.1658519999999997</v>
      </c>
      <c r="D2126">
        <f t="shared" si="66"/>
        <v>2.1658519999999998E-3</v>
      </c>
      <c r="E2126" s="6">
        <f t="shared" si="67"/>
        <v>6.0427270799999988E-2</v>
      </c>
    </row>
    <row r="2127" spans="1:5" x14ac:dyDescent="0.25">
      <c r="A2127" s="1">
        <v>43644.458333333336</v>
      </c>
      <c r="B2127" s="2">
        <v>30.98</v>
      </c>
      <c r="C2127">
        <v>3.8630309999999999</v>
      </c>
      <c r="D2127">
        <f t="shared" si="66"/>
        <v>3.8630309999999998E-3</v>
      </c>
      <c r="E2127" s="6">
        <f t="shared" si="67"/>
        <v>0.11967670038</v>
      </c>
    </row>
    <row r="2128" spans="1:5" x14ac:dyDescent="0.25">
      <c r="A2128" s="1">
        <v>43644.5</v>
      </c>
      <c r="B2128" s="2">
        <v>33.299999999999997</v>
      </c>
      <c r="C2128">
        <v>3.9164509999999999</v>
      </c>
      <c r="D2128">
        <f t="shared" si="66"/>
        <v>3.9164509999999996E-3</v>
      </c>
      <c r="E2128" s="6">
        <f t="shared" si="67"/>
        <v>0.13041781829999999</v>
      </c>
    </row>
    <row r="2129" spans="1:5" x14ac:dyDescent="0.25">
      <c r="A2129" s="1">
        <v>43644.541666666664</v>
      </c>
      <c r="B2129" s="2">
        <v>38.08</v>
      </c>
      <c r="C2129">
        <v>3.948143</v>
      </c>
      <c r="D2129">
        <f t="shared" si="66"/>
        <v>3.9481430000000003E-3</v>
      </c>
      <c r="E2129" s="6">
        <f t="shared" si="67"/>
        <v>0.15034528544</v>
      </c>
    </row>
    <row r="2130" spans="1:5" x14ac:dyDescent="0.25">
      <c r="A2130" s="1">
        <v>43644.583333333336</v>
      </c>
      <c r="B2130" s="2">
        <v>44.01</v>
      </c>
      <c r="C2130">
        <v>4.1367389999999995</v>
      </c>
      <c r="D2130">
        <f t="shared" si="66"/>
        <v>4.1367389999999995E-3</v>
      </c>
      <c r="E2130" s="6">
        <f t="shared" si="67"/>
        <v>0.18205788338999998</v>
      </c>
    </row>
    <row r="2131" spans="1:5" x14ac:dyDescent="0.25">
      <c r="A2131" s="1">
        <v>43644.625</v>
      </c>
      <c r="B2131" s="2">
        <v>48.66</v>
      </c>
      <c r="C2131">
        <v>3.0637719999999997</v>
      </c>
      <c r="D2131">
        <f t="shared" si="66"/>
        <v>3.0637719999999998E-3</v>
      </c>
      <c r="E2131" s="6">
        <f t="shared" si="67"/>
        <v>0.14908314551999999</v>
      </c>
    </row>
    <row r="2132" spans="1:5" x14ac:dyDescent="0.25">
      <c r="A2132" s="1">
        <v>43644.666666666664</v>
      </c>
      <c r="B2132" s="2">
        <v>57.36</v>
      </c>
      <c r="C2132">
        <v>2.7494769999999997</v>
      </c>
      <c r="D2132">
        <f t="shared" si="66"/>
        <v>2.7494769999999997E-3</v>
      </c>
      <c r="E2132" s="6">
        <f t="shared" si="67"/>
        <v>0.15771000071999999</v>
      </c>
    </row>
    <row r="2133" spans="1:5" x14ac:dyDescent="0.25">
      <c r="A2133" s="1">
        <v>43644.708333333336</v>
      </c>
      <c r="B2133" s="2">
        <v>56.45</v>
      </c>
      <c r="C2133">
        <v>2.2612240000000003</v>
      </c>
      <c r="D2133">
        <f t="shared" si="66"/>
        <v>2.2612240000000005E-3</v>
      </c>
      <c r="E2133" s="6">
        <f t="shared" si="67"/>
        <v>0.12764609480000003</v>
      </c>
    </row>
    <row r="2134" spans="1:5" x14ac:dyDescent="0.25">
      <c r="A2134" s="1">
        <v>43644.75</v>
      </c>
      <c r="B2134" s="2">
        <v>41.48</v>
      </c>
      <c r="C2134">
        <v>1.338244</v>
      </c>
      <c r="D2134">
        <f t="shared" si="66"/>
        <v>1.3382439999999999E-3</v>
      </c>
      <c r="E2134" s="6">
        <f t="shared" si="67"/>
        <v>5.551036111999999E-2</v>
      </c>
    </row>
    <row r="2135" spans="1:5" x14ac:dyDescent="0.25">
      <c r="A2135" s="1">
        <v>43644.791666666664</v>
      </c>
      <c r="B2135" s="2">
        <v>35.51</v>
      </c>
      <c r="C2135">
        <v>0.658775</v>
      </c>
      <c r="D2135">
        <f t="shared" si="66"/>
        <v>6.5877500000000001E-4</v>
      </c>
      <c r="E2135" s="6">
        <f t="shared" si="67"/>
        <v>2.339310025E-2</v>
      </c>
    </row>
    <row r="2136" spans="1:5" x14ac:dyDescent="0.25">
      <c r="A2136" s="1">
        <v>43644.833333333336</v>
      </c>
      <c r="B2136" s="2">
        <v>31.63</v>
      </c>
      <c r="C2136">
        <v>6.9031000000000009E-2</v>
      </c>
      <c r="D2136">
        <f t="shared" si="66"/>
        <v>6.903100000000001E-5</v>
      </c>
      <c r="E2136" s="6">
        <f t="shared" si="67"/>
        <v>2.1834505300000005E-3</v>
      </c>
    </row>
    <row r="2137" spans="1:5" x14ac:dyDescent="0.25">
      <c r="A2137" s="1">
        <v>43644.875</v>
      </c>
      <c r="B2137" s="2">
        <v>29.87</v>
      </c>
      <c r="C2137">
        <v>0</v>
      </c>
      <c r="D2137">
        <f t="shared" si="66"/>
        <v>0</v>
      </c>
      <c r="E2137" s="6">
        <f t="shared" si="67"/>
        <v>0</v>
      </c>
    </row>
    <row r="2138" spans="1:5" x14ac:dyDescent="0.25">
      <c r="A2138" s="1">
        <v>43644.916666666664</v>
      </c>
      <c r="B2138" s="2">
        <v>25.43</v>
      </c>
      <c r="C2138">
        <v>0</v>
      </c>
      <c r="D2138">
        <f t="shared" si="66"/>
        <v>0</v>
      </c>
      <c r="E2138" s="6">
        <f t="shared" si="67"/>
        <v>0</v>
      </c>
    </row>
    <row r="2139" spans="1:5" x14ac:dyDescent="0.25">
      <c r="A2139" s="1">
        <v>43644.958333333336</v>
      </c>
      <c r="B2139" s="2">
        <v>22.77</v>
      </c>
      <c r="C2139">
        <v>0</v>
      </c>
      <c r="D2139">
        <f t="shared" si="66"/>
        <v>0</v>
      </c>
      <c r="E2139" s="6">
        <f t="shared" si="67"/>
        <v>0</v>
      </c>
    </row>
    <row r="2140" spans="1:5" x14ac:dyDescent="0.25">
      <c r="A2140" s="1">
        <v>43645</v>
      </c>
      <c r="B2140" s="2">
        <v>19.649999999999999</v>
      </c>
      <c r="C2140">
        <v>0</v>
      </c>
      <c r="D2140">
        <f t="shared" si="66"/>
        <v>0</v>
      </c>
      <c r="E2140" s="6">
        <f t="shared" si="67"/>
        <v>0</v>
      </c>
    </row>
    <row r="2141" spans="1:5" x14ac:dyDescent="0.25">
      <c r="A2141" s="1">
        <v>43645.041666666664</v>
      </c>
      <c r="B2141" s="2">
        <v>17.68</v>
      </c>
      <c r="C2141">
        <v>0</v>
      </c>
      <c r="D2141">
        <f t="shared" si="66"/>
        <v>0</v>
      </c>
      <c r="E2141" s="6">
        <f t="shared" si="67"/>
        <v>0</v>
      </c>
    </row>
    <row r="2142" spans="1:5" x14ac:dyDescent="0.25">
      <c r="A2142" s="1">
        <v>43645.083333333336</v>
      </c>
      <c r="B2142" s="2">
        <v>16.309999999999999</v>
      </c>
      <c r="C2142">
        <v>0</v>
      </c>
      <c r="D2142">
        <f t="shared" si="66"/>
        <v>0</v>
      </c>
      <c r="E2142" s="6">
        <f t="shared" si="67"/>
        <v>0</v>
      </c>
    </row>
    <row r="2143" spans="1:5" x14ac:dyDescent="0.25">
      <c r="A2143" s="1">
        <v>43645.125</v>
      </c>
      <c r="B2143" s="2">
        <v>15.52</v>
      </c>
      <c r="C2143">
        <v>0</v>
      </c>
      <c r="D2143">
        <f t="shared" si="66"/>
        <v>0</v>
      </c>
      <c r="E2143" s="6">
        <f t="shared" si="67"/>
        <v>0</v>
      </c>
    </row>
    <row r="2144" spans="1:5" x14ac:dyDescent="0.25">
      <c r="A2144" s="1">
        <v>43645.166666666664</v>
      </c>
      <c r="B2144" s="2">
        <v>15.16</v>
      </c>
      <c r="C2144">
        <v>0</v>
      </c>
      <c r="D2144">
        <f t="shared" si="66"/>
        <v>0</v>
      </c>
      <c r="E2144" s="6">
        <f t="shared" si="67"/>
        <v>0</v>
      </c>
    </row>
    <row r="2145" spans="1:5" x14ac:dyDescent="0.25">
      <c r="A2145" s="1">
        <v>43645.208333333336</v>
      </c>
      <c r="B2145" s="2">
        <v>14.87</v>
      </c>
      <c r="C2145">
        <v>0</v>
      </c>
      <c r="D2145">
        <f t="shared" si="66"/>
        <v>0</v>
      </c>
      <c r="E2145" s="6">
        <f t="shared" si="67"/>
        <v>0</v>
      </c>
    </row>
    <row r="2146" spans="1:5" x14ac:dyDescent="0.25">
      <c r="A2146" s="1">
        <v>43645.25</v>
      </c>
      <c r="B2146" s="2">
        <v>15</v>
      </c>
      <c r="C2146">
        <v>4.4075999999999997E-2</v>
      </c>
      <c r="D2146">
        <f t="shared" si="66"/>
        <v>4.4075999999999996E-5</v>
      </c>
      <c r="E2146" s="6">
        <f t="shared" si="67"/>
        <v>6.6113999999999995E-4</v>
      </c>
    </row>
    <row r="2147" spans="1:5" x14ac:dyDescent="0.25">
      <c r="A2147" s="1">
        <v>43645.291666666664</v>
      </c>
      <c r="B2147" s="2">
        <v>17.34</v>
      </c>
      <c r="C2147">
        <v>0.64422199999999996</v>
      </c>
      <c r="D2147">
        <f t="shared" si="66"/>
        <v>6.4422199999999996E-4</v>
      </c>
      <c r="E2147" s="6">
        <f t="shared" si="67"/>
        <v>1.1170809479999998E-2</v>
      </c>
    </row>
    <row r="2148" spans="1:5" x14ac:dyDescent="0.25">
      <c r="A2148" s="1">
        <v>43645.333333333336</v>
      </c>
      <c r="B2148" s="2">
        <v>19.75</v>
      </c>
      <c r="C2148">
        <v>1.8657029999999999</v>
      </c>
      <c r="D2148">
        <f t="shared" si="66"/>
        <v>1.8657029999999998E-3</v>
      </c>
      <c r="E2148" s="6">
        <f t="shared" si="67"/>
        <v>3.6847634249999997E-2</v>
      </c>
    </row>
    <row r="2149" spans="1:5" x14ac:dyDescent="0.25">
      <c r="A2149" s="1">
        <v>43645.375</v>
      </c>
      <c r="B2149" s="2">
        <v>22.27</v>
      </c>
      <c r="C2149">
        <v>4.0562079999999998</v>
      </c>
      <c r="D2149">
        <f t="shared" si="66"/>
        <v>4.0562079999999995E-3</v>
      </c>
      <c r="E2149" s="6">
        <f t="shared" si="67"/>
        <v>9.0331752159999987E-2</v>
      </c>
    </row>
    <row r="2150" spans="1:5" x14ac:dyDescent="0.25">
      <c r="A2150" s="1">
        <v>43645.416666666664</v>
      </c>
      <c r="B2150" s="2">
        <v>24.79</v>
      </c>
      <c r="C2150">
        <v>5.5598890000000001</v>
      </c>
      <c r="D2150">
        <f t="shared" si="66"/>
        <v>5.5598890000000002E-3</v>
      </c>
      <c r="E2150" s="6">
        <f t="shared" si="67"/>
        <v>0.13782964831</v>
      </c>
    </row>
    <row r="2151" spans="1:5" x14ac:dyDescent="0.25">
      <c r="A2151" s="1">
        <v>43645.458333333336</v>
      </c>
      <c r="B2151" s="2">
        <v>27.24</v>
      </c>
      <c r="C2151">
        <v>6.6075629999999999</v>
      </c>
      <c r="D2151">
        <f t="shared" si="66"/>
        <v>6.6075629999999995E-3</v>
      </c>
      <c r="E2151" s="6">
        <f t="shared" si="67"/>
        <v>0.17999001611999998</v>
      </c>
    </row>
    <row r="2152" spans="1:5" x14ac:dyDescent="0.25">
      <c r="A2152" s="1">
        <v>43645.5</v>
      </c>
      <c r="B2152" s="2">
        <v>29.46</v>
      </c>
      <c r="C2152">
        <v>7.2301890000000002</v>
      </c>
      <c r="D2152">
        <f t="shared" si="66"/>
        <v>7.2301890000000006E-3</v>
      </c>
      <c r="E2152" s="6">
        <f t="shared" si="67"/>
        <v>0.21300136794000002</v>
      </c>
    </row>
    <row r="2153" spans="1:5" x14ac:dyDescent="0.25">
      <c r="A2153" s="1">
        <v>43645.541666666664</v>
      </c>
      <c r="B2153" s="2">
        <v>30.95</v>
      </c>
      <c r="C2153">
        <v>5.9930219999999998</v>
      </c>
      <c r="D2153">
        <f t="shared" si="66"/>
        <v>5.9930219999999998E-3</v>
      </c>
      <c r="E2153" s="6">
        <f t="shared" si="67"/>
        <v>0.18548403089999999</v>
      </c>
    </row>
    <row r="2154" spans="1:5" x14ac:dyDescent="0.25">
      <c r="A2154" s="1">
        <v>43645.583333333336</v>
      </c>
      <c r="B2154" s="2">
        <v>34.18</v>
      </c>
      <c r="C2154">
        <v>5.5553540000000003</v>
      </c>
      <c r="D2154">
        <f t="shared" si="66"/>
        <v>5.5553540000000002E-3</v>
      </c>
      <c r="E2154" s="6">
        <f t="shared" si="67"/>
        <v>0.18988199972</v>
      </c>
    </row>
    <row r="2155" spans="1:5" x14ac:dyDescent="0.25">
      <c r="A2155" s="1">
        <v>43645.625</v>
      </c>
      <c r="B2155" s="2">
        <v>36.11</v>
      </c>
      <c r="C2155">
        <v>6.6786589999999997</v>
      </c>
      <c r="D2155">
        <f t="shared" si="66"/>
        <v>6.678659E-3</v>
      </c>
      <c r="E2155" s="6">
        <f t="shared" si="67"/>
        <v>0.24116637649</v>
      </c>
    </row>
    <row r="2156" spans="1:5" x14ac:dyDescent="0.25">
      <c r="A2156" s="1">
        <v>43645.666666666664</v>
      </c>
      <c r="B2156" s="2">
        <v>39.72</v>
      </c>
      <c r="C2156">
        <v>5.6985029999999997</v>
      </c>
      <c r="D2156">
        <f t="shared" si="66"/>
        <v>5.6985029999999997E-3</v>
      </c>
      <c r="E2156" s="6">
        <f t="shared" si="67"/>
        <v>0.22634453915999997</v>
      </c>
    </row>
    <row r="2157" spans="1:5" x14ac:dyDescent="0.25">
      <c r="A2157" s="1">
        <v>43645.708333333336</v>
      </c>
      <c r="B2157" s="2">
        <v>39.4</v>
      </c>
      <c r="C2157">
        <v>4.2846580000000003</v>
      </c>
      <c r="D2157">
        <f t="shared" si="66"/>
        <v>4.2846580000000002E-3</v>
      </c>
      <c r="E2157" s="6">
        <f t="shared" si="67"/>
        <v>0.16881552520000001</v>
      </c>
    </row>
    <row r="2158" spans="1:5" x14ac:dyDescent="0.25">
      <c r="A2158" s="1">
        <v>43645.75</v>
      </c>
      <c r="B2158" s="2">
        <v>33.01</v>
      </c>
      <c r="C2158">
        <v>1.9133099999999998</v>
      </c>
      <c r="D2158">
        <f t="shared" si="66"/>
        <v>1.9133099999999999E-3</v>
      </c>
      <c r="E2158" s="6">
        <f t="shared" si="67"/>
        <v>6.315836309999999E-2</v>
      </c>
    </row>
    <row r="2159" spans="1:5" x14ac:dyDescent="0.25">
      <c r="A2159" s="1">
        <v>43645.791666666664</v>
      </c>
      <c r="B2159" s="2">
        <v>30.23</v>
      </c>
      <c r="C2159">
        <v>0.88963800000000004</v>
      </c>
      <c r="D2159">
        <f t="shared" si="66"/>
        <v>8.89638E-4</v>
      </c>
      <c r="E2159" s="6">
        <f t="shared" si="67"/>
        <v>2.689375674E-2</v>
      </c>
    </row>
    <row r="2160" spans="1:5" x14ac:dyDescent="0.25">
      <c r="A2160" s="1">
        <v>43645.833333333336</v>
      </c>
      <c r="B2160" s="2">
        <v>27.51</v>
      </c>
      <c r="C2160">
        <v>0.13233200000000001</v>
      </c>
      <c r="D2160">
        <f t="shared" si="66"/>
        <v>1.3233200000000001E-4</v>
      </c>
      <c r="E2160" s="6">
        <f t="shared" si="67"/>
        <v>3.6404533200000005E-3</v>
      </c>
    </row>
    <row r="2161" spans="1:5" x14ac:dyDescent="0.25">
      <c r="A2161" s="1">
        <v>43645.875</v>
      </c>
      <c r="B2161" s="2">
        <v>26.48</v>
      </c>
      <c r="C2161">
        <v>0</v>
      </c>
      <c r="D2161">
        <f t="shared" si="66"/>
        <v>0</v>
      </c>
      <c r="E2161" s="6">
        <f t="shared" si="67"/>
        <v>0</v>
      </c>
    </row>
    <row r="2162" spans="1:5" x14ac:dyDescent="0.25">
      <c r="A2162" s="1">
        <v>43645.916666666664</v>
      </c>
      <c r="B2162" s="2">
        <v>23.35</v>
      </c>
      <c r="C2162">
        <v>0</v>
      </c>
      <c r="D2162">
        <f t="shared" si="66"/>
        <v>0</v>
      </c>
      <c r="E2162" s="6">
        <f t="shared" si="67"/>
        <v>0</v>
      </c>
    </row>
    <row r="2163" spans="1:5" x14ac:dyDescent="0.25">
      <c r="A2163" s="1">
        <v>43645.958333333336</v>
      </c>
      <c r="B2163" s="2">
        <v>20.72</v>
      </c>
      <c r="C2163">
        <v>0</v>
      </c>
      <c r="D2163">
        <f t="shared" si="66"/>
        <v>0</v>
      </c>
      <c r="E2163" s="6">
        <f t="shared" si="67"/>
        <v>0</v>
      </c>
    </row>
    <row r="2164" spans="1:5" x14ac:dyDescent="0.25">
      <c r="A2164" s="1">
        <v>43646</v>
      </c>
      <c r="B2164" s="2">
        <v>19.34</v>
      </c>
      <c r="C2164">
        <v>0</v>
      </c>
      <c r="D2164">
        <f t="shared" si="66"/>
        <v>0</v>
      </c>
      <c r="E2164" s="6">
        <f t="shared" si="67"/>
        <v>0</v>
      </c>
    </row>
    <row r="2165" spans="1:5" x14ac:dyDescent="0.25">
      <c r="A2165" s="1">
        <v>43646.041666666664</v>
      </c>
      <c r="B2165" s="2">
        <v>18.670000000000002</v>
      </c>
      <c r="C2165">
        <v>0</v>
      </c>
      <c r="D2165">
        <f t="shared" si="66"/>
        <v>0</v>
      </c>
      <c r="E2165" s="6">
        <f t="shared" si="67"/>
        <v>0</v>
      </c>
    </row>
    <row r="2166" spans="1:5" x14ac:dyDescent="0.25">
      <c r="A2166" s="1">
        <v>43646.083333333336</v>
      </c>
      <c r="B2166" s="2">
        <v>17.66</v>
      </c>
      <c r="C2166">
        <v>0</v>
      </c>
      <c r="D2166">
        <f t="shared" si="66"/>
        <v>0</v>
      </c>
      <c r="E2166" s="6">
        <f t="shared" si="67"/>
        <v>0</v>
      </c>
    </row>
    <row r="2167" spans="1:5" x14ac:dyDescent="0.25">
      <c r="A2167" s="1">
        <v>43646.125</v>
      </c>
      <c r="B2167" s="2">
        <v>15.78</v>
      </c>
      <c r="C2167">
        <v>0</v>
      </c>
      <c r="D2167">
        <f t="shared" si="66"/>
        <v>0</v>
      </c>
      <c r="E2167" s="6">
        <f t="shared" si="67"/>
        <v>0</v>
      </c>
    </row>
    <row r="2168" spans="1:5" x14ac:dyDescent="0.25">
      <c r="A2168" s="1">
        <v>43646.166666666664</v>
      </c>
      <c r="B2168" s="2">
        <v>15.3</v>
      </c>
      <c r="C2168">
        <v>0</v>
      </c>
      <c r="D2168">
        <f t="shared" si="66"/>
        <v>0</v>
      </c>
      <c r="E2168" s="6">
        <f t="shared" si="67"/>
        <v>0</v>
      </c>
    </row>
    <row r="2169" spans="1:5" x14ac:dyDescent="0.25">
      <c r="A2169" s="1">
        <v>43646.208333333336</v>
      </c>
      <c r="B2169" s="2">
        <v>14.56</v>
      </c>
      <c r="C2169">
        <v>0</v>
      </c>
      <c r="D2169">
        <f t="shared" si="66"/>
        <v>0</v>
      </c>
      <c r="E2169" s="6">
        <f t="shared" si="67"/>
        <v>0</v>
      </c>
    </row>
    <row r="2170" spans="1:5" x14ac:dyDescent="0.25">
      <c r="A2170" s="1">
        <v>43646.25</v>
      </c>
      <c r="B2170" s="2">
        <v>14.37</v>
      </c>
      <c r="C2170">
        <v>3.3333000000000002E-2</v>
      </c>
      <c r="D2170">
        <f t="shared" si="66"/>
        <v>3.3333000000000001E-5</v>
      </c>
      <c r="E2170" s="6">
        <f t="shared" si="67"/>
        <v>4.7899520999999999E-4</v>
      </c>
    </row>
    <row r="2171" spans="1:5" x14ac:dyDescent="0.25">
      <c r="A2171" s="1">
        <v>43646.291666666664</v>
      </c>
      <c r="B2171" s="2">
        <v>16.510000000000002</v>
      </c>
      <c r="C2171">
        <v>0.60150999999999999</v>
      </c>
      <c r="D2171">
        <f t="shared" si="66"/>
        <v>6.0150999999999998E-4</v>
      </c>
      <c r="E2171" s="6">
        <f t="shared" si="67"/>
        <v>9.9309301000000006E-3</v>
      </c>
    </row>
    <row r="2172" spans="1:5" x14ac:dyDescent="0.25">
      <c r="A2172" s="1">
        <v>43646.333333333336</v>
      </c>
      <c r="B2172" s="2">
        <v>19.36</v>
      </c>
      <c r="C2172">
        <v>2.2848359999999999</v>
      </c>
      <c r="D2172">
        <f t="shared" si="66"/>
        <v>2.2848359999999997E-3</v>
      </c>
      <c r="E2172" s="6">
        <f t="shared" si="67"/>
        <v>4.4234424959999991E-2</v>
      </c>
    </row>
    <row r="2173" spans="1:5" x14ac:dyDescent="0.25">
      <c r="A2173" s="1">
        <v>43646.375</v>
      </c>
      <c r="B2173" s="2">
        <v>21.5</v>
      </c>
      <c r="C2173">
        <v>3.825917</v>
      </c>
      <c r="D2173">
        <f t="shared" si="66"/>
        <v>3.8259169999999999E-3</v>
      </c>
      <c r="E2173" s="6">
        <f t="shared" si="67"/>
        <v>8.2257215499999994E-2</v>
      </c>
    </row>
    <row r="2174" spans="1:5" x14ac:dyDescent="0.25">
      <c r="A2174" s="1">
        <v>43646.416666666664</v>
      </c>
      <c r="B2174" s="2">
        <v>23.79</v>
      </c>
      <c r="C2174">
        <v>5.6163749999999997</v>
      </c>
      <c r="D2174">
        <f t="shared" si="66"/>
        <v>5.6163749999999998E-3</v>
      </c>
      <c r="E2174" s="6">
        <f t="shared" si="67"/>
        <v>0.13361356124999998</v>
      </c>
    </row>
    <row r="2175" spans="1:5" x14ac:dyDescent="0.25">
      <c r="A2175" s="1">
        <v>43646.458333333336</v>
      </c>
      <c r="B2175" s="2">
        <v>25.22</v>
      </c>
      <c r="C2175">
        <v>6.294092</v>
      </c>
      <c r="D2175">
        <f t="shared" si="66"/>
        <v>6.2940920000000003E-3</v>
      </c>
      <c r="E2175" s="6">
        <f t="shared" si="67"/>
        <v>0.15873700024000001</v>
      </c>
    </row>
    <row r="2176" spans="1:5" x14ac:dyDescent="0.25">
      <c r="A2176" s="1">
        <v>43646.5</v>
      </c>
      <c r="B2176" s="2">
        <v>27.18</v>
      </c>
      <c r="C2176">
        <v>7.2461589999999996</v>
      </c>
      <c r="D2176">
        <f t="shared" si="66"/>
        <v>7.2461589999999994E-3</v>
      </c>
      <c r="E2176" s="6">
        <f t="shared" si="67"/>
        <v>0.19695060161999997</v>
      </c>
    </row>
    <row r="2177" spans="1:5" x14ac:dyDescent="0.25">
      <c r="A2177" s="1">
        <v>43646.541666666664</v>
      </c>
      <c r="B2177" s="2">
        <v>28.7</v>
      </c>
      <c r="C2177">
        <v>5.4024999999999999</v>
      </c>
      <c r="D2177">
        <f t="shared" si="66"/>
        <v>5.4025000000000002E-3</v>
      </c>
      <c r="E2177" s="6">
        <f t="shared" si="67"/>
        <v>0.15505174999999999</v>
      </c>
    </row>
    <row r="2178" spans="1:5" x14ac:dyDescent="0.25">
      <c r="A2178" s="1">
        <v>43646.583333333336</v>
      </c>
      <c r="B2178" s="2">
        <v>31.71</v>
      </c>
      <c r="C2178">
        <v>6.52027</v>
      </c>
      <c r="D2178">
        <f t="shared" si="66"/>
        <v>6.5202699999999999E-3</v>
      </c>
      <c r="E2178" s="6">
        <f t="shared" si="67"/>
        <v>0.20675776170000001</v>
      </c>
    </row>
    <row r="2179" spans="1:5" x14ac:dyDescent="0.25">
      <c r="A2179" s="1">
        <v>43646.625</v>
      </c>
      <c r="B2179" s="2">
        <v>31.86</v>
      </c>
      <c r="C2179">
        <v>6.6418080000000002</v>
      </c>
      <c r="D2179">
        <f t="shared" si="66"/>
        <v>6.6418079999999999E-3</v>
      </c>
      <c r="E2179" s="6">
        <f t="shared" si="67"/>
        <v>0.21160800288000001</v>
      </c>
    </row>
    <row r="2180" spans="1:5" x14ac:dyDescent="0.25">
      <c r="A2180" s="1">
        <v>43646.666666666664</v>
      </c>
      <c r="B2180" s="2">
        <v>35.340000000000003</v>
      </c>
      <c r="C2180">
        <v>2.7070920000000003</v>
      </c>
      <c r="D2180">
        <f t="shared" si="66"/>
        <v>2.7070920000000004E-3</v>
      </c>
      <c r="E2180" s="6">
        <f t="shared" si="67"/>
        <v>9.5668631280000027E-2</v>
      </c>
    </row>
    <row r="2181" spans="1:5" x14ac:dyDescent="0.25">
      <c r="A2181" s="1">
        <v>43646.708333333336</v>
      </c>
      <c r="B2181" s="2">
        <v>35.17</v>
      </c>
      <c r="C2181">
        <v>3.3618589999999999</v>
      </c>
      <c r="D2181">
        <f t="shared" si="66"/>
        <v>3.361859E-3</v>
      </c>
      <c r="E2181" s="6">
        <f t="shared" si="67"/>
        <v>0.11823658103000001</v>
      </c>
    </row>
    <row r="2182" spans="1:5" x14ac:dyDescent="0.25">
      <c r="A2182" s="1">
        <v>43646.75</v>
      </c>
      <c r="B2182" s="2">
        <v>31.11</v>
      </c>
      <c r="C2182">
        <v>2.5478000000000001</v>
      </c>
      <c r="D2182">
        <f t="shared" ref="D2182:D2245" si="68">C2182/1000</f>
        <v>2.5478000000000002E-3</v>
      </c>
      <c r="E2182" s="6">
        <f t="shared" ref="E2182:E2245" si="69">D2182*B2182</f>
        <v>7.926205800000001E-2</v>
      </c>
    </row>
    <row r="2183" spans="1:5" x14ac:dyDescent="0.25">
      <c r="A2183" s="1">
        <v>43646.791666666664</v>
      </c>
      <c r="B2183" s="2">
        <v>28.56</v>
      </c>
      <c r="C2183">
        <v>0.87401600000000002</v>
      </c>
      <c r="D2183">
        <f t="shared" si="68"/>
        <v>8.7401600000000003E-4</v>
      </c>
      <c r="E2183" s="6">
        <f t="shared" si="69"/>
        <v>2.496189696E-2</v>
      </c>
    </row>
    <row r="2184" spans="1:5" x14ac:dyDescent="0.25">
      <c r="A2184" s="1">
        <v>43646.833333333336</v>
      </c>
      <c r="B2184" s="2">
        <v>27.02</v>
      </c>
      <c r="C2184">
        <v>0.10854800000000001</v>
      </c>
      <c r="D2184">
        <f t="shared" si="68"/>
        <v>1.08548E-4</v>
      </c>
      <c r="E2184" s="6">
        <f t="shared" si="69"/>
        <v>2.93296696E-3</v>
      </c>
    </row>
    <row r="2185" spans="1:5" x14ac:dyDescent="0.25">
      <c r="A2185" s="1">
        <v>43646.875</v>
      </c>
      <c r="B2185" s="2">
        <v>25.88</v>
      </c>
      <c r="C2185">
        <v>0</v>
      </c>
      <c r="D2185">
        <f t="shared" si="68"/>
        <v>0</v>
      </c>
      <c r="E2185" s="6">
        <f t="shared" si="69"/>
        <v>0</v>
      </c>
    </row>
    <row r="2186" spans="1:5" x14ac:dyDescent="0.25">
      <c r="A2186" s="1">
        <v>43646.916666666664</v>
      </c>
      <c r="B2186" s="2">
        <v>23.66</v>
      </c>
      <c r="C2186">
        <v>0</v>
      </c>
      <c r="D2186">
        <f t="shared" si="68"/>
        <v>0</v>
      </c>
      <c r="E2186" s="6">
        <f t="shared" si="69"/>
        <v>0</v>
      </c>
    </row>
    <row r="2187" spans="1:5" x14ac:dyDescent="0.25">
      <c r="A2187" s="1">
        <v>43646.958333333336</v>
      </c>
      <c r="B2187" s="2">
        <v>21.36</v>
      </c>
      <c r="C2187">
        <v>0</v>
      </c>
      <c r="D2187">
        <f t="shared" si="68"/>
        <v>0</v>
      </c>
      <c r="E2187" s="6">
        <f t="shared" si="69"/>
        <v>0</v>
      </c>
    </row>
    <row r="2188" spans="1:5" x14ac:dyDescent="0.25">
      <c r="A2188" s="1">
        <v>43647</v>
      </c>
      <c r="B2188" s="2">
        <v>18</v>
      </c>
      <c r="C2188">
        <v>0</v>
      </c>
      <c r="D2188">
        <f t="shared" si="68"/>
        <v>0</v>
      </c>
      <c r="E2188" s="6">
        <f t="shared" si="69"/>
        <v>0</v>
      </c>
    </row>
    <row r="2189" spans="1:5" x14ac:dyDescent="0.25">
      <c r="A2189" s="1">
        <v>43647.041666666664</v>
      </c>
      <c r="B2189" s="2">
        <v>16.45</v>
      </c>
      <c r="C2189">
        <v>0</v>
      </c>
      <c r="D2189">
        <f t="shared" si="68"/>
        <v>0</v>
      </c>
      <c r="E2189" s="6">
        <f t="shared" si="69"/>
        <v>0</v>
      </c>
    </row>
    <row r="2190" spans="1:5" x14ac:dyDescent="0.25">
      <c r="A2190" s="1">
        <v>43647.083333333336</v>
      </c>
      <c r="B2190" s="2">
        <v>15.64</v>
      </c>
      <c r="C2190">
        <v>0</v>
      </c>
      <c r="D2190">
        <f t="shared" si="68"/>
        <v>0</v>
      </c>
      <c r="E2190" s="6">
        <f t="shared" si="69"/>
        <v>0</v>
      </c>
    </row>
    <row r="2191" spans="1:5" x14ac:dyDescent="0.25">
      <c r="A2191" s="1">
        <v>43647.125</v>
      </c>
      <c r="B2191" s="2">
        <v>14.59</v>
      </c>
      <c r="C2191">
        <v>0</v>
      </c>
      <c r="D2191">
        <f t="shared" si="68"/>
        <v>0</v>
      </c>
      <c r="E2191" s="6">
        <f t="shared" si="69"/>
        <v>0</v>
      </c>
    </row>
    <row r="2192" spans="1:5" x14ac:dyDescent="0.25">
      <c r="A2192" s="1">
        <v>43647.166666666664</v>
      </c>
      <c r="B2192" s="2">
        <v>14.52</v>
      </c>
      <c r="C2192">
        <v>0</v>
      </c>
      <c r="D2192">
        <f t="shared" si="68"/>
        <v>0</v>
      </c>
      <c r="E2192" s="6">
        <f t="shared" si="69"/>
        <v>0</v>
      </c>
    </row>
    <row r="2193" spans="1:5" x14ac:dyDescent="0.25">
      <c r="A2193" s="1">
        <v>43647.208333333336</v>
      </c>
      <c r="B2193" s="2">
        <v>15.66</v>
      </c>
      <c r="C2193">
        <v>0</v>
      </c>
      <c r="D2193">
        <f t="shared" si="68"/>
        <v>0</v>
      </c>
      <c r="E2193" s="6">
        <f t="shared" si="69"/>
        <v>0</v>
      </c>
    </row>
    <row r="2194" spans="1:5" x14ac:dyDescent="0.25">
      <c r="A2194" s="1">
        <v>43647.25</v>
      </c>
      <c r="B2194" s="2">
        <v>18.04</v>
      </c>
      <c r="C2194">
        <v>1.6873000000000003E-2</v>
      </c>
      <c r="D2194">
        <f t="shared" si="68"/>
        <v>1.6873000000000003E-5</v>
      </c>
      <c r="E2194" s="6">
        <f t="shared" si="69"/>
        <v>3.0438892000000001E-4</v>
      </c>
    </row>
    <row r="2195" spans="1:5" x14ac:dyDescent="0.25">
      <c r="A2195" s="1">
        <v>43647.291666666664</v>
      </c>
      <c r="B2195" s="2">
        <v>20.010000000000002</v>
      </c>
      <c r="C2195">
        <v>0.53844000000000003</v>
      </c>
      <c r="D2195">
        <f t="shared" si="68"/>
        <v>5.3844000000000006E-4</v>
      </c>
      <c r="E2195" s="6">
        <f t="shared" si="69"/>
        <v>1.0774184400000003E-2</v>
      </c>
    </row>
    <row r="2196" spans="1:5" x14ac:dyDescent="0.25">
      <c r="A2196" s="1">
        <v>43647.333333333336</v>
      </c>
      <c r="B2196" s="2">
        <v>22.34</v>
      </c>
      <c r="C2196">
        <v>2.1753439999999999</v>
      </c>
      <c r="D2196">
        <f t="shared" si="68"/>
        <v>2.1753440000000001E-3</v>
      </c>
      <c r="E2196" s="6">
        <f t="shared" si="69"/>
        <v>4.8597184959999998E-2</v>
      </c>
    </row>
    <row r="2197" spans="1:5" x14ac:dyDescent="0.25">
      <c r="A2197" s="1">
        <v>43647.375</v>
      </c>
      <c r="B2197" s="2">
        <v>24.48</v>
      </c>
      <c r="C2197">
        <v>3.9918279999999999</v>
      </c>
      <c r="D2197">
        <f t="shared" si="68"/>
        <v>3.9918280000000002E-3</v>
      </c>
      <c r="E2197" s="6">
        <f t="shared" si="69"/>
        <v>9.7719949440000009E-2</v>
      </c>
    </row>
    <row r="2198" spans="1:5" x14ac:dyDescent="0.25">
      <c r="A2198" s="1">
        <v>43647.416666666664</v>
      </c>
      <c r="B2198" s="2">
        <v>27.43</v>
      </c>
      <c r="C2198">
        <v>5.4666899999999998</v>
      </c>
      <c r="D2198">
        <f t="shared" si="68"/>
        <v>5.4666899999999997E-3</v>
      </c>
      <c r="E2198" s="6">
        <f t="shared" si="69"/>
        <v>0.14995130669999998</v>
      </c>
    </row>
    <row r="2199" spans="1:5" x14ac:dyDescent="0.25">
      <c r="A2199" s="1">
        <v>43647.458333333336</v>
      </c>
      <c r="B2199" s="2">
        <v>30.12</v>
      </c>
      <c r="C2199">
        <v>6.4959819999999997</v>
      </c>
      <c r="D2199">
        <f t="shared" si="68"/>
        <v>6.495982E-3</v>
      </c>
      <c r="E2199" s="6">
        <f t="shared" si="69"/>
        <v>0.19565897784</v>
      </c>
    </row>
    <row r="2200" spans="1:5" x14ac:dyDescent="0.25">
      <c r="A2200" s="1">
        <v>43647.5</v>
      </c>
      <c r="B2200" s="2">
        <v>32.81</v>
      </c>
      <c r="C2200">
        <v>7.0974880000000002</v>
      </c>
      <c r="D2200">
        <f t="shared" si="68"/>
        <v>7.0974879999999999E-3</v>
      </c>
      <c r="E2200" s="6">
        <f t="shared" si="69"/>
        <v>0.23286858128000001</v>
      </c>
    </row>
    <row r="2201" spans="1:5" x14ac:dyDescent="0.25">
      <c r="A2201" s="1">
        <v>43647.541666666664</v>
      </c>
      <c r="B2201" s="2">
        <v>35.99</v>
      </c>
      <c r="C2201">
        <v>6.3828909999999999</v>
      </c>
      <c r="D2201">
        <f t="shared" si="68"/>
        <v>6.3828909999999999E-3</v>
      </c>
      <c r="E2201" s="6">
        <f t="shared" si="69"/>
        <v>0.22972024709</v>
      </c>
    </row>
    <row r="2202" spans="1:5" x14ac:dyDescent="0.25">
      <c r="A2202" s="1">
        <v>43647.583333333336</v>
      </c>
      <c r="B2202" s="2">
        <v>38.86</v>
      </c>
      <c r="C2202">
        <v>4.716151</v>
      </c>
      <c r="D2202">
        <f t="shared" si="68"/>
        <v>4.716151E-3</v>
      </c>
      <c r="E2202" s="6">
        <f t="shared" si="69"/>
        <v>0.18326962786000001</v>
      </c>
    </row>
    <row r="2203" spans="1:5" x14ac:dyDescent="0.25">
      <c r="A2203" s="1">
        <v>43647.625</v>
      </c>
      <c r="B2203" s="2">
        <v>42.56</v>
      </c>
      <c r="C2203">
        <v>6.1370969999999998</v>
      </c>
      <c r="D2203">
        <f t="shared" si="68"/>
        <v>6.1370970000000002E-3</v>
      </c>
      <c r="E2203" s="6">
        <f t="shared" si="69"/>
        <v>0.26119484832000001</v>
      </c>
    </row>
    <row r="2204" spans="1:5" x14ac:dyDescent="0.25">
      <c r="A2204" s="1">
        <v>43647.666666666664</v>
      </c>
      <c r="B2204" s="2">
        <v>48.84</v>
      </c>
      <c r="C2204">
        <v>3.9134259999999998</v>
      </c>
      <c r="D2204">
        <f t="shared" si="68"/>
        <v>3.9134260000000002E-3</v>
      </c>
      <c r="E2204" s="6">
        <f t="shared" si="69"/>
        <v>0.19113172584000002</v>
      </c>
    </row>
    <row r="2205" spans="1:5" x14ac:dyDescent="0.25">
      <c r="A2205" s="1">
        <v>43647.708333333336</v>
      </c>
      <c r="B2205" s="2">
        <v>47.66</v>
      </c>
      <c r="C2205">
        <v>2.7191970000000003</v>
      </c>
      <c r="D2205">
        <f t="shared" si="68"/>
        <v>2.7191970000000005E-3</v>
      </c>
      <c r="E2205" s="6">
        <f t="shared" si="69"/>
        <v>0.12959692902</v>
      </c>
    </row>
    <row r="2206" spans="1:5" x14ac:dyDescent="0.25">
      <c r="A2206" s="1">
        <v>43647.75</v>
      </c>
      <c r="B2206" s="2">
        <v>39.85</v>
      </c>
      <c r="C2206">
        <v>2.5703079999999998</v>
      </c>
      <c r="D2206">
        <f t="shared" si="68"/>
        <v>2.5703079999999999E-3</v>
      </c>
      <c r="E2206" s="6">
        <f t="shared" si="69"/>
        <v>0.1024267738</v>
      </c>
    </row>
    <row r="2207" spans="1:5" x14ac:dyDescent="0.25">
      <c r="A2207" s="1">
        <v>43647.791666666664</v>
      </c>
      <c r="B2207" s="2">
        <v>35.29</v>
      </c>
      <c r="C2207">
        <v>0.80319000000000007</v>
      </c>
      <c r="D2207">
        <f t="shared" si="68"/>
        <v>8.0319000000000007E-4</v>
      </c>
      <c r="E2207" s="6">
        <f t="shared" si="69"/>
        <v>2.8344575100000002E-2</v>
      </c>
    </row>
    <row r="2208" spans="1:5" x14ac:dyDescent="0.25">
      <c r="A2208" s="1">
        <v>43647.833333333336</v>
      </c>
      <c r="B2208" s="2">
        <v>33.17</v>
      </c>
      <c r="C2208">
        <v>0.108679</v>
      </c>
      <c r="D2208">
        <f t="shared" si="68"/>
        <v>1.0867899999999999E-4</v>
      </c>
      <c r="E2208" s="6">
        <f t="shared" si="69"/>
        <v>3.6048824299999998E-3</v>
      </c>
    </row>
    <row r="2209" spans="1:5" x14ac:dyDescent="0.25">
      <c r="A2209" s="1">
        <v>43647.875</v>
      </c>
      <c r="B2209" s="2">
        <v>30.17</v>
      </c>
      <c r="C2209">
        <v>0</v>
      </c>
      <c r="D2209">
        <f t="shared" si="68"/>
        <v>0</v>
      </c>
      <c r="E2209" s="6">
        <f t="shared" si="69"/>
        <v>0</v>
      </c>
    </row>
    <row r="2210" spans="1:5" x14ac:dyDescent="0.25">
      <c r="A2210" s="1">
        <v>43647.916666666664</v>
      </c>
      <c r="B2210" s="2">
        <v>24.92</v>
      </c>
      <c r="C2210">
        <v>0</v>
      </c>
      <c r="D2210">
        <f t="shared" si="68"/>
        <v>0</v>
      </c>
      <c r="E2210" s="6">
        <f t="shared" si="69"/>
        <v>0</v>
      </c>
    </row>
    <row r="2211" spans="1:5" x14ac:dyDescent="0.25">
      <c r="A2211" s="1">
        <v>43647.958333333336</v>
      </c>
      <c r="B2211" s="2">
        <v>22.39</v>
      </c>
      <c r="C2211">
        <v>0</v>
      </c>
      <c r="D2211">
        <f t="shared" si="68"/>
        <v>0</v>
      </c>
      <c r="E2211" s="6">
        <f t="shared" si="69"/>
        <v>0</v>
      </c>
    </row>
    <row r="2212" spans="1:5" x14ac:dyDescent="0.25">
      <c r="A2212" s="1">
        <v>43648</v>
      </c>
      <c r="B2212" s="2">
        <v>20.76</v>
      </c>
      <c r="C2212">
        <v>0</v>
      </c>
      <c r="D2212">
        <f t="shared" si="68"/>
        <v>0</v>
      </c>
      <c r="E2212" s="6">
        <f t="shared" si="69"/>
        <v>0</v>
      </c>
    </row>
    <row r="2213" spans="1:5" x14ac:dyDescent="0.25">
      <c r="A2213" s="1">
        <v>43648.041666666664</v>
      </c>
      <c r="B2213" s="2">
        <v>19.829999999999998</v>
      </c>
      <c r="C2213">
        <v>0</v>
      </c>
      <c r="D2213">
        <f t="shared" si="68"/>
        <v>0</v>
      </c>
      <c r="E2213" s="6">
        <f t="shared" si="69"/>
        <v>0</v>
      </c>
    </row>
    <row r="2214" spans="1:5" x14ac:dyDescent="0.25">
      <c r="A2214" s="1">
        <v>43648.083333333336</v>
      </c>
      <c r="B2214" s="2">
        <v>18.190000000000001</v>
      </c>
      <c r="C2214">
        <v>0</v>
      </c>
      <c r="D2214">
        <f t="shared" si="68"/>
        <v>0</v>
      </c>
      <c r="E2214" s="6">
        <f t="shared" si="69"/>
        <v>0</v>
      </c>
    </row>
    <row r="2215" spans="1:5" x14ac:dyDescent="0.25">
      <c r="A2215" s="1">
        <v>43648.125</v>
      </c>
      <c r="B2215" s="2">
        <v>16.48</v>
      </c>
      <c r="C2215">
        <v>0</v>
      </c>
      <c r="D2215">
        <f t="shared" si="68"/>
        <v>0</v>
      </c>
      <c r="E2215" s="6">
        <f t="shared" si="69"/>
        <v>0</v>
      </c>
    </row>
    <row r="2216" spans="1:5" x14ac:dyDescent="0.25">
      <c r="A2216" s="1">
        <v>43648.166666666664</v>
      </c>
      <c r="B2216" s="2">
        <v>16.399999999999999</v>
      </c>
      <c r="C2216">
        <v>0</v>
      </c>
      <c r="D2216">
        <f t="shared" si="68"/>
        <v>0</v>
      </c>
      <c r="E2216" s="6">
        <f t="shared" si="69"/>
        <v>0</v>
      </c>
    </row>
    <row r="2217" spans="1:5" x14ac:dyDescent="0.25">
      <c r="A2217" s="1">
        <v>43648.208333333336</v>
      </c>
      <c r="B2217" s="2">
        <v>18.68</v>
      </c>
      <c r="C2217">
        <v>0</v>
      </c>
      <c r="D2217">
        <f t="shared" si="68"/>
        <v>0</v>
      </c>
      <c r="E2217" s="6">
        <f t="shared" si="69"/>
        <v>0</v>
      </c>
    </row>
    <row r="2218" spans="1:5" x14ac:dyDescent="0.25">
      <c r="A2218" s="1">
        <v>43648.25</v>
      </c>
      <c r="B2218" s="2">
        <v>20.38</v>
      </c>
      <c r="C2218">
        <v>2.4542000000000001E-2</v>
      </c>
      <c r="D2218">
        <f t="shared" si="68"/>
        <v>2.4542E-5</v>
      </c>
      <c r="E2218" s="6">
        <f t="shared" si="69"/>
        <v>5.0016595999999997E-4</v>
      </c>
    </row>
    <row r="2219" spans="1:5" x14ac:dyDescent="0.25">
      <c r="A2219" s="1">
        <v>43648.291666666664</v>
      </c>
      <c r="B2219" s="2">
        <v>21.74</v>
      </c>
      <c r="C2219">
        <v>0.54905100000000007</v>
      </c>
      <c r="D2219">
        <f t="shared" si="68"/>
        <v>5.4905100000000005E-4</v>
      </c>
      <c r="E2219" s="6">
        <f t="shared" si="69"/>
        <v>1.193636874E-2</v>
      </c>
    </row>
    <row r="2220" spans="1:5" x14ac:dyDescent="0.25">
      <c r="A2220" s="1">
        <v>43648.333333333336</v>
      </c>
      <c r="B2220" s="2">
        <v>24.07</v>
      </c>
      <c r="C2220">
        <v>2.1778029999999999</v>
      </c>
      <c r="D2220">
        <f t="shared" si="68"/>
        <v>2.1778029999999999E-3</v>
      </c>
      <c r="E2220" s="6">
        <f t="shared" si="69"/>
        <v>5.2419718210000001E-2</v>
      </c>
    </row>
    <row r="2221" spans="1:5" x14ac:dyDescent="0.25">
      <c r="A2221" s="1">
        <v>43648.375</v>
      </c>
      <c r="B2221" s="2">
        <v>27.98</v>
      </c>
      <c r="C2221">
        <v>3.9846840000000001</v>
      </c>
      <c r="D2221">
        <f t="shared" si="68"/>
        <v>3.9846840000000005E-3</v>
      </c>
      <c r="E2221" s="6">
        <f t="shared" si="69"/>
        <v>0.11149145832000001</v>
      </c>
    </row>
    <row r="2222" spans="1:5" x14ac:dyDescent="0.25">
      <c r="A2222" s="1">
        <v>43648.416666666664</v>
      </c>
      <c r="B2222" s="2">
        <v>30.91</v>
      </c>
      <c r="C2222">
        <v>5.4356</v>
      </c>
      <c r="D2222">
        <f t="shared" si="68"/>
        <v>5.4355999999999996E-3</v>
      </c>
      <c r="E2222" s="6">
        <f t="shared" si="69"/>
        <v>0.16801439599999998</v>
      </c>
    </row>
    <row r="2223" spans="1:5" x14ac:dyDescent="0.25">
      <c r="A2223" s="1">
        <v>43648.458333333336</v>
      </c>
      <c r="B2223" s="2">
        <v>33.44</v>
      </c>
      <c r="C2223">
        <v>6.429036</v>
      </c>
      <c r="D2223">
        <f t="shared" si="68"/>
        <v>6.429036E-3</v>
      </c>
      <c r="E2223" s="6">
        <f t="shared" si="69"/>
        <v>0.21498696383999999</v>
      </c>
    </row>
    <row r="2224" spans="1:5" x14ac:dyDescent="0.25">
      <c r="A2224" s="1">
        <v>43648.5</v>
      </c>
      <c r="B2224" s="2">
        <v>37.799999999999997</v>
      </c>
      <c r="C2224">
        <v>6.9950919999999996</v>
      </c>
      <c r="D2224">
        <f t="shared" si="68"/>
        <v>6.9950919999999996E-3</v>
      </c>
      <c r="E2224" s="6">
        <f t="shared" si="69"/>
        <v>0.26441447759999998</v>
      </c>
    </row>
    <row r="2225" spans="1:5" x14ac:dyDescent="0.25">
      <c r="A2225" s="1">
        <v>43648.541666666664</v>
      </c>
      <c r="B2225" s="2">
        <v>41.1</v>
      </c>
      <c r="C2225">
        <v>4.4148370000000003</v>
      </c>
      <c r="D2225">
        <f t="shared" si="68"/>
        <v>4.4148370000000004E-3</v>
      </c>
      <c r="E2225" s="6">
        <f t="shared" si="69"/>
        <v>0.18144980070000002</v>
      </c>
    </row>
    <row r="2226" spans="1:5" x14ac:dyDescent="0.25">
      <c r="A2226" s="1">
        <v>43648.583333333336</v>
      </c>
      <c r="B2226" s="2">
        <v>48.23</v>
      </c>
      <c r="C2226">
        <v>4.3443430000000003</v>
      </c>
      <c r="D2226">
        <f t="shared" si="68"/>
        <v>4.3443430000000005E-3</v>
      </c>
      <c r="E2226" s="6">
        <f t="shared" si="69"/>
        <v>0.20952766289000002</v>
      </c>
    </row>
    <row r="2227" spans="1:5" x14ac:dyDescent="0.25">
      <c r="A2227" s="1">
        <v>43648.625</v>
      </c>
      <c r="B2227" s="2">
        <v>53.35</v>
      </c>
      <c r="C2227">
        <v>5.5010780000000006</v>
      </c>
      <c r="D2227">
        <f t="shared" si="68"/>
        <v>5.5010780000000004E-3</v>
      </c>
      <c r="E2227" s="6">
        <f t="shared" si="69"/>
        <v>0.29348251130000003</v>
      </c>
    </row>
    <row r="2228" spans="1:5" x14ac:dyDescent="0.25">
      <c r="A2228" s="1">
        <v>43648.666666666664</v>
      </c>
      <c r="B2228" s="2">
        <v>56.82</v>
      </c>
      <c r="C2228">
        <v>1.7989999999999999</v>
      </c>
      <c r="D2228">
        <f t="shared" si="68"/>
        <v>1.799E-3</v>
      </c>
      <c r="E2228" s="6">
        <f t="shared" si="69"/>
        <v>0.10221918000000001</v>
      </c>
    </row>
    <row r="2229" spans="1:5" x14ac:dyDescent="0.25">
      <c r="A2229" s="1">
        <v>43648.708333333336</v>
      </c>
      <c r="B2229" s="2">
        <v>54.38</v>
      </c>
      <c r="C2229">
        <v>3.2047220000000003</v>
      </c>
      <c r="D2229">
        <f t="shared" si="68"/>
        <v>3.2047220000000001E-3</v>
      </c>
      <c r="E2229" s="6">
        <f t="shared" si="69"/>
        <v>0.17427278236000002</v>
      </c>
    </row>
    <row r="2230" spans="1:5" x14ac:dyDescent="0.25">
      <c r="A2230" s="1">
        <v>43648.75</v>
      </c>
      <c r="B2230" s="2">
        <v>48.45</v>
      </c>
      <c r="C2230">
        <v>2.494415</v>
      </c>
      <c r="D2230">
        <f t="shared" si="68"/>
        <v>2.4944150000000003E-3</v>
      </c>
      <c r="E2230" s="6">
        <f t="shared" si="69"/>
        <v>0.12085440675000002</v>
      </c>
    </row>
    <row r="2231" spans="1:5" x14ac:dyDescent="0.25">
      <c r="A2231" s="1">
        <v>43648.791666666664</v>
      </c>
      <c r="B2231" s="2">
        <v>39.81</v>
      </c>
      <c r="C2231">
        <v>0.87499699999999991</v>
      </c>
      <c r="D2231">
        <f t="shared" si="68"/>
        <v>8.7499699999999986E-4</v>
      </c>
      <c r="E2231" s="6">
        <f t="shared" si="69"/>
        <v>3.4833630569999996E-2</v>
      </c>
    </row>
    <row r="2232" spans="1:5" x14ac:dyDescent="0.25">
      <c r="A2232" s="1">
        <v>43648.833333333336</v>
      </c>
      <c r="B2232" s="2">
        <v>37.78</v>
      </c>
      <c r="C2232">
        <v>0.12225799999999999</v>
      </c>
      <c r="D2232">
        <f t="shared" si="68"/>
        <v>1.2225799999999998E-4</v>
      </c>
      <c r="E2232" s="6">
        <f t="shared" si="69"/>
        <v>4.6189072399999993E-3</v>
      </c>
    </row>
    <row r="2233" spans="1:5" x14ac:dyDescent="0.25">
      <c r="A2233" s="1">
        <v>43648.875</v>
      </c>
      <c r="B2233" s="2">
        <v>34.76</v>
      </c>
      <c r="C2233">
        <v>0</v>
      </c>
      <c r="D2233">
        <f t="shared" si="68"/>
        <v>0</v>
      </c>
      <c r="E2233" s="6">
        <f t="shared" si="69"/>
        <v>0</v>
      </c>
    </row>
    <row r="2234" spans="1:5" x14ac:dyDescent="0.25">
      <c r="A2234" s="1">
        <v>43648.916666666664</v>
      </c>
      <c r="B2234" s="2">
        <v>27.81</v>
      </c>
      <c r="C2234">
        <v>0</v>
      </c>
      <c r="D2234">
        <f t="shared" si="68"/>
        <v>0</v>
      </c>
      <c r="E2234" s="6">
        <f t="shared" si="69"/>
        <v>0</v>
      </c>
    </row>
    <row r="2235" spans="1:5" x14ac:dyDescent="0.25">
      <c r="A2235" s="1">
        <v>43648.958333333336</v>
      </c>
      <c r="B2235" s="2">
        <v>24.71</v>
      </c>
      <c r="C2235">
        <v>0</v>
      </c>
      <c r="D2235">
        <f t="shared" si="68"/>
        <v>0</v>
      </c>
      <c r="E2235" s="6">
        <f t="shared" si="69"/>
        <v>0</v>
      </c>
    </row>
    <row r="2236" spans="1:5" x14ac:dyDescent="0.25">
      <c r="A2236" s="1">
        <v>43649</v>
      </c>
      <c r="B2236" s="2">
        <v>21.95</v>
      </c>
      <c r="C2236">
        <v>0</v>
      </c>
      <c r="D2236">
        <f t="shared" si="68"/>
        <v>0</v>
      </c>
      <c r="E2236" s="6">
        <f t="shared" si="69"/>
        <v>0</v>
      </c>
    </row>
    <row r="2237" spans="1:5" x14ac:dyDescent="0.25">
      <c r="A2237" s="1">
        <v>43649.041666666664</v>
      </c>
      <c r="B2237" s="2">
        <v>20.28</v>
      </c>
      <c r="C2237">
        <v>0</v>
      </c>
      <c r="D2237">
        <f t="shared" si="68"/>
        <v>0</v>
      </c>
      <c r="E2237" s="6">
        <f t="shared" si="69"/>
        <v>0</v>
      </c>
    </row>
    <row r="2238" spans="1:5" x14ac:dyDescent="0.25">
      <c r="A2238" s="1">
        <v>43649.083333333336</v>
      </c>
      <c r="B2238" s="2">
        <v>18.91</v>
      </c>
      <c r="C2238">
        <v>0</v>
      </c>
      <c r="D2238">
        <f t="shared" si="68"/>
        <v>0</v>
      </c>
      <c r="E2238" s="6">
        <f t="shared" si="69"/>
        <v>0</v>
      </c>
    </row>
    <row r="2239" spans="1:5" x14ac:dyDescent="0.25">
      <c r="A2239" s="1">
        <v>43649.125</v>
      </c>
      <c r="B2239" s="2">
        <v>17.12</v>
      </c>
      <c r="C2239">
        <v>0</v>
      </c>
      <c r="D2239">
        <f t="shared" si="68"/>
        <v>0</v>
      </c>
      <c r="E2239" s="6">
        <f t="shared" si="69"/>
        <v>0</v>
      </c>
    </row>
    <row r="2240" spans="1:5" x14ac:dyDescent="0.25">
      <c r="A2240" s="1">
        <v>43649.166666666664</v>
      </c>
      <c r="B2240" s="2">
        <v>16.87</v>
      </c>
      <c r="C2240">
        <v>0</v>
      </c>
      <c r="D2240">
        <f t="shared" si="68"/>
        <v>0</v>
      </c>
      <c r="E2240" s="6">
        <f t="shared" si="69"/>
        <v>0</v>
      </c>
    </row>
    <row r="2241" spans="1:5" x14ac:dyDescent="0.25">
      <c r="A2241" s="1">
        <v>43649.208333333336</v>
      </c>
      <c r="B2241" s="2">
        <v>19.149999999999999</v>
      </c>
      <c r="C2241">
        <v>0</v>
      </c>
      <c r="D2241">
        <f t="shared" si="68"/>
        <v>0</v>
      </c>
      <c r="E2241" s="6">
        <f t="shared" si="69"/>
        <v>0</v>
      </c>
    </row>
    <row r="2242" spans="1:5" x14ac:dyDescent="0.25">
      <c r="A2242" s="1">
        <v>43649.25</v>
      </c>
      <c r="B2242" s="2">
        <v>20.85</v>
      </c>
      <c r="C2242">
        <v>2.4498000000000002E-2</v>
      </c>
      <c r="D2242">
        <f t="shared" si="68"/>
        <v>2.4498000000000002E-5</v>
      </c>
      <c r="E2242" s="6">
        <f t="shared" si="69"/>
        <v>5.1078330000000011E-4</v>
      </c>
    </row>
    <row r="2243" spans="1:5" x14ac:dyDescent="0.25">
      <c r="A2243" s="1">
        <v>43649.291666666664</v>
      </c>
      <c r="B2243" s="2">
        <v>22.04</v>
      </c>
      <c r="C2243">
        <v>0.59092999999999996</v>
      </c>
      <c r="D2243">
        <f t="shared" si="68"/>
        <v>5.9092999999999993E-4</v>
      </c>
      <c r="E2243" s="6">
        <f t="shared" si="69"/>
        <v>1.3024097199999998E-2</v>
      </c>
    </row>
    <row r="2244" spans="1:5" x14ac:dyDescent="0.25">
      <c r="A2244" s="1">
        <v>43649.333333333336</v>
      </c>
      <c r="B2244" s="2">
        <v>23.94</v>
      </c>
      <c r="C2244">
        <v>1.5733140000000001</v>
      </c>
      <c r="D2244">
        <f t="shared" si="68"/>
        <v>1.5733140000000001E-3</v>
      </c>
      <c r="E2244" s="6">
        <f t="shared" si="69"/>
        <v>3.7665137160000008E-2</v>
      </c>
    </row>
    <row r="2245" spans="1:5" x14ac:dyDescent="0.25">
      <c r="A2245" s="1">
        <v>43649.375</v>
      </c>
      <c r="B2245" s="2">
        <v>27.52</v>
      </c>
      <c r="C2245">
        <v>4.0832829999999998</v>
      </c>
      <c r="D2245">
        <f t="shared" si="68"/>
        <v>4.0832830000000001E-3</v>
      </c>
      <c r="E2245" s="6">
        <f t="shared" si="69"/>
        <v>0.11237194816</v>
      </c>
    </row>
    <row r="2246" spans="1:5" x14ac:dyDescent="0.25">
      <c r="A2246" s="1">
        <v>43649.416666666664</v>
      </c>
      <c r="B2246" s="2">
        <v>31.01</v>
      </c>
      <c r="C2246">
        <v>5.554354</v>
      </c>
      <c r="D2246">
        <f t="shared" ref="D2246:D2309" si="70">C2246/1000</f>
        <v>5.5543540000000001E-3</v>
      </c>
      <c r="E2246" s="6">
        <f t="shared" ref="E2246:E2309" si="71">D2246*B2246</f>
        <v>0.17224051754</v>
      </c>
    </row>
    <row r="2247" spans="1:5" x14ac:dyDescent="0.25">
      <c r="A2247" s="1">
        <v>43649.458333333336</v>
      </c>
      <c r="B2247" s="2">
        <v>37.44</v>
      </c>
      <c r="C2247">
        <v>6.5632640000000002</v>
      </c>
      <c r="D2247">
        <f t="shared" si="70"/>
        <v>6.5632640000000001E-3</v>
      </c>
      <c r="E2247" s="6">
        <f t="shared" si="71"/>
        <v>0.24572860415999997</v>
      </c>
    </row>
    <row r="2248" spans="1:5" x14ac:dyDescent="0.25">
      <c r="A2248" s="1">
        <v>43649.5</v>
      </c>
      <c r="B2248" s="2">
        <v>38.92</v>
      </c>
      <c r="C2248">
        <v>7.1417060000000001</v>
      </c>
      <c r="D2248">
        <f t="shared" si="70"/>
        <v>7.1417060000000003E-3</v>
      </c>
      <c r="E2248" s="6">
        <f t="shared" si="71"/>
        <v>0.27795519752000003</v>
      </c>
    </row>
    <row r="2249" spans="1:5" x14ac:dyDescent="0.25">
      <c r="A2249" s="1">
        <v>43649.541666666664</v>
      </c>
      <c r="B2249" s="2">
        <v>46.62</v>
      </c>
      <c r="C2249">
        <v>7.3030850000000003</v>
      </c>
      <c r="D2249">
        <f t="shared" si="70"/>
        <v>7.303085E-3</v>
      </c>
      <c r="E2249" s="6">
        <f t="shared" si="71"/>
        <v>0.34046982269999998</v>
      </c>
    </row>
    <row r="2250" spans="1:5" x14ac:dyDescent="0.25">
      <c r="A2250" s="1">
        <v>43649.583333333336</v>
      </c>
      <c r="B2250" s="2">
        <v>49.5</v>
      </c>
      <c r="C2250">
        <v>7.1163059999999998</v>
      </c>
      <c r="D2250">
        <f t="shared" si="70"/>
        <v>7.1163060000000002E-3</v>
      </c>
      <c r="E2250" s="6">
        <f t="shared" si="71"/>
        <v>0.35225714699999999</v>
      </c>
    </row>
    <row r="2251" spans="1:5" x14ac:dyDescent="0.25">
      <c r="A2251" s="1">
        <v>43649.625</v>
      </c>
      <c r="B2251" s="2">
        <v>51.86</v>
      </c>
      <c r="C2251">
        <v>6.5648580000000001</v>
      </c>
      <c r="D2251">
        <f t="shared" si="70"/>
        <v>6.5648579999999998E-3</v>
      </c>
      <c r="E2251" s="6">
        <f t="shared" si="71"/>
        <v>0.34045353587999999</v>
      </c>
    </row>
    <row r="2252" spans="1:5" x14ac:dyDescent="0.25">
      <c r="A2252" s="1">
        <v>43649.666666666664</v>
      </c>
      <c r="B2252" s="2">
        <v>58.79</v>
      </c>
      <c r="C2252">
        <v>5.6014559999999998</v>
      </c>
      <c r="D2252">
        <f t="shared" si="70"/>
        <v>5.6014559999999994E-3</v>
      </c>
      <c r="E2252" s="6">
        <f t="shared" si="71"/>
        <v>0.32930959823999995</v>
      </c>
    </row>
    <row r="2253" spans="1:5" x14ac:dyDescent="0.25">
      <c r="A2253" s="1">
        <v>43649.708333333336</v>
      </c>
      <c r="B2253" s="2">
        <v>54.32</v>
      </c>
      <c r="C2253">
        <v>4.1969719999999997</v>
      </c>
      <c r="D2253">
        <f t="shared" si="70"/>
        <v>4.1969719999999993E-3</v>
      </c>
      <c r="E2253" s="6">
        <f t="shared" si="71"/>
        <v>0.22797951903999997</v>
      </c>
    </row>
    <row r="2254" spans="1:5" x14ac:dyDescent="0.25">
      <c r="A2254" s="1">
        <v>43649.75</v>
      </c>
      <c r="B2254" s="2">
        <v>42.66</v>
      </c>
      <c r="C2254">
        <v>2.4923190000000002</v>
      </c>
      <c r="D2254">
        <f t="shared" si="70"/>
        <v>2.4923190000000002E-3</v>
      </c>
      <c r="E2254" s="6">
        <f t="shared" si="71"/>
        <v>0.10632232854</v>
      </c>
    </row>
    <row r="2255" spans="1:5" x14ac:dyDescent="0.25">
      <c r="A2255" s="1">
        <v>43649.791666666664</v>
      </c>
      <c r="B2255" s="2">
        <v>36.01</v>
      </c>
      <c r="C2255">
        <v>0.81186599999999998</v>
      </c>
      <c r="D2255">
        <f t="shared" si="70"/>
        <v>8.1186599999999995E-4</v>
      </c>
      <c r="E2255" s="6">
        <f t="shared" si="71"/>
        <v>2.9235294659999998E-2</v>
      </c>
    </row>
    <row r="2256" spans="1:5" x14ac:dyDescent="0.25">
      <c r="A2256" s="1">
        <v>43649.833333333336</v>
      </c>
      <c r="B2256" s="2">
        <v>33.659999999999997</v>
      </c>
      <c r="C2256">
        <v>0.10811499999999999</v>
      </c>
      <c r="D2256">
        <f t="shared" si="70"/>
        <v>1.0811499999999999E-4</v>
      </c>
      <c r="E2256" s="6">
        <f t="shared" si="71"/>
        <v>3.6391508999999993E-3</v>
      </c>
    </row>
    <row r="2257" spans="1:5" x14ac:dyDescent="0.25">
      <c r="A2257" s="1">
        <v>43649.875</v>
      </c>
      <c r="B2257" s="2">
        <v>30.72</v>
      </c>
      <c r="C2257">
        <v>0</v>
      </c>
      <c r="D2257">
        <f t="shared" si="70"/>
        <v>0</v>
      </c>
      <c r="E2257" s="6">
        <f t="shared" si="71"/>
        <v>0</v>
      </c>
    </row>
    <row r="2258" spans="1:5" x14ac:dyDescent="0.25">
      <c r="A2258" s="1">
        <v>43649.916666666664</v>
      </c>
      <c r="B2258" s="2">
        <v>24.96</v>
      </c>
      <c r="C2258">
        <v>0</v>
      </c>
      <c r="D2258">
        <f t="shared" si="70"/>
        <v>0</v>
      </c>
      <c r="E2258" s="6">
        <f t="shared" si="71"/>
        <v>0</v>
      </c>
    </row>
    <row r="2259" spans="1:5" x14ac:dyDescent="0.25">
      <c r="A2259" s="1">
        <v>43649.958333333336</v>
      </c>
      <c r="B2259" s="2">
        <v>22.72</v>
      </c>
      <c r="C2259">
        <v>0</v>
      </c>
      <c r="D2259">
        <f t="shared" si="70"/>
        <v>0</v>
      </c>
      <c r="E2259" s="6">
        <f t="shared" si="71"/>
        <v>0</v>
      </c>
    </row>
    <row r="2260" spans="1:5" x14ac:dyDescent="0.25">
      <c r="A2260" s="1">
        <v>43650</v>
      </c>
      <c r="B2260" s="2">
        <v>20.74</v>
      </c>
      <c r="C2260">
        <v>0</v>
      </c>
      <c r="D2260">
        <f t="shared" si="70"/>
        <v>0</v>
      </c>
      <c r="E2260" s="6">
        <f t="shared" si="71"/>
        <v>0</v>
      </c>
    </row>
    <row r="2261" spans="1:5" x14ac:dyDescent="0.25">
      <c r="A2261" s="1">
        <v>43650.041666666664</v>
      </c>
      <c r="B2261" s="2">
        <v>19.61</v>
      </c>
      <c r="C2261">
        <v>0</v>
      </c>
      <c r="D2261">
        <f t="shared" si="70"/>
        <v>0</v>
      </c>
      <c r="E2261" s="6">
        <f t="shared" si="71"/>
        <v>0</v>
      </c>
    </row>
    <row r="2262" spans="1:5" x14ac:dyDescent="0.25">
      <c r="A2262" s="1">
        <v>43650.083333333336</v>
      </c>
      <c r="B2262" s="2">
        <v>18.940000000000001</v>
      </c>
      <c r="C2262">
        <v>0</v>
      </c>
      <c r="D2262">
        <f t="shared" si="70"/>
        <v>0</v>
      </c>
      <c r="E2262" s="6">
        <f t="shared" si="71"/>
        <v>0</v>
      </c>
    </row>
    <row r="2263" spans="1:5" x14ac:dyDescent="0.25">
      <c r="A2263" s="1">
        <v>43650.125</v>
      </c>
      <c r="B2263" s="2">
        <v>18.12</v>
      </c>
      <c r="C2263">
        <v>0</v>
      </c>
      <c r="D2263">
        <f t="shared" si="70"/>
        <v>0</v>
      </c>
      <c r="E2263" s="6">
        <f t="shared" si="71"/>
        <v>0</v>
      </c>
    </row>
    <row r="2264" spans="1:5" x14ac:dyDescent="0.25">
      <c r="A2264" s="1">
        <v>43650.166666666664</v>
      </c>
      <c r="B2264" s="2">
        <v>16.989999999999998</v>
      </c>
      <c r="C2264">
        <v>0</v>
      </c>
      <c r="D2264">
        <f t="shared" si="70"/>
        <v>0</v>
      </c>
      <c r="E2264" s="6">
        <f t="shared" si="71"/>
        <v>0</v>
      </c>
    </row>
    <row r="2265" spans="1:5" x14ac:dyDescent="0.25">
      <c r="A2265" s="1">
        <v>43650.208333333336</v>
      </c>
      <c r="B2265" s="2">
        <v>16.21</v>
      </c>
      <c r="C2265">
        <v>0</v>
      </c>
      <c r="D2265">
        <f t="shared" si="70"/>
        <v>0</v>
      </c>
      <c r="E2265" s="6">
        <f t="shared" si="71"/>
        <v>0</v>
      </c>
    </row>
    <row r="2266" spans="1:5" x14ac:dyDescent="0.25">
      <c r="A2266" s="1">
        <v>43650.25</v>
      </c>
      <c r="B2266" s="2">
        <v>16.18</v>
      </c>
      <c r="C2266">
        <v>8.378E-3</v>
      </c>
      <c r="D2266">
        <f t="shared" si="70"/>
        <v>8.3780000000000001E-6</v>
      </c>
      <c r="E2266" s="6">
        <f t="shared" si="71"/>
        <v>1.3555604E-4</v>
      </c>
    </row>
    <row r="2267" spans="1:5" x14ac:dyDescent="0.25">
      <c r="A2267" s="1">
        <v>43650.291666666664</v>
      </c>
      <c r="B2267" s="2">
        <v>18.71</v>
      </c>
      <c r="C2267">
        <v>0.56658399999999998</v>
      </c>
      <c r="D2267">
        <f t="shared" si="70"/>
        <v>5.6658399999999997E-4</v>
      </c>
      <c r="E2267" s="6">
        <f t="shared" si="71"/>
        <v>1.060078664E-2</v>
      </c>
    </row>
    <row r="2268" spans="1:5" x14ac:dyDescent="0.25">
      <c r="A2268" s="1">
        <v>43650.333333333336</v>
      </c>
      <c r="B2268" s="2">
        <v>20.7</v>
      </c>
      <c r="C2268">
        <v>1.0982619999999998</v>
      </c>
      <c r="D2268">
        <f t="shared" si="70"/>
        <v>1.0982619999999998E-3</v>
      </c>
      <c r="E2268" s="6">
        <f t="shared" si="71"/>
        <v>2.2734023399999994E-2</v>
      </c>
    </row>
    <row r="2269" spans="1:5" x14ac:dyDescent="0.25">
      <c r="A2269" s="1">
        <v>43650.375</v>
      </c>
      <c r="B2269" s="2">
        <v>23.07</v>
      </c>
      <c r="C2269">
        <v>1.5675190000000001</v>
      </c>
      <c r="D2269">
        <f t="shared" si="70"/>
        <v>1.5675190000000001E-3</v>
      </c>
      <c r="E2269" s="6">
        <f t="shared" si="71"/>
        <v>3.6162663330000004E-2</v>
      </c>
    </row>
    <row r="2270" spans="1:5" x14ac:dyDescent="0.25">
      <c r="A2270" s="1">
        <v>43650.416666666664</v>
      </c>
      <c r="B2270" s="2">
        <v>25.31</v>
      </c>
      <c r="C2270">
        <v>2.9540850000000001</v>
      </c>
      <c r="D2270">
        <f t="shared" si="70"/>
        <v>2.954085E-3</v>
      </c>
      <c r="E2270" s="6">
        <f t="shared" si="71"/>
        <v>7.476789134999999E-2</v>
      </c>
    </row>
    <row r="2271" spans="1:5" x14ac:dyDescent="0.25">
      <c r="A2271" s="1">
        <v>43650.458333333336</v>
      </c>
      <c r="B2271" s="2">
        <v>29.98</v>
      </c>
      <c r="C2271">
        <v>5.0518370000000008</v>
      </c>
      <c r="D2271">
        <f t="shared" si="70"/>
        <v>5.0518370000000009E-3</v>
      </c>
      <c r="E2271" s="6">
        <f t="shared" si="71"/>
        <v>0.15145407326000002</v>
      </c>
    </row>
    <row r="2272" spans="1:5" x14ac:dyDescent="0.25">
      <c r="A2272" s="1">
        <v>43650.5</v>
      </c>
      <c r="B2272" s="2">
        <v>33.39</v>
      </c>
      <c r="C2272">
        <v>5.9991440000000003</v>
      </c>
      <c r="D2272">
        <f t="shared" si="70"/>
        <v>5.9991440000000005E-3</v>
      </c>
      <c r="E2272" s="6">
        <f t="shared" si="71"/>
        <v>0.20031141816000003</v>
      </c>
    </row>
    <row r="2273" spans="1:5" x14ac:dyDescent="0.25">
      <c r="A2273" s="1">
        <v>43650.541666666664</v>
      </c>
      <c r="B2273" s="2">
        <v>35.450000000000003</v>
      </c>
      <c r="C2273">
        <v>3.8463590000000001</v>
      </c>
      <c r="D2273">
        <f t="shared" si="70"/>
        <v>3.8463590000000001E-3</v>
      </c>
      <c r="E2273" s="6">
        <f t="shared" si="71"/>
        <v>0.13635342655000002</v>
      </c>
    </row>
    <row r="2274" spans="1:5" x14ac:dyDescent="0.25">
      <c r="A2274" s="1">
        <v>43650.583333333336</v>
      </c>
      <c r="B2274" s="2">
        <v>36.119999999999997</v>
      </c>
      <c r="C2274">
        <v>3.4212289999999999</v>
      </c>
      <c r="D2274">
        <f t="shared" si="70"/>
        <v>3.421229E-3</v>
      </c>
      <c r="E2274" s="6">
        <f t="shared" si="71"/>
        <v>0.12357479147999999</v>
      </c>
    </row>
    <row r="2275" spans="1:5" x14ac:dyDescent="0.25">
      <c r="A2275" s="1">
        <v>43650.625</v>
      </c>
      <c r="B2275" s="2">
        <v>37.42</v>
      </c>
      <c r="C2275">
        <v>4.0730129999999996</v>
      </c>
      <c r="D2275">
        <f t="shared" si="70"/>
        <v>4.0730129999999995E-3</v>
      </c>
      <c r="E2275" s="6">
        <f t="shared" si="71"/>
        <v>0.15241214645999998</v>
      </c>
    </row>
    <row r="2276" spans="1:5" x14ac:dyDescent="0.25">
      <c r="A2276" s="1">
        <v>43650.666666666664</v>
      </c>
      <c r="B2276" s="2">
        <v>39.880000000000003</v>
      </c>
      <c r="C2276">
        <v>1.7438279999999999</v>
      </c>
      <c r="D2276">
        <f t="shared" si="70"/>
        <v>1.743828E-3</v>
      </c>
      <c r="E2276" s="6">
        <f t="shared" si="71"/>
        <v>6.954386064000001E-2</v>
      </c>
    </row>
    <row r="2277" spans="1:5" x14ac:dyDescent="0.25">
      <c r="A2277" s="1">
        <v>43650.708333333336</v>
      </c>
      <c r="B2277" s="2">
        <v>39.25</v>
      </c>
      <c r="C2277">
        <v>3.5056350000000003</v>
      </c>
      <c r="D2277">
        <f t="shared" si="70"/>
        <v>3.5056350000000004E-3</v>
      </c>
      <c r="E2277" s="6">
        <f t="shared" si="71"/>
        <v>0.13759617375000002</v>
      </c>
    </row>
    <row r="2278" spans="1:5" x14ac:dyDescent="0.25">
      <c r="A2278" s="1">
        <v>43650.75</v>
      </c>
      <c r="B2278" s="2">
        <v>35.58</v>
      </c>
      <c r="C2278">
        <v>1.5731780000000002</v>
      </c>
      <c r="D2278">
        <f t="shared" si="70"/>
        <v>1.5731780000000002E-3</v>
      </c>
      <c r="E2278" s="6">
        <f t="shared" si="71"/>
        <v>5.5973673240000001E-2</v>
      </c>
    </row>
    <row r="2279" spans="1:5" x14ac:dyDescent="0.25">
      <c r="A2279" s="1">
        <v>43650.791666666664</v>
      </c>
      <c r="B2279" s="2">
        <v>32.32</v>
      </c>
      <c r="C2279">
        <v>0.811975</v>
      </c>
      <c r="D2279">
        <f t="shared" si="70"/>
        <v>8.1197500000000004E-4</v>
      </c>
      <c r="E2279" s="6">
        <f t="shared" si="71"/>
        <v>2.6243032000000003E-2</v>
      </c>
    </row>
    <row r="2280" spans="1:5" x14ac:dyDescent="0.25">
      <c r="A2280" s="1">
        <v>43650.833333333336</v>
      </c>
      <c r="B2280" s="2">
        <v>28.27</v>
      </c>
      <c r="C2280">
        <v>0.101645</v>
      </c>
      <c r="D2280">
        <f t="shared" si="70"/>
        <v>1.0164499999999999E-4</v>
      </c>
      <c r="E2280" s="6">
        <f t="shared" si="71"/>
        <v>2.8735041499999996E-3</v>
      </c>
    </row>
    <row r="2281" spans="1:5" x14ac:dyDescent="0.25">
      <c r="A2281" s="1">
        <v>43650.875</v>
      </c>
      <c r="B2281" s="2">
        <v>26.28</v>
      </c>
      <c r="C2281">
        <v>0</v>
      </c>
      <c r="D2281">
        <f t="shared" si="70"/>
        <v>0</v>
      </c>
      <c r="E2281" s="6">
        <f t="shared" si="71"/>
        <v>0</v>
      </c>
    </row>
    <row r="2282" spans="1:5" x14ac:dyDescent="0.25">
      <c r="A2282" s="1">
        <v>43650.916666666664</v>
      </c>
      <c r="B2282" s="2">
        <v>24.16</v>
      </c>
      <c r="C2282">
        <v>0</v>
      </c>
      <c r="D2282">
        <f t="shared" si="70"/>
        <v>0</v>
      </c>
      <c r="E2282" s="6">
        <f t="shared" si="71"/>
        <v>0</v>
      </c>
    </row>
    <row r="2283" spans="1:5" x14ac:dyDescent="0.25">
      <c r="A2283" s="1">
        <v>43650.958333333336</v>
      </c>
      <c r="B2283" s="2">
        <v>22.26</v>
      </c>
      <c r="C2283">
        <v>0</v>
      </c>
      <c r="D2283">
        <f t="shared" si="70"/>
        <v>0</v>
      </c>
      <c r="E2283" s="6">
        <f t="shared" si="71"/>
        <v>0</v>
      </c>
    </row>
    <row r="2284" spans="1:5" x14ac:dyDescent="0.25">
      <c r="A2284" s="1">
        <v>43651</v>
      </c>
      <c r="B2284" s="2">
        <v>20.74</v>
      </c>
      <c r="C2284">
        <v>0</v>
      </c>
      <c r="D2284">
        <f t="shared" si="70"/>
        <v>0</v>
      </c>
      <c r="E2284" s="6">
        <f t="shared" si="71"/>
        <v>0</v>
      </c>
    </row>
    <row r="2285" spans="1:5" x14ac:dyDescent="0.25">
      <c r="A2285" s="1">
        <v>43651.041666666664</v>
      </c>
      <c r="B2285" s="2">
        <v>19.399999999999999</v>
      </c>
      <c r="C2285">
        <v>0</v>
      </c>
      <c r="D2285">
        <f t="shared" si="70"/>
        <v>0</v>
      </c>
      <c r="E2285" s="6">
        <f t="shared" si="71"/>
        <v>0</v>
      </c>
    </row>
    <row r="2286" spans="1:5" x14ac:dyDescent="0.25">
      <c r="A2286" s="1">
        <v>43651.083333333336</v>
      </c>
      <c r="B2286" s="2">
        <v>18.350000000000001</v>
      </c>
      <c r="C2286">
        <v>0</v>
      </c>
      <c r="D2286">
        <f t="shared" si="70"/>
        <v>0</v>
      </c>
      <c r="E2286" s="6">
        <f t="shared" si="71"/>
        <v>0</v>
      </c>
    </row>
    <row r="2287" spans="1:5" x14ac:dyDescent="0.25">
      <c r="A2287" s="1">
        <v>43651.125</v>
      </c>
      <c r="B2287" s="2">
        <v>17.29</v>
      </c>
      <c r="C2287">
        <v>0</v>
      </c>
      <c r="D2287">
        <f t="shared" si="70"/>
        <v>0</v>
      </c>
      <c r="E2287" s="6">
        <f t="shared" si="71"/>
        <v>0</v>
      </c>
    </row>
    <row r="2288" spans="1:5" x14ac:dyDescent="0.25">
      <c r="A2288" s="1">
        <v>43651.166666666664</v>
      </c>
      <c r="B2288" s="2">
        <v>17.03</v>
      </c>
      <c r="C2288">
        <v>0</v>
      </c>
      <c r="D2288">
        <f t="shared" si="70"/>
        <v>0</v>
      </c>
      <c r="E2288" s="6">
        <f t="shared" si="71"/>
        <v>0</v>
      </c>
    </row>
    <row r="2289" spans="1:5" x14ac:dyDescent="0.25">
      <c r="A2289" s="1">
        <v>43651.208333333336</v>
      </c>
      <c r="B2289" s="2">
        <v>18.23</v>
      </c>
      <c r="C2289">
        <v>0</v>
      </c>
      <c r="D2289">
        <f t="shared" si="70"/>
        <v>0</v>
      </c>
      <c r="E2289" s="6">
        <f t="shared" si="71"/>
        <v>0</v>
      </c>
    </row>
    <row r="2290" spans="1:5" x14ac:dyDescent="0.25">
      <c r="A2290" s="1">
        <v>43651.25</v>
      </c>
      <c r="B2290" s="2">
        <v>19.510000000000002</v>
      </c>
      <c r="C2290">
        <v>1.1117E-2</v>
      </c>
      <c r="D2290">
        <f t="shared" si="70"/>
        <v>1.1117E-5</v>
      </c>
      <c r="E2290" s="6">
        <f t="shared" si="71"/>
        <v>2.1689267000000003E-4</v>
      </c>
    </row>
    <row r="2291" spans="1:5" x14ac:dyDescent="0.25">
      <c r="A2291" s="1">
        <v>43651.291666666664</v>
      </c>
      <c r="B2291" s="2">
        <v>20.46</v>
      </c>
      <c r="C2291">
        <v>0.64315599999999995</v>
      </c>
      <c r="D2291">
        <f t="shared" si="70"/>
        <v>6.4315599999999998E-4</v>
      </c>
      <c r="E2291" s="6">
        <f t="shared" si="71"/>
        <v>1.3158971760000001E-2</v>
      </c>
    </row>
    <row r="2292" spans="1:5" x14ac:dyDescent="0.25">
      <c r="A2292" s="1">
        <v>43651.333333333336</v>
      </c>
      <c r="B2292" s="2">
        <v>22.49</v>
      </c>
      <c r="C2292">
        <v>1.091102</v>
      </c>
      <c r="D2292">
        <f t="shared" si="70"/>
        <v>1.091102E-3</v>
      </c>
      <c r="E2292" s="6">
        <f t="shared" si="71"/>
        <v>2.4538883979999999E-2</v>
      </c>
    </row>
    <row r="2293" spans="1:5" x14ac:dyDescent="0.25">
      <c r="A2293" s="1">
        <v>43651.375</v>
      </c>
      <c r="B2293" s="2">
        <v>26.16</v>
      </c>
      <c r="C2293">
        <v>2.4296840000000004</v>
      </c>
      <c r="D2293">
        <f t="shared" si="70"/>
        <v>2.4296840000000005E-3</v>
      </c>
      <c r="E2293" s="6">
        <f t="shared" si="71"/>
        <v>6.3560533440000011E-2</v>
      </c>
    </row>
    <row r="2294" spans="1:5" x14ac:dyDescent="0.25">
      <c r="A2294" s="1">
        <v>43651.416666666664</v>
      </c>
      <c r="B2294" s="2">
        <v>29.95</v>
      </c>
      <c r="C2294">
        <v>3.1273149999999998</v>
      </c>
      <c r="D2294">
        <f t="shared" si="70"/>
        <v>3.1273149999999999E-3</v>
      </c>
      <c r="E2294" s="6">
        <f t="shared" si="71"/>
        <v>9.366308425E-2</v>
      </c>
    </row>
    <row r="2295" spans="1:5" x14ac:dyDescent="0.25">
      <c r="A2295" s="1">
        <v>43651.458333333336</v>
      </c>
      <c r="B2295" s="2">
        <v>32.72</v>
      </c>
      <c r="C2295">
        <v>3.4597660000000001</v>
      </c>
      <c r="D2295">
        <f t="shared" si="70"/>
        <v>3.459766E-3</v>
      </c>
      <c r="E2295" s="6">
        <f t="shared" si="71"/>
        <v>0.11320354351999999</v>
      </c>
    </row>
    <row r="2296" spans="1:5" x14ac:dyDescent="0.25">
      <c r="A2296" s="1">
        <v>43651.5</v>
      </c>
      <c r="B2296" s="2">
        <v>35.15</v>
      </c>
      <c r="C2296">
        <v>3.5796519999999998</v>
      </c>
      <c r="D2296">
        <f t="shared" si="70"/>
        <v>3.579652E-3</v>
      </c>
      <c r="E2296" s="6">
        <f t="shared" si="71"/>
        <v>0.12582476779999999</v>
      </c>
    </row>
    <row r="2297" spans="1:5" x14ac:dyDescent="0.25">
      <c r="A2297" s="1">
        <v>43651.541666666664</v>
      </c>
      <c r="B2297" s="2">
        <v>42.81</v>
      </c>
      <c r="C2297">
        <v>3.6037440000000003</v>
      </c>
      <c r="D2297">
        <f t="shared" si="70"/>
        <v>3.6037440000000003E-3</v>
      </c>
      <c r="E2297" s="6">
        <f t="shared" si="71"/>
        <v>0.15427628064000001</v>
      </c>
    </row>
    <row r="2298" spans="1:5" x14ac:dyDescent="0.25">
      <c r="A2298" s="1">
        <v>43651.583333333336</v>
      </c>
      <c r="B2298" s="2">
        <v>40.950000000000003</v>
      </c>
      <c r="C2298">
        <v>5.2545169999999999</v>
      </c>
      <c r="D2298">
        <f t="shared" si="70"/>
        <v>5.2545170000000002E-3</v>
      </c>
      <c r="E2298" s="6">
        <f t="shared" si="71"/>
        <v>0.21517247115000002</v>
      </c>
    </row>
    <row r="2299" spans="1:5" x14ac:dyDescent="0.25">
      <c r="A2299" s="1">
        <v>43651.625</v>
      </c>
      <c r="B2299" s="2">
        <v>43.87</v>
      </c>
      <c r="C2299">
        <v>5.0857140000000003</v>
      </c>
      <c r="D2299">
        <f t="shared" si="70"/>
        <v>5.0857139999999999E-3</v>
      </c>
      <c r="E2299" s="6">
        <f t="shared" si="71"/>
        <v>0.22311027317999998</v>
      </c>
    </row>
    <row r="2300" spans="1:5" x14ac:dyDescent="0.25">
      <c r="A2300" s="1">
        <v>43651.666666666664</v>
      </c>
      <c r="B2300" s="2">
        <v>46.9</v>
      </c>
      <c r="C2300">
        <v>4.316757</v>
      </c>
      <c r="D2300">
        <f t="shared" si="70"/>
        <v>4.3167570000000001E-3</v>
      </c>
      <c r="E2300" s="6">
        <f t="shared" si="71"/>
        <v>0.20245590329999999</v>
      </c>
    </row>
    <row r="2301" spans="1:5" x14ac:dyDescent="0.25">
      <c r="A2301" s="1">
        <v>43651.708333333336</v>
      </c>
      <c r="B2301" s="2">
        <v>44.57</v>
      </c>
      <c r="C2301">
        <v>4.3380400000000003</v>
      </c>
      <c r="D2301">
        <f t="shared" si="70"/>
        <v>4.3380400000000005E-3</v>
      </c>
      <c r="E2301" s="6">
        <f t="shared" si="71"/>
        <v>0.19334644280000002</v>
      </c>
    </row>
    <row r="2302" spans="1:5" x14ac:dyDescent="0.25">
      <c r="A2302" s="1">
        <v>43651.75</v>
      </c>
      <c r="B2302" s="2">
        <v>36.869999999999997</v>
      </c>
      <c r="C2302">
        <v>2.5801089999999998</v>
      </c>
      <c r="D2302">
        <f t="shared" si="70"/>
        <v>2.5801089999999997E-3</v>
      </c>
      <c r="E2302" s="6">
        <f t="shared" si="71"/>
        <v>9.5128618829999984E-2</v>
      </c>
    </row>
    <row r="2303" spans="1:5" x14ac:dyDescent="0.25">
      <c r="A2303" s="1">
        <v>43651.791666666664</v>
      </c>
      <c r="B2303" s="2">
        <v>33.97</v>
      </c>
      <c r="C2303">
        <v>0.82835300000000001</v>
      </c>
      <c r="D2303">
        <f t="shared" si="70"/>
        <v>8.2835299999999999E-4</v>
      </c>
      <c r="E2303" s="6">
        <f t="shared" si="71"/>
        <v>2.813915141E-2</v>
      </c>
    </row>
    <row r="2304" spans="1:5" x14ac:dyDescent="0.25">
      <c r="A2304" s="1">
        <v>43651.833333333336</v>
      </c>
      <c r="B2304" s="2">
        <v>32.299999999999997</v>
      </c>
      <c r="C2304">
        <v>0.125392</v>
      </c>
      <c r="D2304">
        <f t="shared" si="70"/>
        <v>1.2539199999999999E-4</v>
      </c>
      <c r="E2304" s="6">
        <f t="shared" si="71"/>
        <v>4.0501615999999994E-3</v>
      </c>
    </row>
    <row r="2305" spans="1:5" x14ac:dyDescent="0.25">
      <c r="A2305" s="1">
        <v>43651.875</v>
      </c>
      <c r="B2305" s="2">
        <v>30</v>
      </c>
      <c r="C2305">
        <v>0</v>
      </c>
      <c r="D2305">
        <f t="shared" si="70"/>
        <v>0</v>
      </c>
      <c r="E2305" s="6">
        <f t="shared" si="71"/>
        <v>0</v>
      </c>
    </row>
    <row r="2306" spans="1:5" x14ac:dyDescent="0.25">
      <c r="A2306" s="1">
        <v>43651.916666666664</v>
      </c>
      <c r="B2306" s="2">
        <v>24.71</v>
      </c>
      <c r="C2306">
        <v>0</v>
      </c>
      <c r="D2306">
        <f t="shared" si="70"/>
        <v>0</v>
      </c>
      <c r="E2306" s="6">
        <f t="shared" si="71"/>
        <v>0</v>
      </c>
    </row>
    <row r="2307" spans="1:5" x14ac:dyDescent="0.25">
      <c r="A2307" s="1">
        <v>43651.958333333336</v>
      </c>
      <c r="B2307" s="2">
        <v>22.09</v>
      </c>
      <c r="C2307">
        <v>0</v>
      </c>
      <c r="D2307">
        <f t="shared" si="70"/>
        <v>0</v>
      </c>
      <c r="E2307" s="6">
        <f t="shared" si="71"/>
        <v>0</v>
      </c>
    </row>
    <row r="2308" spans="1:5" x14ac:dyDescent="0.25">
      <c r="A2308" s="1">
        <v>43652</v>
      </c>
      <c r="B2308" s="2">
        <v>21.73</v>
      </c>
      <c r="C2308">
        <v>0</v>
      </c>
      <c r="D2308">
        <f t="shared" si="70"/>
        <v>0</v>
      </c>
      <c r="E2308" s="6">
        <f t="shared" si="71"/>
        <v>0</v>
      </c>
    </row>
    <row r="2309" spans="1:5" x14ac:dyDescent="0.25">
      <c r="A2309" s="1">
        <v>43652.041666666664</v>
      </c>
      <c r="B2309" s="2">
        <v>20.170000000000002</v>
      </c>
      <c r="C2309">
        <v>0</v>
      </c>
      <c r="D2309">
        <f t="shared" si="70"/>
        <v>0</v>
      </c>
      <c r="E2309" s="6">
        <f t="shared" si="71"/>
        <v>0</v>
      </c>
    </row>
    <row r="2310" spans="1:5" x14ac:dyDescent="0.25">
      <c r="A2310" s="1">
        <v>43652.083333333336</v>
      </c>
      <c r="B2310" s="2">
        <v>19.25</v>
      </c>
      <c r="C2310">
        <v>0</v>
      </c>
      <c r="D2310">
        <f t="shared" ref="D2310:D2373" si="72">C2310/1000</f>
        <v>0</v>
      </c>
      <c r="E2310" s="6">
        <f t="shared" ref="E2310:E2373" si="73">D2310*B2310</f>
        <v>0</v>
      </c>
    </row>
    <row r="2311" spans="1:5" x14ac:dyDescent="0.25">
      <c r="A2311" s="1">
        <v>43652.125</v>
      </c>
      <c r="B2311" s="2">
        <v>18.23</v>
      </c>
      <c r="C2311">
        <v>0</v>
      </c>
      <c r="D2311">
        <f t="shared" si="72"/>
        <v>0</v>
      </c>
      <c r="E2311" s="6">
        <f t="shared" si="73"/>
        <v>0</v>
      </c>
    </row>
    <row r="2312" spans="1:5" x14ac:dyDescent="0.25">
      <c r="A2312" s="1">
        <v>43652.166666666664</v>
      </c>
      <c r="B2312" s="2">
        <v>17.690000000000001</v>
      </c>
      <c r="C2312">
        <v>0</v>
      </c>
      <c r="D2312">
        <f t="shared" si="72"/>
        <v>0</v>
      </c>
      <c r="E2312" s="6">
        <f t="shared" si="73"/>
        <v>0</v>
      </c>
    </row>
    <row r="2313" spans="1:5" x14ac:dyDescent="0.25">
      <c r="A2313" s="1">
        <v>43652.208333333336</v>
      </c>
      <c r="B2313" s="2">
        <v>17.77</v>
      </c>
      <c r="C2313">
        <v>0</v>
      </c>
      <c r="D2313">
        <f t="shared" si="72"/>
        <v>0</v>
      </c>
      <c r="E2313" s="6">
        <f t="shared" si="73"/>
        <v>0</v>
      </c>
    </row>
    <row r="2314" spans="1:5" x14ac:dyDescent="0.25">
      <c r="A2314" s="1">
        <v>43652.25</v>
      </c>
      <c r="B2314" s="2">
        <v>18.010000000000002</v>
      </c>
      <c r="C2314">
        <v>1.0523999999999999E-2</v>
      </c>
      <c r="D2314">
        <f t="shared" si="72"/>
        <v>1.0523999999999998E-5</v>
      </c>
      <c r="E2314" s="6">
        <f t="shared" si="73"/>
        <v>1.8953723999999997E-4</v>
      </c>
    </row>
    <row r="2315" spans="1:5" x14ac:dyDescent="0.25">
      <c r="A2315" s="1">
        <v>43652.291666666664</v>
      </c>
      <c r="B2315" s="2">
        <v>19.329999999999998</v>
      </c>
      <c r="C2315">
        <v>0.58327599999999991</v>
      </c>
      <c r="D2315">
        <f t="shared" si="72"/>
        <v>5.8327599999999987E-4</v>
      </c>
      <c r="E2315" s="6">
        <f t="shared" si="73"/>
        <v>1.1274725079999997E-2</v>
      </c>
    </row>
    <row r="2316" spans="1:5" x14ac:dyDescent="0.25">
      <c r="A2316" s="1">
        <v>43652.333333333336</v>
      </c>
      <c r="B2316" s="2">
        <v>21.07</v>
      </c>
      <c r="C2316">
        <v>2.1594690000000001</v>
      </c>
      <c r="D2316">
        <f t="shared" si="72"/>
        <v>2.1594690000000002E-3</v>
      </c>
      <c r="E2316" s="6">
        <f t="shared" si="73"/>
        <v>4.5500011830000006E-2</v>
      </c>
    </row>
    <row r="2317" spans="1:5" x14ac:dyDescent="0.25">
      <c r="A2317" s="1">
        <v>43652.375</v>
      </c>
      <c r="B2317" s="2">
        <v>23.04</v>
      </c>
      <c r="C2317">
        <v>3.9046979999999998</v>
      </c>
      <c r="D2317">
        <f t="shared" si="72"/>
        <v>3.9046979999999998E-3</v>
      </c>
      <c r="E2317" s="6">
        <f t="shared" si="73"/>
        <v>8.9964241919999993E-2</v>
      </c>
    </row>
    <row r="2318" spans="1:5" x14ac:dyDescent="0.25">
      <c r="A2318" s="1">
        <v>43652.416666666664</v>
      </c>
      <c r="B2318" s="2">
        <v>26.03</v>
      </c>
      <c r="C2318">
        <v>5.3551850000000005</v>
      </c>
      <c r="D2318">
        <f t="shared" si="72"/>
        <v>5.3551850000000002E-3</v>
      </c>
      <c r="E2318" s="6">
        <f t="shared" si="73"/>
        <v>0.13939546555000001</v>
      </c>
    </row>
    <row r="2319" spans="1:5" x14ac:dyDescent="0.25">
      <c r="A2319" s="1">
        <v>43652.458333333336</v>
      </c>
      <c r="B2319" s="2">
        <v>33.159999999999997</v>
      </c>
      <c r="C2319">
        <v>6.3587509999999998</v>
      </c>
      <c r="D2319">
        <f t="shared" si="72"/>
        <v>6.3587510000000002E-3</v>
      </c>
      <c r="E2319" s="6">
        <f t="shared" si="73"/>
        <v>0.21085618315999999</v>
      </c>
    </row>
    <row r="2320" spans="1:5" x14ac:dyDescent="0.25">
      <c r="A2320" s="1">
        <v>43652.5</v>
      </c>
      <c r="B2320" s="2">
        <v>36.159999999999997</v>
      </c>
      <c r="C2320">
        <v>4.929773</v>
      </c>
      <c r="D2320">
        <f t="shared" si="72"/>
        <v>4.9297730000000001E-3</v>
      </c>
      <c r="E2320" s="6">
        <f t="shared" si="73"/>
        <v>0.17826059168</v>
      </c>
    </row>
    <row r="2321" spans="1:5" x14ac:dyDescent="0.25">
      <c r="A2321" s="1">
        <v>43652.541666666664</v>
      </c>
      <c r="B2321" s="2">
        <v>36.29</v>
      </c>
      <c r="C2321">
        <v>7.2142839999999993</v>
      </c>
      <c r="D2321">
        <f t="shared" si="72"/>
        <v>7.2142839999999996E-3</v>
      </c>
      <c r="E2321" s="6">
        <f t="shared" si="73"/>
        <v>0.26180636635999999</v>
      </c>
    </row>
    <row r="2322" spans="1:5" x14ac:dyDescent="0.25">
      <c r="A2322" s="1">
        <v>43652.583333333336</v>
      </c>
      <c r="B2322" s="2">
        <v>37.29</v>
      </c>
      <c r="C2322">
        <v>7.003215</v>
      </c>
      <c r="D2322">
        <f t="shared" si="72"/>
        <v>7.0032150000000001E-3</v>
      </c>
      <c r="E2322" s="6">
        <f t="shared" si="73"/>
        <v>0.26114988735</v>
      </c>
    </row>
    <row r="2323" spans="1:5" x14ac:dyDescent="0.25">
      <c r="A2323" s="1">
        <v>43652.625</v>
      </c>
      <c r="B2323" s="2">
        <v>37.97</v>
      </c>
      <c r="C2323">
        <v>6.4341980000000003</v>
      </c>
      <c r="D2323">
        <f t="shared" si="72"/>
        <v>6.4341980000000003E-3</v>
      </c>
      <c r="E2323" s="6">
        <f t="shared" si="73"/>
        <v>0.24430649806000002</v>
      </c>
    </row>
    <row r="2324" spans="1:5" x14ac:dyDescent="0.25">
      <c r="A2324" s="1">
        <v>43652.666666666664</v>
      </c>
      <c r="B2324" s="2">
        <v>39.83</v>
      </c>
      <c r="C2324">
        <v>5.5174159999999999</v>
      </c>
      <c r="D2324">
        <f t="shared" si="72"/>
        <v>5.5174159999999998E-3</v>
      </c>
      <c r="E2324" s="6">
        <f t="shared" si="73"/>
        <v>0.21975867927999998</v>
      </c>
    </row>
    <row r="2325" spans="1:5" x14ac:dyDescent="0.25">
      <c r="A2325" s="1">
        <v>43652.708333333336</v>
      </c>
      <c r="B2325" s="2">
        <v>37.76</v>
      </c>
      <c r="C2325">
        <v>4.1612780000000003</v>
      </c>
      <c r="D2325">
        <f t="shared" si="72"/>
        <v>4.161278E-3</v>
      </c>
      <c r="E2325" s="6">
        <f t="shared" si="73"/>
        <v>0.15712985727999998</v>
      </c>
    </row>
    <row r="2326" spans="1:5" x14ac:dyDescent="0.25">
      <c r="A2326" s="1">
        <v>43652.75</v>
      </c>
      <c r="B2326" s="2">
        <v>33.15</v>
      </c>
      <c r="C2326">
        <v>2.464607</v>
      </c>
      <c r="D2326">
        <f t="shared" si="72"/>
        <v>2.4646070000000002E-3</v>
      </c>
      <c r="E2326" s="6">
        <f t="shared" si="73"/>
        <v>8.1701722050000009E-2</v>
      </c>
    </row>
    <row r="2327" spans="1:5" x14ac:dyDescent="0.25">
      <c r="A2327" s="1">
        <v>43652.791666666664</v>
      </c>
      <c r="B2327" s="2">
        <v>30.11</v>
      </c>
      <c r="C2327">
        <v>0.82191800000000004</v>
      </c>
      <c r="D2327">
        <f t="shared" si="72"/>
        <v>8.2191800000000004E-4</v>
      </c>
      <c r="E2327" s="6">
        <f t="shared" si="73"/>
        <v>2.4747950980000002E-2</v>
      </c>
    </row>
    <row r="2328" spans="1:5" x14ac:dyDescent="0.25">
      <c r="A2328" s="1">
        <v>43652.833333333336</v>
      </c>
      <c r="B2328" s="2">
        <v>29.42</v>
      </c>
      <c r="C2328">
        <v>0.10624699999999999</v>
      </c>
      <c r="D2328">
        <f t="shared" si="72"/>
        <v>1.0624699999999999E-4</v>
      </c>
      <c r="E2328" s="6">
        <f t="shared" si="73"/>
        <v>3.1257867399999998E-3</v>
      </c>
    </row>
    <row r="2329" spans="1:5" x14ac:dyDescent="0.25">
      <c r="A2329" s="1">
        <v>43652.875</v>
      </c>
      <c r="B2329" s="2">
        <v>26.36</v>
      </c>
      <c r="C2329">
        <v>0</v>
      </c>
      <c r="D2329">
        <f t="shared" si="72"/>
        <v>0</v>
      </c>
      <c r="E2329" s="6">
        <f t="shared" si="73"/>
        <v>0</v>
      </c>
    </row>
    <row r="2330" spans="1:5" x14ac:dyDescent="0.25">
      <c r="A2330" s="1">
        <v>43652.916666666664</v>
      </c>
      <c r="B2330" s="2">
        <v>23.57</v>
      </c>
      <c r="C2330">
        <v>0</v>
      </c>
      <c r="D2330">
        <f t="shared" si="72"/>
        <v>0</v>
      </c>
      <c r="E2330" s="6">
        <f t="shared" si="73"/>
        <v>0</v>
      </c>
    </row>
    <row r="2331" spans="1:5" x14ac:dyDescent="0.25">
      <c r="A2331" s="1">
        <v>43652.958333333336</v>
      </c>
      <c r="B2331" s="2">
        <v>21.34</v>
      </c>
      <c r="C2331">
        <v>0</v>
      </c>
      <c r="D2331">
        <f t="shared" si="72"/>
        <v>0</v>
      </c>
      <c r="E2331" s="6">
        <f t="shared" si="73"/>
        <v>0</v>
      </c>
    </row>
    <row r="2332" spans="1:5" x14ac:dyDescent="0.25">
      <c r="A2332" s="1">
        <v>43653</v>
      </c>
      <c r="B2332" s="2">
        <v>20.58</v>
      </c>
      <c r="C2332">
        <v>0</v>
      </c>
      <c r="D2332">
        <f t="shared" si="72"/>
        <v>0</v>
      </c>
      <c r="E2332" s="6">
        <f t="shared" si="73"/>
        <v>0</v>
      </c>
    </row>
    <row r="2333" spans="1:5" x14ac:dyDescent="0.25">
      <c r="A2333" s="1">
        <v>43653.041666666664</v>
      </c>
      <c r="B2333" s="2">
        <v>19.489999999999998</v>
      </c>
      <c r="C2333">
        <v>0</v>
      </c>
      <c r="D2333">
        <f t="shared" si="72"/>
        <v>0</v>
      </c>
      <c r="E2333" s="6">
        <f t="shared" si="73"/>
        <v>0</v>
      </c>
    </row>
    <row r="2334" spans="1:5" x14ac:dyDescent="0.25">
      <c r="A2334" s="1">
        <v>43653.083333333336</v>
      </c>
      <c r="B2334" s="2">
        <v>18.79</v>
      </c>
      <c r="C2334">
        <v>0</v>
      </c>
      <c r="D2334">
        <f t="shared" si="72"/>
        <v>0</v>
      </c>
      <c r="E2334" s="6">
        <f t="shared" si="73"/>
        <v>0</v>
      </c>
    </row>
    <row r="2335" spans="1:5" x14ac:dyDescent="0.25">
      <c r="A2335" s="1">
        <v>43653.125</v>
      </c>
      <c r="B2335" s="2">
        <v>17.600000000000001</v>
      </c>
      <c r="C2335">
        <v>0</v>
      </c>
      <c r="D2335">
        <f t="shared" si="72"/>
        <v>0</v>
      </c>
      <c r="E2335" s="6">
        <f t="shared" si="73"/>
        <v>0</v>
      </c>
    </row>
    <row r="2336" spans="1:5" x14ac:dyDescent="0.25">
      <c r="A2336" s="1">
        <v>43653.166666666664</v>
      </c>
      <c r="B2336" s="2">
        <v>16.579999999999998</v>
      </c>
      <c r="C2336">
        <v>0</v>
      </c>
      <c r="D2336">
        <f t="shared" si="72"/>
        <v>0</v>
      </c>
      <c r="E2336" s="6">
        <f t="shared" si="73"/>
        <v>0</v>
      </c>
    </row>
    <row r="2337" spans="1:5" x14ac:dyDescent="0.25">
      <c r="A2337" s="1">
        <v>43653.208333333336</v>
      </c>
      <c r="B2337" s="2">
        <v>15.54</v>
      </c>
      <c r="C2337">
        <v>0</v>
      </c>
      <c r="D2337">
        <f t="shared" si="72"/>
        <v>0</v>
      </c>
      <c r="E2337" s="6">
        <f t="shared" si="73"/>
        <v>0</v>
      </c>
    </row>
    <row r="2338" spans="1:5" x14ac:dyDescent="0.25">
      <c r="A2338" s="1">
        <v>43653.25</v>
      </c>
      <c r="B2338" s="2">
        <v>15.14</v>
      </c>
      <c r="C2338">
        <v>1.0843E-2</v>
      </c>
      <c r="D2338">
        <f t="shared" si="72"/>
        <v>1.0843000000000001E-5</v>
      </c>
      <c r="E2338" s="6">
        <f t="shared" si="73"/>
        <v>1.6416302000000002E-4</v>
      </c>
    </row>
    <row r="2339" spans="1:5" x14ac:dyDescent="0.25">
      <c r="A2339" s="1">
        <v>43653.291666666664</v>
      </c>
      <c r="B2339" s="2">
        <v>16.97</v>
      </c>
      <c r="C2339">
        <v>0.5440259999999999</v>
      </c>
      <c r="D2339">
        <f t="shared" si="72"/>
        <v>5.4402599999999986E-4</v>
      </c>
      <c r="E2339" s="6">
        <f t="shared" si="73"/>
        <v>9.2321212199999968E-3</v>
      </c>
    </row>
    <row r="2340" spans="1:5" x14ac:dyDescent="0.25">
      <c r="A2340" s="1">
        <v>43653.333333333336</v>
      </c>
      <c r="B2340" s="2">
        <v>18.899999999999999</v>
      </c>
      <c r="C2340">
        <v>2.0760430000000003</v>
      </c>
      <c r="D2340">
        <f t="shared" si="72"/>
        <v>2.0760430000000005E-3</v>
      </c>
      <c r="E2340" s="6">
        <f t="shared" si="73"/>
        <v>3.923721270000001E-2</v>
      </c>
    </row>
    <row r="2341" spans="1:5" x14ac:dyDescent="0.25">
      <c r="A2341" s="1">
        <v>43653.375</v>
      </c>
      <c r="B2341" s="2">
        <v>21.18</v>
      </c>
      <c r="C2341">
        <v>2.7801149999999999</v>
      </c>
      <c r="D2341">
        <f t="shared" si="72"/>
        <v>2.7801150000000001E-3</v>
      </c>
      <c r="E2341" s="6">
        <f t="shared" si="73"/>
        <v>5.8882835700000004E-2</v>
      </c>
    </row>
    <row r="2342" spans="1:5" x14ac:dyDescent="0.25">
      <c r="A2342" s="1">
        <v>43653.416666666664</v>
      </c>
      <c r="B2342" s="2">
        <v>22.77</v>
      </c>
      <c r="C2342">
        <v>4.3448090000000006</v>
      </c>
      <c r="D2342">
        <f t="shared" si="72"/>
        <v>4.3448090000000007E-3</v>
      </c>
      <c r="E2342" s="6">
        <f t="shared" si="73"/>
        <v>9.8931300930000007E-2</v>
      </c>
    </row>
    <row r="2343" spans="1:5" x14ac:dyDescent="0.25">
      <c r="A2343" s="1">
        <v>43653.458333333336</v>
      </c>
      <c r="B2343" s="2">
        <v>24.99</v>
      </c>
      <c r="C2343">
        <v>5.6041639999999999</v>
      </c>
      <c r="D2343">
        <f t="shared" si="72"/>
        <v>5.604164E-3</v>
      </c>
      <c r="E2343" s="6">
        <f t="shared" si="73"/>
        <v>0.14004805836000001</v>
      </c>
    </row>
    <row r="2344" spans="1:5" x14ac:dyDescent="0.25">
      <c r="A2344" s="1">
        <v>43653.5</v>
      </c>
      <c r="B2344" s="2">
        <v>27.46</v>
      </c>
      <c r="C2344">
        <v>5.2011090000000006</v>
      </c>
      <c r="D2344">
        <f t="shared" si="72"/>
        <v>5.2011090000000006E-3</v>
      </c>
      <c r="E2344" s="6">
        <f t="shared" si="73"/>
        <v>0.14282245314000003</v>
      </c>
    </row>
    <row r="2345" spans="1:5" x14ac:dyDescent="0.25">
      <c r="A2345" s="1">
        <v>43653.541666666664</v>
      </c>
      <c r="B2345" s="2">
        <v>29.37</v>
      </c>
      <c r="C2345">
        <v>5.7401009999999992</v>
      </c>
      <c r="D2345">
        <f t="shared" si="72"/>
        <v>5.7401009999999992E-3</v>
      </c>
      <c r="E2345" s="6">
        <f t="shared" si="73"/>
        <v>0.16858676636999997</v>
      </c>
    </row>
    <row r="2346" spans="1:5" x14ac:dyDescent="0.25">
      <c r="A2346" s="1">
        <v>43653.583333333336</v>
      </c>
      <c r="B2346" s="2">
        <v>31.04</v>
      </c>
      <c r="C2346">
        <v>3.2104599999999999</v>
      </c>
      <c r="D2346">
        <f t="shared" si="72"/>
        <v>3.21046E-3</v>
      </c>
      <c r="E2346" s="6">
        <f t="shared" si="73"/>
        <v>9.96526784E-2</v>
      </c>
    </row>
    <row r="2347" spans="1:5" x14ac:dyDescent="0.25">
      <c r="A2347" s="1">
        <v>43653.625</v>
      </c>
      <c r="B2347" s="2">
        <v>30.13</v>
      </c>
      <c r="C2347">
        <v>3.4279479999999998</v>
      </c>
      <c r="D2347">
        <f t="shared" si="72"/>
        <v>3.4279479999999997E-3</v>
      </c>
      <c r="E2347" s="6">
        <f t="shared" si="73"/>
        <v>0.10328407323999998</v>
      </c>
    </row>
    <row r="2348" spans="1:5" x14ac:dyDescent="0.25">
      <c r="A2348" s="1">
        <v>43653.666666666664</v>
      </c>
      <c r="B2348" s="2">
        <v>31.77</v>
      </c>
      <c r="C2348">
        <v>2.5697190000000001</v>
      </c>
      <c r="D2348">
        <f t="shared" si="72"/>
        <v>2.5697190000000003E-3</v>
      </c>
      <c r="E2348" s="6">
        <f t="shared" si="73"/>
        <v>8.1639972630000002E-2</v>
      </c>
    </row>
    <row r="2349" spans="1:5" x14ac:dyDescent="0.25">
      <c r="A2349" s="1">
        <v>43653.708333333336</v>
      </c>
      <c r="B2349" s="2">
        <v>31.82</v>
      </c>
      <c r="C2349">
        <v>2.1456</v>
      </c>
      <c r="D2349">
        <f t="shared" si="72"/>
        <v>2.1456000000000001E-3</v>
      </c>
      <c r="E2349" s="6">
        <f t="shared" si="73"/>
        <v>6.8272992000000005E-2</v>
      </c>
    </row>
    <row r="2350" spans="1:5" x14ac:dyDescent="0.25">
      <c r="A2350" s="1">
        <v>43653.75</v>
      </c>
      <c r="B2350" s="2">
        <v>30</v>
      </c>
      <c r="C2350">
        <v>1.91028</v>
      </c>
      <c r="D2350">
        <f t="shared" si="72"/>
        <v>1.9102799999999999E-3</v>
      </c>
      <c r="E2350" s="6">
        <f t="shared" si="73"/>
        <v>5.7308399999999995E-2</v>
      </c>
    </row>
    <row r="2351" spans="1:5" x14ac:dyDescent="0.25">
      <c r="A2351" s="1">
        <v>43653.791666666664</v>
      </c>
      <c r="B2351" s="2">
        <v>26.24</v>
      </c>
      <c r="C2351">
        <v>0.81635500000000005</v>
      </c>
      <c r="D2351">
        <f t="shared" si="72"/>
        <v>8.1635500000000005E-4</v>
      </c>
      <c r="E2351" s="6">
        <f t="shared" si="73"/>
        <v>2.14211552E-2</v>
      </c>
    </row>
    <row r="2352" spans="1:5" x14ac:dyDescent="0.25">
      <c r="A2352" s="1">
        <v>43653.833333333336</v>
      </c>
      <c r="B2352" s="2">
        <v>25.27</v>
      </c>
      <c r="C2352">
        <v>0.124533</v>
      </c>
      <c r="D2352">
        <f t="shared" si="72"/>
        <v>1.24533E-4</v>
      </c>
      <c r="E2352" s="6">
        <f t="shared" si="73"/>
        <v>3.1469489099999999E-3</v>
      </c>
    </row>
    <row r="2353" spans="1:5" x14ac:dyDescent="0.25">
      <c r="A2353" s="1">
        <v>43653.875</v>
      </c>
      <c r="B2353" s="2">
        <v>23.76</v>
      </c>
      <c r="C2353">
        <v>0</v>
      </c>
      <c r="D2353">
        <f t="shared" si="72"/>
        <v>0</v>
      </c>
      <c r="E2353" s="6">
        <f t="shared" si="73"/>
        <v>0</v>
      </c>
    </row>
    <row r="2354" spans="1:5" x14ac:dyDescent="0.25">
      <c r="A2354" s="1">
        <v>43653.916666666664</v>
      </c>
      <c r="B2354" s="2">
        <v>21.56</v>
      </c>
      <c r="C2354">
        <v>0</v>
      </c>
      <c r="D2354">
        <f t="shared" si="72"/>
        <v>0</v>
      </c>
      <c r="E2354" s="6">
        <f t="shared" si="73"/>
        <v>0</v>
      </c>
    </row>
    <row r="2355" spans="1:5" x14ac:dyDescent="0.25">
      <c r="A2355" s="1">
        <v>43653.958333333336</v>
      </c>
      <c r="B2355" s="2">
        <v>19.62</v>
      </c>
      <c r="C2355">
        <v>0</v>
      </c>
      <c r="D2355">
        <f t="shared" si="72"/>
        <v>0</v>
      </c>
      <c r="E2355" s="6">
        <f t="shared" si="73"/>
        <v>0</v>
      </c>
    </row>
    <row r="2356" spans="1:5" x14ac:dyDescent="0.25">
      <c r="A2356" s="1">
        <v>43654</v>
      </c>
      <c r="B2356" s="2">
        <v>17.739999999999998</v>
      </c>
      <c r="C2356">
        <v>0</v>
      </c>
      <c r="D2356">
        <f t="shared" si="72"/>
        <v>0</v>
      </c>
      <c r="E2356" s="6">
        <f t="shared" si="73"/>
        <v>0</v>
      </c>
    </row>
    <row r="2357" spans="1:5" x14ac:dyDescent="0.25">
      <c r="A2357" s="1">
        <v>43654.041666666664</v>
      </c>
      <c r="B2357" s="2">
        <v>17.260000000000002</v>
      </c>
      <c r="C2357">
        <v>0</v>
      </c>
      <c r="D2357">
        <f t="shared" si="72"/>
        <v>0</v>
      </c>
      <c r="E2357" s="6">
        <f t="shared" si="73"/>
        <v>0</v>
      </c>
    </row>
    <row r="2358" spans="1:5" x14ac:dyDescent="0.25">
      <c r="A2358" s="1">
        <v>43654.083333333336</v>
      </c>
      <c r="B2358" s="2">
        <v>15.85</v>
      </c>
      <c r="C2358">
        <v>0</v>
      </c>
      <c r="D2358">
        <f t="shared" si="72"/>
        <v>0</v>
      </c>
      <c r="E2358" s="6">
        <f t="shared" si="73"/>
        <v>0</v>
      </c>
    </row>
    <row r="2359" spans="1:5" x14ac:dyDescent="0.25">
      <c r="A2359" s="1">
        <v>43654.125</v>
      </c>
      <c r="B2359" s="2">
        <v>15.15</v>
      </c>
      <c r="C2359">
        <v>0</v>
      </c>
      <c r="D2359">
        <f t="shared" si="72"/>
        <v>0</v>
      </c>
      <c r="E2359" s="6">
        <f t="shared" si="73"/>
        <v>0</v>
      </c>
    </row>
    <row r="2360" spans="1:5" x14ac:dyDescent="0.25">
      <c r="A2360" s="1">
        <v>43654.166666666664</v>
      </c>
      <c r="B2360" s="2">
        <v>15.25</v>
      </c>
      <c r="C2360">
        <v>0</v>
      </c>
      <c r="D2360">
        <f t="shared" si="72"/>
        <v>0</v>
      </c>
      <c r="E2360" s="6">
        <f t="shared" si="73"/>
        <v>0</v>
      </c>
    </row>
    <row r="2361" spans="1:5" x14ac:dyDescent="0.25">
      <c r="A2361" s="1">
        <v>43654.208333333336</v>
      </c>
      <c r="B2361" s="2">
        <v>17.149999999999999</v>
      </c>
      <c r="C2361">
        <v>0</v>
      </c>
      <c r="D2361">
        <f t="shared" si="72"/>
        <v>0</v>
      </c>
      <c r="E2361" s="6">
        <f t="shared" si="73"/>
        <v>0</v>
      </c>
    </row>
    <row r="2362" spans="1:5" x14ac:dyDescent="0.25">
      <c r="A2362" s="1">
        <v>43654.25</v>
      </c>
      <c r="B2362" s="2">
        <v>17.95</v>
      </c>
      <c r="C2362">
        <v>0</v>
      </c>
      <c r="D2362">
        <f t="shared" si="72"/>
        <v>0</v>
      </c>
      <c r="E2362" s="6">
        <f t="shared" si="73"/>
        <v>0</v>
      </c>
    </row>
    <row r="2363" spans="1:5" x14ac:dyDescent="0.25">
      <c r="A2363" s="1">
        <v>43654.291666666664</v>
      </c>
      <c r="B2363" s="2">
        <v>19.63</v>
      </c>
      <c r="C2363">
        <v>0.56766399999999995</v>
      </c>
      <c r="D2363">
        <f t="shared" si="72"/>
        <v>5.6766399999999995E-4</v>
      </c>
      <c r="E2363" s="6">
        <f t="shared" si="73"/>
        <v>1.1143244319999999E-2</v>
      </c>
    </row>
    <row r="2364" spans="1:5" x14ac:dyDescent="0.25">
      <c r="A2364" s="1">
        <v>43654.333333333336</v>
      </c>
      <c r="B2364" s="2">
        <v>20.67</v>
      </c>
      <c r="C2364">
        <v>0.14522499999999999</v>
      </c>
      <c r="D2364">
        <f t="shared" si="72"/>
        <v>1.4522499999999999E-4</v>
      </c>
      <c r="E2364" s="6">
        <f t="shared" si="73"/>
        <v>3.0018007500000003E-3</v>
      </c>
    </row>
    <row r="2365" spans="1:5" x14ac:dyDescent="0.25">
      <c r="A2365" s="1">
        <v>43654.375</v>
      </c>
      <c r="B2365" s="2">
        <v>22.77</v>
      </c>
      <c r="C2365">
        <v>0.101938</v>
      </c>
      <c r="D2365">
        <f t="shared" si="72"/>
        <v>1.01938E-4</v>
      </c>
      <c r="E2365" s="6">
        <f t="shared" si="73"/>
        <v>2.3211282599999998E-3</v>
      </c>
    </row>
    <row r="2366" spans="1:5" x14ac:dyDescent="0.25">
      <c r="A2366" s="1">
        <v>43654.416666666664</v>
      </c>
      <c r="B2366" s="2">
        <v>24.66</v>
      </c>
      <c r="C2366">
        <v>3.2841799999999997</v>
      </c>
      <c r="D2366">
        <f t="shared" si="72"/>
        <v>3.2841799999999998E-3</v>
      </c>
      <c r="E2366" s="6">
        <f t="shared" si="73"/>
        <v>8.0987878799999996E-2</v>
      </c>
    </row>
    <row r="2367" spans="1:5" x14ac:dyDescent="0.25">
      <c r="A2367" s="1">
        <v>43654.458333333336</v>
      </c>
      <c r="B2367" s="2">
        <v>27.03</v>
      </c>
      <c r="C2367">
        <v>1.1063640000000001</v>
      </c>
      <c r="D2367">
        <f t="shared" si="72"/>
        <v>1.1063640000000001E-3</v>
      </c>
      <c r="E2367" s="6">
        <f t="shared" si="73"/>
        <v>2.9905018920000005E-2</v>
      </c>
    </row>
    <row r="2368" spans="1:5" x14ac:dyDescent="0.25">
      <c r="A2368" s="1">
        <v>43654.5</v>
      </c>
      <c r="B2368" s="2">
        <v>33.29</v>
      </c>
      <c r="C2368">
        <v>0.76326499999999997</v>
      </c>
      <c r="D2368">
        <f t="shared" si="72"/>
        <v>7.6326499999999995E-4</v>
      </c>
      <c r="E2368" s="6">
        <f t="shared" si="73"/>
        <v>2.5409091849999999E-2</v>
      </c>
    </row>
    <row r="2369" spans="1:5" x14ac:dyDescent="0.25">
      <c r="A2369" s="1">
        <v>43654.541666666664</v>
      </c>
      <c r="B2369" s="2">
        <v>36.119999999999997</v>
      </c>
      <c r="C2369">
        <v>3.4379710000000001</v>
      </c>
      <c r="D2369">
        <f t="shared" si="72"/>
        <v>3.4379710000000002E-3</v>
      </c>
      <c r="E2369" s="6">
        <f t="shared" si="73"/>
        <v>0.12417951251999999</v>
      </c>
    </row>
    <row r="2370" spans="1:5" x14ac:dyDescent="0.25">
      <c r="A2370" s="1">
        <v>43654.583333333336</v>
      </c>
      <c r="B2370" s="2">
        <v>35.69</v>
      </c>
      <c r="C2370">
        <v>3.7021660000000001</v>
      </c>
      <c r="D2370">
        <f t="shared" si="72"/>
        <v>3.7021660000000002E-3</v>
      </c>
      <c r="E2370" s="6">
        <f t="shared" si="73"/>
        <v>0.13213030453999999</v>
      </c>
    </row>
    <row r="2371" spans="1:5" x14ac:dyDescent="0.25">
      <c r="A2371" s="1">
        <v>43654.625</v>
      </c>
      <c r="B2371" s="2">
        <v>36.409999999999997</v>
      </c>
      <c r="C2371">
        <v>4.6833609999999997</v>
      </c>
      <c r="D2371">
        <f t="shared" si="72"/>
        <v>4.6833609999999996E-3</v>
      </c>
      <c r="E2371" s="6">
        <f t="shared" si="73"/>
        <v>0.17052117400999997</v>
      </c>
    </row>
    <row r="2372" spans="1:5" x14ac:dyDescent="0.25">
      <c r="A2372" s="1">
        <v>43654.666666666664</v>
      </c>
      <c r="B2372" s="2">
        <v>38.46</v>
      </c>
      <c r="C2372">
        <v>4.4698649999999995</v>
      </c>
      <c r="D2372">
        <f t="shared" si="72"/>
        <v>4.4698649999999999E-3</v>
      </c>
      <c r="E2372" s="6">
        <f t="shared" si="73"/>
        <v>0.1719110079</v>
      </c>
    </row>
    <row r="2373" spans="1:5" x14ac:dyDescent="0.25">
      <c r="A2373" s="1">
        <v>43654.708333333336</v>
      </c>
      <c r="B2373" s="2">
        <v>37.94</v>
      </c>
      <c r="C2373">
        <v>0.93185600000000002</v>
      </c>
      <c r="D2373">
        <f t="shared" si="72"/>
        <v>9.31856E-4</v>
      </c>
      <c r="E2373" s="6">
        <f t="shared" si="73"/>
        <v>3.5354616639999996E-2</v>
      </c>
    </row>
    <row r="2374" spans="1:5" x14ac:dyDescent="0.25">
      <c r="A2374" s="1">
        <v>43654.75</v>
      </c>
      <c r="B2374" s="2">
        <v>33.79</v>
      </c>
      <c r="C2374">
        <v>1.0799020000000001</v>
      </c>
      <c r="D2374">
        <f t="shared" ref="D2374:D2437" si="74">C2374/1000</f>
        <v>1.0799020000000002E-3</v>
      </c>
      <c r="E2374" s="6">
        <f t="shared" ref="E2374:E2437" si="75">D2374*B2374</f>
        <v>3.6489888580000004E-2</v>
      </c>
    </row>
    <row r="2375" spans="1:5" x14ac:dyDescent="0.25">
      <c r="A2375" s="1">
        <v>43654.791666666664</v>
      </c>
      <c r="B2375" s="2">
        <v>30.23</v>
      </c>
      <c r="C2375">
        <v>0.84926099999999993</v>
      </c>
      <c r="D2375">
        <f t="shared" si="74"/>
        <v>8.4926099999999992E-4</v>
      </c>
      <c r="E2375" s="6">
        <f t="shared" si="75"/>
        <v>2.5673160029999999E-2</v>
      </c>
    </row>
    <row r="2376" spans="1:5" x14ac:dyDescent="0.25">
      <c r="A2376" s="1">
        <v>43654.833333333336</v>
      </c>
      <c r="B2376" s="2">
        <v>27.07</v>
      </c>
      <c r="C2376">
        <v>0.107864</v>
      </c>
      <c r="D2376">
        <f t="shared" si="74"/>
        <v>1.07864E-4</v>
      </c>
      <c r="E2376" s="6">
        <f t="shared" si="75"/>
        <v>2.9198784800000001E-3</v>
      </c>
    </row>
    <row r="2377" spans="1:5" x14ac:dyDescent="0.25">
      <c r="A2377" s="1">
        <v>43654.875</v>
      </c>
      <c r="B2377" s="2">
        <v>24.75</v>
      </c>
      <c r="C2377">
        <v>0</v>
      </c>
      <c r="D2377">
        <f t="shared" si="74"/>
        <v>0</v>
      </c>
      <c r="E2377" s="6">
        <f t="shared" si="75"/>
        <v>0</v>
      </c>
    </row>
    <row r="2378" spans="1:5" x14ac:dyDescent="0.25">
      <c r="A2378" s="1">
        <v>43654.916666666664</v>
      </c>
      <c r="B2378" s="2">
        <v>22.39</v>
      </c>
      <c r="C2378">
        <v>0</v>
      </c>
      <c r="D2378">
        <f t="shared" si="74"/>
        <v>0</v>
      </c>
      <c r="E2378" s="6">
        <f t="shared" si="75"/>
        <v>0</v>
      </c>
    </row>
    <row r="2379" spans="1:5" x14ac:dyDescent="0.25">
      <c r="A2379" s="1">
        <v>43654.958333333336</v>
      </c>
      <c r="B2379" s="2">
        <v>19.899999999999999</v>
      </c>
      <c r="C2379">
        <v>0</v>
      </c>
      <c r="D2379">
        <f t="shared" si="74"/>
        <v>0</v>
      </c>
      <c r="E2379" s="6">
        <f t="shared" si="75"/>
        <v>0</v>
      </c>
    </row>
    <row r="2380" spans="1:5" x14ac:dyDescent="0.25">
      <c r="A2380" s="1">
        <v>43655</v>
      </c>
      <c r="B2380" s="2">
        <v>17.39</v>
      </c>
      <c r="C2380">
        <v>0</v>
      </c>
      <c r="D2380">
        <f t="shared" si="74"/>
        <v>0</v>
      </c>
      <c r="E2380" s="6">
        <f t="shared" si="75"/>
        <v>0</v>
      </c>
    </row>
    <row r="2381" spans="1:5" x14ac:dyDescent="0.25">
      <c r="A2381" s="1">
        <v>43655.041666666664</v>
      </c>
      <c r="B2381" s="2">
        <v>16.82</v>
      </c>
      <c r="C2381">
        <v>0</v>
      </c>
      <c r="D2381">
        <f t="shared" si="74"/>
        <v>0</v>
      </c>
      <c r="E2381" s="6">
        <f t="shared" si="75"/>
        <v>0</v>
      </c>
    </row>
    <row r="2382" spans="1:5" x14ac:dyDescent="0.25">
      <c r="A2382" s="1">
        <v>43655.083333333336</v>
      </c>
      <c r="B2382" s="2">
        <v>14.99</v>
      </c>
      <c r="C2382">
        <v>0</v>
      </c>
      <c r="D2382">
        <f t="shared" si="74"/>
        <v>0</v>
      </c>
      <c r="E2382" s="6">
        <f t="shared" si="75"/>
        <v>0</v>
      </c>
    </row>
    <row r="2383" spans="1:5" x14ac:dyDescent="0.25">
      <c r="A2383" s="1">
        <v>43655.125</v>
      </c>
      <c r="B2383" s="2">
        <v>14.21</v>
      </c>
      <c r="C2383">
        <v>0</v>
      </c>
      <c r="D2383">
        <f t="shared" si="74"/>
        <v>0</v>
      </c>
      <c r="E2383" s="6">
        <f t="shared" si="75"/>
        <v>0</v>
      </c>
    </row>
    <row r="2384" spans="1:5" x14ac:dyDescent="0.25">
      <c r="A2384" s="1">
        <v>43655.166666666664</v>
      </c>
      <c r="B2384" s="2">
        <v>14.52</v>
      </c>
      <c r="C2384">
        <v>0</v>
      </c>
      <c r="D2384">
        <f t="shared" si="74"/>
        <v>0</v>
      </c>
      <c r="E2384" s="6">
        <f t="shared" si="75"/>
        <v>0</v>
      </c>
    </row>
    <row r="2385" spans="1:5" x14ac:dyDescent="0.25">
      <c r="A2385" s="1">
        <v>43655.208333333336</v>
      </c>
      <c r="B2385" s="2">
        <v>15.7</v>
      </c>
      <c r="C2385">
        <v>0</v>
      </c>
      <c r="D2385">
        <f t="shared" si="74"/>
        <v>0</v>
      </c>
      <c r="E2385" s="6">
        <f t="shared" si="75"/>
        <v>0</v>
      </c>
    </row>
    <row r="2386" spans="1:5" x14ac:dyDescent="0.25">
      <c r="A2386" s="1">
        <v>43655.25</v>
      </c>
      <c r="B2386" s="2">
        <v>17.510000000000002</v>
      </c>
      <c r="C2386">
        <v>0</v>
      </c>
      <c r="D2386">
        <f t="shared" si="74"/>
        <v>0</v>
      </c>
      <c r="E2386" s="6">
        <f t="shared" si="75"/>
        <v>0</v>
      </c>
    </row>
    <row r="2387" spans="1:5" x14ac:dyDescent="0.25">
      <c r="A2387" s="1">
        <v>43655.291666666664</v>
      </c>
      <c r="B2387" s="2">
        <v>19.010000000000002</v>
      </c>
      <c r="C2387">
        <v>0.48716399999999999</v>
      </c>
      <c r="D2387">
        <f t="shared" si="74"/>
        <v>4.87164E-4</v>
      </c>
      <c r="E2387" s="6">
        <f t="shared" si="75"/>
        <v>9.260987640000001E-3</v>
      </c>
    </row>
    <row r="2388" spans="1:5" x14ac:dyDescent="0.25">
      <c r="A2388" s="1">
        <v>43655.333333333336</v>
      </c>
      <c r="B2388" s="2">
        <v>20.59</v>
      </c>
      <c r="C2388">
        <v>1.1658740000000001</v>
      </c>
      <c r="D2388">
        <f t="shared" si="74"/>
        <v>1.1658740000000001E-3</v>
      </c>
      <c r="E2388" s="6">
        <f t="shared" si="75"/>
        <v>2.4005345660000003E-2</v>
      </c>
    </row>
    <row r="2389" spans="1:5" x14ac:dyDescent="0.25">
      <c r="A2389" s="1">
        <v>43655.375</v>
      </c>
      <c r="B2389" s="2">
        <v>22.57</v>
      </c>
      <c r="C2389">
        <v>2.2491940000000001</v>
      </c>
      <c r="D2389">
        <f t="shared" si="74"/>
        <v>2.2491939999999999E-3</v>
      </c>
      <c r="E2389" s="6">
        <f t="shared" si="75"/>
        <v>5.076430858E-2</v>
      </c>
    </row>
    <row r="2390" spans="1:5" x14ac:dyDescent="0.25">
      <c r="A2390" s="1">
        <v>43655.416666666664</v>
      </c>
      <c r="B2390" s="2">
        <v>25.71</v>
      </c>
      <c r="C2390">
        <v>5.1971440000000007</v>
      </c>
      <c r="D2390">
        <f t="shared" si="74"/>
        <v>5.1971440000000008E-3</v>
      </c>
      <c r="E2390" s="6">
        <f t="shared" si="75"/>
        <v>0.13361857224000001</v>
      </c>
    </row>
    <row r="2391" spans="1:5" x14ac:dyDescent="0.25">
      <c r="A2391" s="1">
        <v>43655.458333333336</v>
      </c>
      <c r="B2391" s="2">
        <v>28.39</v>
      </c>
      <c r="C2391">
        <v>6.2149530000000004</v>
      </c>
      <c r="D2391">
        <f t="shared" si="74"/>
        <v>6.2149530000000005E-3</v>
      </c>
      <c r="E2391" s="6">
        <f t="shared" si="75"/>
        <v>0.17644251567000002</v>
      </c>
    </row>
    <row r="2392" spans="1:5" x14ac:dyDescent="0.25">
      <c r="A2392" s="1">
        <v>43655.5</v>
      </c>
      <c r="B2392" s="2">
        <v>34.29</v>
      </c>
      <c r="C2392">
        <v>6.8243270000000003</v>
      </c>
      <c r="D2392">
        <f t="shared" si="74"/>
        <v>6.8243269999999998E-3</v>
      </c>
      <c r="E2392" s="6">
        <f t="shared" si="75"/>
        <v>0.23400617283</v>
      </c>
    </row>
    <row r="2393" spans="1:5" x14ac:dyDescent="0.25">
      <c r="A2393" s="1">
        <v>43655.541666666664</v>
      </c>
      <c r="B2393" s="2">
        <v>38.33</v>
      </c>
      <c r="C2393">
        <v>7.0344799999999994</v>
      </c>
      <c r="D2393">
        <f t="shared" si="74"/>
        <v>7.0344799999999992E-3</v>
      </c>
      <c r="E2393" s="6">
        <f t="shared" si="75"/>
        <v>0.26963161839999994</v>
      </c>
    </row>
    <row r="2394" spans="1:5" x14ac:dyDescent="0.25">
      <c r="A2394" s="1">
        <v>43655.583333333336</v>
      </c>
      <c r="B2394" s="2">
        <v>41.19</v>
      </c>
      <c r="C2394">
        <v>6.8994080000000002</v>
      </c>
      <c r="D2394">
        <f t="shared" si="74"/>
        <v>6.8994080000000001E-3</v>
      </c>
      <c r="E2394" s="6">
        <f t="shared" si="75"/>
        <v>0.28418661551999996</v>
      </c>
    </row>
    <row r="2395" spans="1:5" x14ac:dyDescent="0.25">
      <c r="A2395" s="1">
        <v>43655.625</v>
      </c>
      <c r="B2395" s="2">
        <v>48.82</v>
      </c>
      <c r="C2395">
        <v>6.3626839999999998</v>
      </c>
      <c r="D2395">
        <f t="shared" si="74"/>
        <v>6.3626839999999995E-3</v>
      </c>
      <c r="E2395" s="6">
        <f t="shared" si="75"/>
        <v>0.31062623287999996</v>
      </c>
    </row>
    <row r="2396" spans="1:5" x14ac:dyDescent="0.25">
      <c r="A2396" s="1">
        <v>43655.666666666664</v>
      </c>
      <c r="B2396" s="2">
        <v>55.59</v>
      </c>
      <c r="C2396">
        <v>3.0332699999999999</v>
      </c>
      <c r="D2396">
        <f t="shared" si="74"/>
        <v>3.0332699999999998E-3</v>
      </c>
      <c r="E2396" s="6">
        <f t="shared" si="75"/>
        <v>0.16861947929999999</v>
      </c>
    </row>
    <row r="2397" spans="1:5" x14ac:dyDescent="0.25">
      <c r="A2397" s="1">
        <v>43655.708333333336</v>
      </c>
      <c r="B2397" s="2">
        <v>58.4</v>
      </c>
      <c r="C2397">
        <v>1.7316530000000001</v>
      </c>
      <c r="D2397">
        <f t="shared" si="74"/>
        <v>1.7316530000000001E-3</v>
      </c>
      <c r="E2397" s="6">
        <f t="shared" si="75"/>
        <v>0.10112853520000001</v>
      </c>
    </row>
    <row r="2398" spans="1:5" x14ac:dyDescent="0.25">
      <c r="A2398" s="1">
        <v>43655.75</v>
      </c>
      <c r="B2398" s="2">
        <v>44.04</v>
      </c>
      <c r="C2398">
        <v>2.45601</v>
      </c>
      <c r="D2398">
        <f t="shared" si="74"/>
        <v>2.4560100000000002E-3</v>
      </c>
      <c r="E2398" s="6">
        <f t="shared" si="75"/>
        <v>0.1081626804</v>
      </c>
    </row>
    <row r="2399" spans="1:5" x14ac:dyDescent="0.25">
      <c r="A2399" s="1">
        <v>43655.791666666664</v>
      </c>
      <c r="B2399" s="2">
        <v>36.67</v>
      </c>
      <c r="C2399">
        <v>0.86102800000000002</v>
      </c>
      <c r="D2399">
        <f t="shared" si="74"/>
        <v>8.6102800000000001E-4</v>
      </c>
      <c r="E2399" s="6">
        <f t="shared" si="75"/>
        <v>3.1573896760000005E-2</v>
      </c>
    </row>
    <row r="2400" spans="1:5" x14ac:dyDescent="0.25">
      <c r="A2400" s="1">
        <v>43655.833333333336</v>
      </c>
      <c r="B2400" s="2">
        <v>35.46</v>
      </c>
      <c r="C2400">
        <v>0.12096999999999999</v>
      </c>
      <c r="D2400">
        <f t="shared" si="74"/>
        <v>1.2096999999999999E-4</v>
      </c>
      <c r="E2400" s="6">
        <f t="shared" si="75"/>
        <v>4.2895961999999998E-3</v>
      </c>
    </row>
    <row r="2401" spans="1:5" x14ac:dyDescent="0.25">
      <c r="A2401" s="1">
        <v>43655.875</v>
      </c>
      <c r="B2401" s="2">
        <v>30.39</v>
      </c>
      <c r="C2401">
        <v>0</v>
      </c>
      <c r="D2401">
        <f t="shared" si="74"/>
        <v>0</v>
      </c>
      <c r="E2401" s="6">
        <f t="shared" si="75"/>
        <v>0</v>
      </c>
    </row>
    <row r="2402" spans="1:5" x14ac:dyDescent="0.25">
      <c r="A2402" s="1">
        <v>43655.916666666664</v>
      </c>
      <c r="B2402" s="2">
        <v>24.99</v>
      </c>
      <c r="C2402">
        <v>0</v>
      </c>
      <c r="D2402">
        <f t="shared" si="74"/>
        <v>0</v>
      </c>
      <c r="E2402" s="6">
        <f t="shared" si="75"/>
        <v>0</v>
      </c>
    </row>
    <row r="2403" spans="1:5" x14ac:dyDescent="0.25">
      <c r="A2403" s="1">
        <v>43655.958333333336</v>
      </c>
      <c r="B2403" s="2">
        <v>22.2</v>
      </c>
      <c r="C2403">
        <v>0</v>
      </c>
      <c r="D2403">
        <f t="shared" si="74"/>
        <v>0</v>
      </c>
      <c r="E2403" s="6">
        <f t="shared" si="75"/>
        <v>0</v>
      </c>
    </row>
    <row r="2404" spans="1:5" x14ac:dyDescent="0.25">
      <c r="A2404" s="1">
        <v>43656</v>
      </c>
      <c r="B2404" s="2">
        <v>20.09</v>
      </c>
      <c r="C2404">
        <v>0</v>
      </c>
      <c r="D2404">
        <f t="shared" si="74"/>
        <v>0</v>
      </c>
      <c r="E2404" s="6">
        <f t="shared" si="75"/>
        <v>0</v>
      </c>
    </row>
    <row r="2405" spans="1:5" x14ac:dyDescent="0.25">
      <c r="A2405" s="1">
        <v>43656.041666666664</v>
      </c>
      <c r="B2405" s="2">
        <v>19.170000000000002</v>
      </c>
      <c r="C2405">
        <v>0</v>
      </c>
      <c r="D2405">
        <f t="shared" si="74"/>
        <v>0</v>
      </c>
      <c r="E2405" s="6">
        <f t="shared" si="75"/>
        <v>0</v>
      </c>
    </row>
    <row r="2406" spans="1:5" x14ac:dyDescent="0.25">
      <c r="A2406" s="1">
        <v>43656.083333333336</v>
      </c>
      <c r="B2406" s="2">
        <v>18.14</v>
      </c>
      <c r="C2406">
        <v>0</v>
      </c>
      <c r="D2406">
        <f t="shared" si="74"/>
        <v>0</v>
      </c>
      <c r="E2406" s="6">
        <f t="shared" si="75"/>
        <v>0</v>
      </c>
    </row>
    <row r="2407" spans="1:5" x14ac:dyDescent="0.25">
      <c r="A2407" s="1">
        <v>43656.125</v>
      </c>
      <c r="B2407" s="2">
        <v>16.399999999999999</v>
      </c>
      <c r="C2407">
        <v>0</v>
      </c>
      <c r="D2407">
        <f t="shared" si="74"/>
        <v>0</v>
      </c>
      <c r="E2407" s="6">
        <f t="shared" si="75"/>
        <v>0</v>
      </c>
    </row>
    <row r="2408" spans="1:5" x14ac:dyDescent="0.25">
      <c r="A2408" s="1">
        <v>43656.166666666664</v>
      </c>
      <c r="B2408" s="2">
        <v>16.579999999999998</v>
      </c>
      <c r="C2408">
        <v>0</v>
      </c>
      <c r="D2408">
        <f t="shared" si="74"/>
        <v>0</v>
      </c>
      <c r="E2408" s="6">
        <f t="shared" si="75"/>
        <v>0</v>
      </c>
    </row>
    <row r="2409" spans="1:5" x14ac:dyDescent="0.25">
      <c r="A2409" s="1">
        <v>43656.208333333336</v>
      </c>
      <c r="B2409" s="2">
        <v>18.649999999999999</v>
      </c>
      <c r="C2409">
        <v>0</v>
      </c>
      <c r="D2409">
        <f t="shared" si="74"/>
        <v>0</v>
      </c>
      <c r="E2409" s="6">
        <f t="shared" si="75"/>
        <v>0</v>
      </c>
    </row>
    <row r="2410" spans="1:5" x14ac:dyDescent="0.25">
      <c r="A2410" s="1">
        <v>43656.25</v>
      </c>
      <c r="B2410" s="2">
        <v>19.559999999999999</v>
      </c>
      <c r="C2410">
        <v>0</v>
      </c>
      <c r="D2410">
        <f t="shared" si="74"/>
        <v>0</v>
      </c>
      <c r="E2410" s="6">
        <f t="shared" si="75"/>
        <v>0</v>
      </c>
    </row>
    <row r="2411" spans="1:5" x14ac:dyDescent="0.25">
      <c r="A2411" s="1">
        <v>43656.291666666664</v>
      </c>
      <c r="B2411" s="2">
        <v>21.21</v>
      </c>
      <c r="C2411">
        <v>0.52469399999999999</v>
      </c>
      <c r="D2411">
        <f t="shared" si="74"/>
        <v>5.2469400000000003E-4</v>
      </c>
      <c r="E2411" s="6">
        <f t="shared" si="75"/>
        <v>1.1128759740000001E-2</v>
      </c>
    </row>
    <row r="2412" spans="1:5" x14ac:dyDescent="0.25">
      <c r="A2412" s="1">
        <v>43656.333333333336</v>
      </c>
      <c r="B2412" s="2">
        <v>22.54</v>
      </c>
      <c r="C2412">
        <v>2.0745580000000001</v>
      </c>
      <c r="D2412">
        <f t="shared" si="74"/>
        <v>2.0745580000000002E-3</v>
      </c>
      <c r="E2412" s="6">
        <f t="shared" si="75"/>
        <v>4.6760537320000004E-2</v>
      </c>
    </row>
    <row r="2413" spans="1:5" x14ac:dyDescent="0.25">
      <c r="A2413" s="1">
        <v>43656.375</v>
      </c>
      <c r="B2413" s="2">
        <v>25.7</v>
      </c>
      <c r="C2413">
        <v>3.874247</v>
      </c>
      <c r="D2413">
        <f t="shared" si="74"/>
        <v>3.8742469999999999E-3</v>
      </c>
      <c r="E2413" s="6">
        <f t="shared" si="75"/>
        <v>9.9568147900000001E-2</v>
      </c>
    </row>
    <row r="2414" spans="1:5" x14ac:dyDescent="0.25">
      <c r="A2414" s="1">
        <v>43656.416666666664</v>
      </c>
      <c r="B2414" s="2">
        <v>29.32</v>
      </c>
      <c r="C2414">
        <v>5.3525029999999996</v>
      </c>
      <c r="D2414">
        <f t="shared" si="74"/>
        <v>5.3525029999999998E-3</v>
      </c>
      <c r="E2414" s="6">
        <f t="shared" si="75"/>
        <v>0.15693538796000001</v>
      </c>
    </row>
    <row r="2415" spans="1:5" x14ac:dyDescent="0.25">
      <c r="A2415" s="1">
        <v>43656.458333333336</v>
      </c>
      <c r="B2415" s="2">
        <v>33.93</v>
      </c>
      <c r="C2415">
        <v>6.3535379999999995</v>
      </c>
      <c r="D2415">
        <f t="shared" si="74"/>
        <v>6.3535379999999997E-3</v>
      </c>
      <c r="E2415" s="6">
        <f t="shared" si="75"/>
        <v>0.21557554433999998</v>
      </c>
    </row>
    <row r="2416" spans="1:5" x14ac:dyDescent="0.25">
      <c r="A2416" s="1">
        <v>43656.5</v>
      </c>
      <c r="B2416" s="2">
        <v>36.24</v>
      </c>
      <c r="C2416">
        <v>6.9695270000000002</v>
      </c>
      <c r="D2416">
        <f t="shared" si="74"/>
        <v>6.9695270000000005E-3</v>
      </c>
      <c r="E2416" s="6">
        <f t="shared" si="75"/>
        <v>0.25257565848000002</v>
      </c>
    </row>
    <row r="2417" spans="1:5" x14ac:dyDescent="0.25">
      <c r="A2417" s="1">
        <v>43656.541666666664</v>
      </c>
      <c r="B2417" s="2">
        <v>44.37</v>
      </c>
      <c r="C2417">
        <v>7.1669979999999995</v>
      </c>
      <c r="D2417">
        <f t="shared" si="74"/>
        <v>7.1669979999999999E-3</v>
      </c>
      <c r="E2417" s="6">
        <f t="shared" si="75"/>
        <v>0.31799970125999999</v>
      </c>
    </row>
    <row r="2418" spans="1:5" x14ac:dyDescent="0.25">
      <c r="A2418" s="1">
        <v>43656.583333333336</v>
      </c>
      <c r="B2418" s="2">
        <v>53.73</v>
      </c>
      <c r="C2418">
        <v>3.7007590000000001</v>
      </c>
      <c r="D2418">
        <f t="shared" si="74"/>
        <v>3.7007590000000001E-3</v>
      </c>
      <c r="E2418" s="6">
        <f t="shared" si="75"/>
        <v>0.19884178107</v>
      </c>
    </row>
    <row r="2419" spans="1:5" x14ac:dyDescent="0.25">
      <c r="A2419" s="1">
        <v>43656.625</v>
      </c>
      <c r="B2419" s="2">
        <v>60</v>
      </c>
      <c r="C2419">
        <v>3.7470129999999999</v>
      </c>
      <c r="D2419">
        <f t="shared" si="74"/>
        <v>3.747013E-3</v>
      </c>
      <c r="E2419" s="6">
        <f t="shared" si="75"/>
        <v>0.22482078</v>
      </c>
    </row>
    <row r="2420" spans="1:5" x14ac:dyDescent="0.25">
      <c r="A2420" s="1">
        <v>43656.666666666664</v>
      </c>
      <c r="B2420" s="2">
        <v>65.8</v>
      </c>
      <c r="C2420">
        <v>5.5985370000000003</v>
      </c>
      <c r="D2420">
        <f t="shared" si="74"/>
        <v>5.5985370000000007E-3</v>
      </c>
      <c r="E2420" s="6">
        <f t="shared" si="75"/>
        <v>0.36838373460000001</v>
      </c>
    </row>
    <row r="2421" spans="1:5" x14ac:dyDescent="0.25">
      <c r="A2421" s="1">
        <v>43656.708333333336</v>
      </c>
      <c r="B2421" s="2">
        <v>68.08</v>
      </c>
      <c r="C2421">
        <v>3.2081590000000002</v>
      </c>
      <c r="D2421">
        <f t="shared" si="74"/>
        <v>3.2081590000000004E-3</v>
      </c>
      <c r="E2421" s="6">
        <f t="shared" si="75"/>
        <v>0.21841146472000003</v>
      </c>
    </row>
    <row r="2422" spans="1:5" x14ac:dyDescent="0.25">
      <c r="A2422" s="1">
        <v>43656.75</v>
      </c>
      <c r="B2422" s="2">
        <v>50.62</v>
      </c>
      <c r="C2422">
        <v>2.5121199999999999</v>
      </c>
      <c r="D2422">
        <f t="shared" si="74"/>
        <v>2.5121200000000001E-3</v>
      </c>
      <c r="E2422" s="6">
        <f t="shared" si="75"/>
        <v>0.12716351440000001</v>
      </c>
    </row>
    <row r="2423" spans="1:5" x14ac:dyDescent="0.25">
      <c r="A2423" s="1">
        <v>43656.791666666664</v>
      </c>
      <c r="B2423" s="2">
        <v>40.98</v>
      </c>
      <c r="C2423">
        <v>0.80401400000000001</v>
      </c>
      <c r="D2423">
        <f t="shared" si="74"/>
        <v>8.0401400000000003E-4</v>
      </c>
      <c r="E2423" s="6">
        <f t="shared" si="75"/>
        <v>3.2948493719999999E-2</v>
      </c>
    </row>
    <row r="2424" spans="1:5" x14ac:dyDescent="0.25">
      <c r="A2424" s="1">
        <v>43656.833333333336</v>
      </c>
      <c r="B2424" s="2">
        <v>36.93</v>
      </c>
      <c r="C2424">
        <v>0.10973000000000001</v>
      </c>
      <c r="D2424">
        <f t="shared" si="74"/>
        <v>1.0973000000000001E-4</v>
      </c>
      <c r="E2424" s="6">
        <f t="shared" si="75"/>
        <v>4.0523288999999999E-3</v>
      </c>
    </row>
    <row r="2425" spans="1:5" x14ac:dyDescent="0.25">
      <c r="A2425" s="1">
        <v>43656.875</v>
      </c>
      <c r="B2425" s="2">
        <v>32.61</v>
      </c>
      <c r="C2425">
        <v>0</v>
      </c>
      <c r="D2425">
        <f t="shared" si="74"/>
        <v>0</v>
      </c>
      <c r="E2425" s="6">
        <f t="shared" si="75"/>
        <v>0</v>
      </c>
    </row>
    <row r="2426" spans="1:5" x14ac:dyDescent="0.25">
      <c r="A2426" s="1">
        <v>43656.916666666664</v>
      </c>
      <c r="B2426" s="2">
        <v>25.9</v>
      </c>
      <c r="C2426">
        <v>0</v>
      </c>
      <c r="D2426">
        <f t="shared" si="74"/>
        <v>0</v>
      </c>
      <c r="E2426" s="6">
        <f t="shared" si="75"/>
        <v>0</v>
      </c>
    </row>
    <row r="2427" spans="1:5" x14ac:dyDescent="0.25">
      <c r="A2427" s="1">
        <v>43656.958333333336</v>
      </c>
      <c r="B2427" s="2">
        <v>23.44</v>
      </c>
      <c r="C2427">
        <v>0</v>
      </c>
      <c r="D2427">
        <f t="shared" si="74"/>
        <v>0</v>
      </c>
      <c r="E2427" s="6">
        <f t="shared" si="75"/>
        <v>0</v>
      </c>
    </row>
    <row r="2428" spans="1:5" x14ac:dyDescent="0.25">
      <c r="A2428" s="1">
        <v>43657</v>
      </c>
      <c r="B2428" s="2">
        <v>22.15</v>
      </c>
      <c r="C2428">
        <v>0</v>
      </c>
      <c r="D2428">
        <f t="shared" si="74"/>
        <v>0</v>
      </c>
      <c r="E2428" s="6">
        <f t="shared" si="75"/>
        <v>0</v>
      </c>
    </row>
    <row r="2429" spans="1:5" x14ac:dyDescent="0.25">
      <c r="A2429" s="1">
        <v>43657.041666666664</v>
      </c>
      <c r="B2429" s="2">
        <v>20.63</v>
      </c>
      <c r="C2429">
        <v>0</v>
      </c>
      <c r="D2429">
        <f t="shared" si="74"/>
        <v>0</v>
      </c>
      <c r="E2429" s="6">
        <f t="shared" si="75"/>
        <v>0</v>
      </c>
    </row>
    <row r="2430" spans="1:5" x14ac:dyDescent="0.25">
      <c r="A2430" s="1">
        <v>43657.083333333336</v>
      </c>
      <c r="B2430" s="2">
        <v>19.899999999999999</v>
      </c>
      <c r="C2430">
        <v>0</v>
      </c>
      <c r="D2430">
        <f t="shared" si="74"/>
        <v>0</v>
      </c>
      <c r="E2430" s="6">
        <f t="shared" si="75"/>
        <v>0</v>
      </c>
    </row>
    <row r="2431" spans="1:5" x14ac:dyDescent="0.25">
      <c r="A2431" s="1">
        <v>43657.125</v>
      </c>
      <c r="B2431" s="2">
        <v>19.32</v>
      </c>
      <c r="C2431">
        <v>0</v>
      </c>
      <c r="D2431">
        <f t="shared" si="74"/>
        <v>0</v>
      </c>
      <c r="E2431" s="6">
        <f t="shared" si="75"/>
        <v>0</v>
      </c>
    </row>
    <row r="2432" spans="1:5" x14ac:dyDescent="0.25">
      <c r="A2432" s="1">
        <v>43657.166666666664</v>
      </c>
      <c r="B2432" s="2">
        <v>19.25</v>
      </c>
      <c r="C2432">
        <v>0</v>
      </c>
      <c r="D2432">
        <f t="shared" si="74"/>
        <v>0</v>
      </c>
      <c r="E2432" s="6">
        <f t="shared" si="75"/>
        <v>0</v>
      </c>
    </row>
    <row r="2433" spans="1:5" x14ac:dyDescent="0.25">
      <c r="A2433" s="1">
        <v>43657.208333333336</v>
      </c>
      <c r="B2433" s="2">
        <v>19.940000000000001</v>
      </c>
      <c r="C2433">
        <v>0</v>
      </c>
      <c r="D2433">
        <f t="shared" si="74"/>
        <v>0</v>
      </c>
      <c r="E2433" s="6">
        <f t="shared" si="75"/>
        <v>0</v>
      </c>
    </row>
    <row r="2434" spans="1:5" x14ac:dyDescent="0.25">
      <c r="A2434" s="1">
        <v>43657.25</v>
      </c>
      <c r="B2434" s="2">
        <v>21.63</v>
      </c>
      <c r="C2434">
        <v>0</v>
      </c>
      <c r="D2434">
        <f t="shared" si="74"/>
        <v>0</v>
      </c>
      <c r="E2434" s="6">
        <f t="shared" si="75"/>
        <v>0</v>
      </c>
    </row>
    <row r="2435" spans="1:5" x14ac:dyDescent="0.25">
      <c r="A2435" s="1">
        <v>43657.291666666664</v>
      </c>
      <c r="B2435" s="2">
        <v>22.81</v>
      </c>
      <c r="C2435">
        <v>0.60196500000000008</v>
      </c>
      <c r="D2435">
        <f t="shared" si="74"/>
        <v>6.019650000000001E-4</v>
      </c>
      <c r="E2435" s="6">
        <f t="shared" si="75"/>
        <v>1.3730821650000001E-2</v>
      </c>
    </row>
    <row r="2436" spans="1:5" x14ac:dyDescent="0.25">
      <c r="A2436" s="1">
        <v>43657.333333333336</v>
      </c>
      <c r="B2436" s="2">
        <v>25.1</v>
      </c>
      <c r="C2436">
        <v>2.1023960000000002</v>
      </c>
      <c r="D2436">
        <f t="shared" si="74"/>
        <v>2.1023960000000003E-3</v>
      </c>
      <c r="E2436" s="6">
        <f t="shared" si="75"/>
        <v>5.2770139600000009E-2</v>
      </c>
    </row>
    <row r="2437" spans="1:5" x14ac:dyDescent="0.25">
      <c r="A2437" s="1">
        <v>43657.375</v>
      </c>
      <c r="B2437" s="2">
        <v>29.91</v>
      </c>
      <c r="C2437">
        <v>3.8490219999999997</v>
      </c>
      <c r="D2437">
        <f t="shared" si="74"/>
        <v>3.8490219999999997E-3</v>
      </c>
      <c r="E2437" s="6">
        <f t="shared" si="75"/>
        <v>0.11512424801999999</v>
      </c>
    </row>
    <row r="2438" spans="1:5" x14ac:dyDescent="0.25">
      <c r="A2438" s="1">
        <v>43657.416666666664</v>
      </c>
      <c r="B2438" s="2">
        <v>35.1</v>
      </c>
      <c r="C2438">
        <v>5.3309560000000005</v>
      </c>
      <c r="D2438">
        <f t="shared" ref="D2438:D2501" si="76">C2438/1000</f>
        <v>5.3309560000000004E-3</v>
      </c>
      <c r="E2438" s="6">
        <f t="shared" ref="E2438:E2501" si="77">D2438*B2438</f>
        <v>0.18711655560000001</v>
      </c>
    </row>
    <row r="2439" spans="1:5" x14ac:dyDescent="0.25">
      <c r="A2439" s="1">
        <v>43657.458333333336</v>
      </c>
      <c r="B2439" s="2">
        <v>40.28</v>
      </c>
      <c r="C2439">
        <v>6.3896839999999999</v>
      </c>
      <c r="D2439">
        <f t="shared" si="76"/>
        <v>6.3896839999999996E-3</v>
      </c>
      <c r="E2439" s="6">
        <f t="shared" si="77"/>
        <v>0.25737647151999998</v>
      </c>
    </row>
    <row r="2440" spans="1:5" x14ac:dyDescent="0.25">
      <c r="A2440" s="1">
        <v>43657.5</v>
      </c>
      <c r="B2440" s="2">
        <v>43.14</v>
      </c>
      <c r="C2440">
        <v>7.0366310000000007</v>
      </c>
      <c r="D2440">
        <f t="shared" si="76"/>
        <v>7.0366310000000007E-3</v>
      </c>
      <c r="E2440" s="6">
        <f t="shared" si="77"/>
        <v>0.30356026134000003</v>
      </c>
    </row>
    <row r="2441" spans="1:5" x14ac:dyDescent="0.25">
      <c r="A2441" s="1">
        <v>43657.541666666664</v>
      </c>
      <c r="B2441" s="2">
        <v>47.31</v>
      </c>
      <c r="C2441">
        <v>7.2627759999999997</v>
      </c>
      <c r="D2441">
        <f t="shared" si="76"/>
        <v>7.2627759999999994E-3</v>
      </c>
      <c r="E2441" s="6">
        <f t="shared" si="77"/>
        <v>0.34360193255999999</v>
      </c>
    </row>
    <row r="2442" spans="1:5" x14ac:dyDescent="0.25">
      <c r="A2442" s="1">
        <v>43657.583333333336</v>
      </c>
      <c r="B2442" s="2">
        <v>55.31</v>
      </c>
      <c r="C2442">
        <v>7.1191880000000003</v>
      </c>
      <c r="D2442">
        <f t="shared" si="76"/>
        <v>7.1191880000000003E-3</v>
      </c>
      <c r="E2442" s="6">
        <f t="shared" si="77"/>
        <v>0.39376228828000004</v>
      </c>
    </row>
    <row r="2443" spans="1:5" x14ac:dyDescent="0.25">
      <c r="A2443" s="1">
        <v>43657.625</v>
      </c>
      <c r="B2443" s="2">
        <v>56</v>
      </c>
      <c r="C2443">
        <v>6.6006930000000006</v>
      </c>
      <c r="D2443">
        <f t="shared" si="76"/>
        <v>6.6006930000000004E-3</v>
      </c>
      <c r="E2443" s="6">
        <f t="shared" si="77"/>
        <v>0.36963880800000004</v>
      </c>
    </row>
    <row r="2444" spans="1:5" x14ac:dyDescent="0.25">
      <c r="A2444" s="1">
        <v>43657.666666666664</v>
      </c>
      <c r="B2444" s="2">
        <v>59.57</v>
      </c>
      <c r="C2444">
        <v>5.6655829999999998</v>
      </c>
      <c r="D2444">
        <f t="shared" si="76"/>
        <v>5.6655830000000001E-3</v>
      </c>
      <c r="E2444" s="6">
        <f t="shared" si="77"/>
        <v>0.33749877931</v>
      </c>
    </row>
    <row r="2445" spans="1:5" x14ac:dyDescent="0.25">
      <c r="A2445" s="1">
        <v>43657.708333333336</v>
      </c>
      <c r="B2445" s="2">
        <v>55.75</v>
      </c>
      <c r="C2445">
        <v>4.3074680000000001</v>
      </c>
      <c r="D2445">
        <f t="shared" si="76"/>
        <v>4.3074680000000001E-3</v>
      </c>
      <c r="E2445" s="6">
        <f t="shared" si="77"/>
        <v>0.24014134100000001</v>
      </c>
    </row>
    <row r="2446" spans="1:5" x14ac:dyDescent="0.25">
      <c r="A2446" s="1">
        <v>43657.75</v>
      </c>
      <c r="B2446" s="2">
        <v>40.21</v>
      </c>
      <c r="C2446">
        <v>2.5774470000000003</v>
      </c>
      <c r="D2446">
        <f t="shared" si="76"/>
        <v>2.5774470000000001E-3</v>
      </c>
      <c r="E2446" s="6">
        <f t="shared" si="77"/>
        <v>0.10363914387000001</v>
      </c>
    </row>
    <row r="2447" spans="1:5" x14ac:dyDescent="0.25">
      <c r="A2447" s="1">
        <v>43657.791666666664</v>
      </c>
      <c r="B2447" s="2">
        <v>35.299999999999997</v>
      </c>
      <c r="C2447">
        <v>0.86044299999999996</v>
      </c>
      <c r="D2447">
        <f t="shared" si="76"/>
        <v>8.6044299999999991E-4</v>
      </c>
      <c r="E2447" s="6">
        <f t="shared" si="77"/>
        <v>3.0373637899999993E-2</v>
      </c>
    </row>
    <row r="2448" spans="1:5" x14ac:dyDescent="0.25">
      <c r="A2448" s="1">
        <v>43657.833333333336</v>
      </c>
      <c r="B2448" s="2">
        <v>31.76</v>
      </c>
      <c r="C2448">
        <v>0.103059</v>
      </c>
      <c r="D2448">
        <f t="shared" si="76"/>
        <v>1.03059E-4</v>
      </c>
      <c r="E2448" s="6">
        <f t="shared" si="77"/>
        <v>3.2731538400000001E-3</v>
      </c>
    </row>
    <row r="2449" spans="1:5" x14ac:dyDescent="0.25">
      <c r="A2449" s="1">
        <v>43657.875</v>
      </c>
      <c r="B2449" s="2">
        <v>28.73</v>
      </c>
      <c r="C2449">
        <v>0</v>
      </c>
      <c r="D2449">
        <f t="shared" si="76"/>
        <v>0</v>
      </c>
      <c r="E2449" s="6">
        <f t="shared" si="77"/>
        <v>0</v>
      </c>
    </row>
    <row r="2450" spans="1:5" x14ac:dyDescent="0.25">
      <c r="A2450" s="1">
        <v>43657.916666666664</v>
      </c>
      <c r="B2450" s="2">
        <v>25.38</v>
      </c>
      <c r="C2450">
        <v>0</v>
      </c>
      <c r="D2450">
        <f t="shared" si="76"/>
        <v>0</v>
      </c>
      <c r="E2450" s="6">
        <f t="shared" si="77"/>
        <v>0</v>
      </c>
    </row>
    <row r="2451" spans="1:5" x14ac:dyDescent="0.25">
      <c r="A2451" s="1">
        <v>43657.958333333336</v>
      </c>
      <c r="B2451" s="2">
        <v>23.27</v>
      </c>
      <c r="C2451">
        <v>0</v>
      </c>
      <c r="D2451">
        <f t="shared" si="76"/>
        <v>0</v>
      </c>
      <c r="E2451" s="6">
        <f t="shared" si="77"/>
        <v>0</v>
      </c>
    </row>
    <row r="2452" spans="1:5" x14ac:dyDescent="0.25">
      <c r="A2452" s="1">
        <v>43658</v>
      </c>
      <c r="B2452" s="2">
        <v>21.48</v>
      </c>
      <c r="C2452">
        <v>0</v>
      </c>
      <c r="D2452">
        <f t="shared" si="76"/>
        <v>0</v>
      </c>
      <c r="E2452" s="6">
        <f t="shared" si="77"/>
        <v>0</v>
      </c>
    </row>
    <row r="2453" spans="1:5" x14ac:dyDescent="0.25">
      <c r="A2453" s="1">
        <v>43658.041666666664</v>
      </c>
      <c r="B2453" s="2">
        <v>20.12</v>
      </c>
      <c r="C2453">
        <v>0</v>
      </c>
      <c r="D2453">
        <f t="shared" si="76"/>
        <v>0</v>
      </c>
      <c r="E2453" s="6">
        <f t="shared" si="77"/>
        <v>0</v>
      </c>
    </row>
    <row r="2454" spans="1:5" x14ac:dyDescent="0.25">
      <c r="A2454" s="1">
        <v>43658.083333333336</v>
      </c>
      <c r="B2454" s="2">
        <v>19.41</v>
      </c>
      <c r="C2454">
        <v>0</v>
      </c>
      <c r="D2454">
        <f t="shared" si="76"/>
        <v>0</v>
      </c>
      <c r="E2454" s="6">
        <f t="shared" si="77"/>
        <v>0</v>
      </c>
    </row>
    <row r="2455" spans="1:5" x14ac:dyDescent="0.25">
      <c r="A2455" s="1">
        <v>43658.125</v>
      </c>
      <c r="B2455" s="2">
        <v>18.579999999999998</v>
      </c>
      <c r="C2455">
        <v>0</v>
      </c>
      <c r="D2455">
        <f t="shared" si="76"/>
        <v>0</v>
      </c>
      <c r="E2455" s="6">
        <f t="shared" si="77"/>
        <v>0</v>
      </c>
    </row>
    <row r="2456" spans="1:5" x14ac:dyDescent="0.25">
      <c r="A2456" s="1">
        <v>43658.166666666664</v>
      </c>
      <c r="B2456" s="2">
        <v>18.809999999999999</v>
      </c>
      <c r="C2456">
        <v>0</v>
      </c>
      <c r="D2456">
        <f t="shared" si="76"/>
        <v>0</v>
      </c>
      <c r="E2456" s="6">
        <f t="shared" si="77"/>
        <v>0</v>
      </c>
    </row>
    <row r="2457" spans="1:5" x14ac:dyDescent="0.25">
      <c r="A2457" s="1">
        <v>43658.208333333336</v>
      </c>
      <c r="B2457" s="2">
        <v>19.5</v>
      </c>
      <c r="C2457">
        <v>0</v>
      </c>
      <c r="D2457">
        <f t="shared" si="76"/>
        <v>0</v>
      </c>
      <c r="E2457" s="6">
        <f t="shared" si="77"/>
        <v>0</v>
      </c>
    </row>
    <row r="2458" spans="1:5" x14ac:dyDescent="0.25">
      <c r="A2458" s="1">
        <v>43658.25</v>
      </c>
      <c r="B2458" s="2">
        <v>20.92</v>
      </c>
      <c r="C2458">
        <v>0</v>
      </c>
      <c r="D2458">
        <f t="shared" si="76"/>
        <v>0</v>
      </c>
      <c r="E2458" s="6">
        <f t="shared" si="77"/>
        <v>0</v>
      </c>
    </row>
    <row r="2459" spans="1:5" x14ac:dyDescent="0.25">
      <c r="A2459" s="1">
        <v>43658.291666666664</v>
      </c>
      <c r="B2459" s="2">
        <v>21.57</v>
      </c>
      <c r="C2459">
        <v>0.51996100000000001</v>
      </c>
      <c r="D2459">
        <f t="shared" si="76"/>
        <v>5.1996099999999999E-4</v>
      </c>
      <c r="E2459" s="6">
        <f t="shared" si="77"/>
        <v>1.121555877E-2</v>
      </c>
    </row>
    <row r="2460" spans="1:5" x14ac:dyDescent="0.25">
      <c r="A2460" s="1">
        <v>43658.333333333336</v>
      </c>
      <c r="B2460" s="2">
        <v>22.76</v>
      </c>
      <c r="C2460">
        <v>2.1556229999999998</v>
      </c>
      <c r="D2460">
        <f t="shared" si="76"/>
        <v>2.1556229999999997E-3</v>
      </c>
      <c r="E2460" s="6">
        <f t="shared" si="77"/>
        <v>4.9061979479999997E-2</v>
      </c>
    </row>
    <row r="2461" spans="1:5" x14ac:dyDescent="0.25">
      <c r="A2461" s="1">
        <v>43658.375</v>
      </c>
      <c r="B2461" s="2">
        <v>24.97</v>
      </c>
      <c r="C2461">
        <v>3.9950140000000003</v>
      </c>
      <c r="D2461">
        <f t="shared" si="76"/>
        <v>3.9950139999999999E-3</v>
      </c>
      <c r="E2461" s="6">
        <f t="shared" si="77"/>
        <v>9.975549957999999E-2</v>
      </c>
    </row>
    <row r="2462" spans="1:5" x14ac:dyDescent="0.25">
      <c r="A2462" s="1">
        <v>43658.416666666664</v>
      </c>
      <c r="B2462" s="2">
        <v>28.1</v>
      </c>
      <c r="C2462">
        <v>5.4521239999999995</v>
      </c>
      <c r="D2462">
        <f t="shared" si="76"/>
        <v>5.4521239999999992E-3</v>
      </c>
      <c r="E2462" s="6">
        <f t="shared" si="77"/>
        <v>0.15320468439999999</v>
      </c>
    </row>
    <row r="2463" spans="1:5" x14ac:dyDescent="0.25">
      <c r="A2463" s="1">
        <v>43658.458333333336</v>
      </c>
      <c r="B2463" s="2">
        <v>30.7</v>
      </c>
      <c r="C2463">
        <v>6.4912989999999997</v>
      </c>
      <c r="D2463">
        <f t="shared" si="76"/>
        <v>6.4912989999999999E-3</v>
      </c>
      <c r="E2463" s="6">
        <f t="shared" si="77"/>
        <v>0.19928287929999999</v>
      </c>
    </row>
    <row r="2464" spans="1:5" x14ac:dyDescent="0.25">
      <c r="A2464" s="1">
        <v>43658.5</v>
      </c>
      <c r="B2464" s="2">
        <v>34.03</v>
      </c>
      <c r="C2464">
        <v>7.107297</v>
      </c>
      <c r="D2464">
        <f t="shared" si="76"/>
        <v>7.1072970000000003E-3</v>
      </c>
      <c r="E2464" s="6">
        <f t="shared" si="77"/>
        <v>0.24186131691000001</v>
      </c>
    </row>
    <row r="2465" spans="1:5" x14ac:dyDescent="0.25">
      <c r="A2465" s="1">
        <v>43658.541666666664</v>
      </c>
      <c r="B2465" s="2">
        <v>36.869999999999997</v>
      </c>
      <c r="C2465">
        <v>7.3383050000000001</v>
      </c>
      <c r="D2465">
        <f t="shared" si="76"/>
        <v>7.3383049999999998E-3</v>
      </c>
      <c r="E2465" s="6">
        <f t="shared" si="77"/>
        <v>0.27056330534999995</v>
      </c>
    </row>
    <row r="2466" spans="1:5" x14ac:dyDescent="0.25">
      <c r="A2466" s="1">
        <v>43658.583333333336</v>
      </c>
      <c r="B2466" s="2">
        <v>40.08</v>
      </c>
      <c r="C2466">
        <v>7.1298410000000008</v>
      </c>
      <c r="D2466">
        <f t="shared" si="76"/>
        <v>7.1298410000000005E-3</v>
      </c>
      <c r="E2466" s="6">
        <f t="shared" si="77"/>
        <v>0.28576402728</v>
      </c>
    </row>
    <row r="2467" spans="1:5" x14ac:dyDescent="0.25">
      <c r="A2467" s="1">
        <v>43658.625</v>
      </c>
      <c r="B2467" s="2">
        <v>44.11</v>
      </c>
      <c r="C2467">
        <v>6.55213</v>
      </c>
      <c r="D2467">
        <f t="shared" si="76"/>
        <v>6.5521299999999998E-3</v>
      </c>
      <c r="E2467" s="6">
        <f t="shared" si="77"/>
        <v>0.2890144543</v>
      </c>
    </row>
    <row r="2468" spans="1:5" x14ac:dyDescent="0.25">
      <c r="A2468" s="1">
        <v>43658.666666666664</v>
      </c>
      <c r="B2468" s="2">
        <v>49.76</v>
      </c>
      <c r="C2468">
        <v>5.5857770000000002</v>
      </c>
      <c r="D2468">
        <f t="shared" si="76"/>
        <v>5.5857770000000001E-3</v>
      </c>
      <c r="E2468" s="6">
        <f t="shared" si="77"/>
        <v>0.27794826352000002</v>
      </c>
    </row>
    <row r="2469" spans="1:5" x14ac:dyDescent="0.25">
      <c r="A2469" s="1">
        <v>43658.708333333336</v>
      </c>
      <c r="B2469" s="2">
        <v>49.15</v>
      </c>
      <c r="C2469">
        <v>4.1726220000000005</v>
      </c>
      <c r="D2469">
        <f t="shared" si="76"/>
        <v>4.1726220000000008E-3</v>
      </c>
      <c r="E2469" s="6">
        <f t="shared" si="77"/>
        <v>0.20508437130000004</v>
      </c>
    </row>
    <row r="2470" spans="1:5" x14ac:dyDescent="0.25">
      <c r="A2470" s="1">
        <v>43658.75</v>
      </c>
      <c r="B2470" s="2">
        <v>38.24</v>
      </c>
      <c r="C2470">
        <v>2.4623059999999999</v>
      </c>
      <c r="D2470">
        <f t="shared" si="76"/>
        <v>2.462306E-3</v>
      </c>
      <c r="E2470" s="6">
        <f t="shared" si="77"/>
        <v>9.415858144E-2</v>
      </c>
    </row>
    <row r="2471" spans="1:5" x14ac:dyDescent="0.25">
      <c r="A2471" s="1">
        <v>43658.791666666664</v>
      </c>
      <c r="B2471" s="2">
        <v>34.049999999999997</v>
      </c>
      <c r="C2471">
        <v>0.81191499999999994</v>
      </c>
      <c r="D2471">
        <f t="shared" si="76"/>
        <v>8.1191499999999997E-4</v>
      </c>
      <c r="E2471" s="6">
        <f t="shared" si="77"/>
        <v>2.7645705749999996E-2</v>
      </c>
    </row>
    <row r="2472" spans="1:5" x14ac:dyDescent="0.25">
      <c r="A2472" s="1">
        <v>43658.833333333336</v>
      </c>
      <c r="B2472" s="2">
        <v>32.65</v>
      </c>
      <c r="C2472">
        <v>9.3543000000000001E-2</v>
      </c>
      <c r="D2472">
        <f t="shared" si="76"/>
        <v>9.3542999999999995E-5</v>
      </c>
      <c r="E2472" s="6">
        <f t="shared" si="77"/>
        <v>3.0541789499999995E-3</v>
      </c>
    </row>
    <row r="2473" spans="1:5" x14ac:dyDescent="0.25">
      <c r="A2473" s="1">
        <v>43658.875</v>
      </c>
      <c r="B2473" s="2">
        <v>28.34</v>
      </c>
      <c r="C2473">
        <v>0</v>
      </c>
      <c r="D2473">
        <f t="shared" si="76"/>
        <v>0</v>
      </c>
      <c r="E2473" s="6">
        <f t="shared" si="77"/>
        <v>0</v>
      </c>
    </row>
    <row r="2474" spans="1:5" x14ac:dyDescent="0.25">
      <c r="A2474" s="1">
        <v>43658.916666666664</v>
      </c>
      <c r="B2474" s="2">
        <v>24.99</v>
      </c>
      <c r="C2474">
        <v>0</v>
      </c>
      <c r="D2474">
        <f t="shared" si="76"/>
        <v>0</v>
      </c>
      <c r="E2474" s="6">
        <f t="shared" si="77"/>
        <v>0</v>
      </c>
    </row>
    <row r="2475" spans="1:5" x14ac:dyDescent="0.25">
      <c r="A2475" s="1">
        <v>43658.958333333336</v>
      </c>
      <c r="B2475" s="2">
        <v>22.33</v>
      </c>
      <c r="C2475">
        <v>0</v>
      </c>
      <c r="D2475">
        <f t="shared" si="76"/>
        <v>0</v>
      </c>
      <c r="E2475" s="6">
        <f t="shared" si="77"/>
        <v>0</v>
      </c>
    </row>
    <row r="2476" spans="1:5" x14ac:dyDescent="0.25">
      <c r="A2476" s="1">
        <v>43659</v>
      </c>
      <c r="B2476" s="2">
        <v>20.92</v>
      </c>
      <c r="C2476">
        <v>0</v>
      </c>
      <c r="D2476">
        <f t="shared" si="76"/>
        <v>0</v>
      </c>
      <c r="E2476" s="6">
        <f t="shared" si="77"/>
        <v>0</v>
      </c>
    </row>
    <row r="2477" spans="1:5" x14ac:dyDescent="0.25">
      <c r="A2477" s="1">
        <v>43659.041666666664</v>
      </c>
      <c r="B2477" s="2">
        <v>19.21</v>
      </c>
      <c r="C2477">
        <v>0</v>
      </c>
      <c r="D2477">
        <f t="shared" si="76"/>
        <v>0</v>
      </c>
      <c r="E2477" s="6">
        <f t="shared" si="77"/>
        <v>0</v>
      </c>
    </row>
    <row r="2478" spans="1:5" x14ac:dyDescent="0.25">
      <c r="A2478" s="1">
        <v>43659.083333333336</v>
      </c>
      <c r="B2478" s="2">
        <v>18.04</v>
      </c>
      <c r="C2478">
        <v>0</v>
      </c>
      <c r="D2478">
        <f t="shared" si="76"/>
        <v>0</v>
      </c>
      <c r="E2478" s="6">
        <f t="shared" si="77"/>
        <v>0</v>
      </c>
    </row>
    <row r="2479" spans="1:5" x14ac:dyDescent="0.25">
      <c r="A2479" s="1">
        <v>43659.125</v>
      </c>
      <c r="B2479" s="2">
        <v>16.79</v>
      </c>
      <c r="C2479">
        <v>0</v>
      </c>
      <c r="D2479">
        <f t="shared" si="76"/>
        <v>0</v>
      </c>
      <c r="E2479" s="6">
        <f t="shared" si="77"/>
        <v>0</v>
      </c>
    </row>
    <row r="2480" spans="1:5" x14ac:dyDescent="0.25">
      <c r="A2480" s="1">
        <v>43659.166666666664</v>
      </c>
      <c r="B2480" s="2">
        <v>15.77</v>
      </c>
      <c r="C2480">
        <v>0</v>
      </c>
      <c r="D2480">
        <f t="shared" si="76"/>
        <v>0</v>
      </c>
      <c r="E2480" s="6">
        <f t="shared" si="77"/>
        <v>0</v>
      </c>
    </row>
    <row r="2481" spans="1:5" x14ac:dyDescent="0.25">
      <c r="A2481" s="1">
        <v>43659.208333333336</v>
      </c>
      <c r="B2481" s="2">
        <v>15.66</v>
      </c>
      <c r="C2481">
        <v>0</v>
      </c>
      <c r="D2481">
        <f t="shared" si="76"/>
        <v>0</v>
      </c>
      <c r="E2481" s="6">
        <f t="shared" si="77"/>
        <v>0</v>
      </c>
    </row>
    <row r="2482" spans="1:5" x14ac:dyDescent="0.25">
      <c r="A2482" s="1">
        <v>43659.25</v>
      </c>
      <c r="B2482" s="2">
        <v>15.49</v>
      </c>
      <c r="C2482">
        <v>0</v>
      </c>
      <c r="D2482">
        <f t="shared" si="76"/>
        <v>0</v>
      </c>
      <c r="E2482" s="6">
        <f t="shared" si="77"/>
        <v>0</v>
      </c>
    </row>
    <row r="2483" spans="1:5" x14ac:dyDescent="0.25">
      <c r="A2483" s="1">
        <v>43659.291666666664</v>
      </c>
      <c r="B2483" s="2">
        <v>17.850000000000001</v>
      </c>
      <c r="C2483">
        <v>6.0188000000000005E-2</v>
      </c>
      <c r="D2483">
        <f t="shared" si="76"/>
        <v>6.0188000000000007E-5</v>
      </c>
      <c r="E2483" s="6">
        <f t="shared" si="77"/>
        <v>1.0743558000000002E-3</v>
      </c>
    </row>
    <row r="2484" spans="1:5" x14ac:dyDescent="0.25">
      <c r="A2484" s="1">
        <v>43659.333333333336</v>
      </c>
      <c r="B2484" s="2">
        <v>20.239999999999998</v>
      </c>
      <c r="C2484">
        <v>1.4235229999999999</v>
      </c>
      <c r="D2484">
        <f t="shared" si="76"/>
        <v>1.4235229999999999E-3</v>
      </c>
      <c r="E2484" s="6">
        <f t="shared" si="77"/>
        <v>2.8812105519999996E-2</v>
      </c>
    </row>
    <row r="2485" spans="1:5" x14ac:dyDescent="0.25">
      <c r="A2485" s="1">
        <v>43659.375</v>
      </c>
      <c r="B2485" s="2">
        <v>23.3</v>
      </c>
      <c r="C2485">
        <v>1.5252319999999999</v>
      </c>
      <c r="D2485">
        <f t="shared" si="76"/>
        <v>1.5252319999999998E-3</v>
      </c>
      <c r="E2485" s="6">
        <f t="shared" si="77"/>
        <v>3.5537905599999996E-2</v>
      </c>
    </row>
    <row r="2486" spans="1:5" x14ac:dyDescent="0.25">
      <c r="A2486" s="1">
        <v>43659.416666666664</v>
      </c>
      <c r="B2486" s="2">
        <v>24.9</v>
      </c>
      <c r="C2486">
        <v>3.4348719999999999</v>
      </c>
      <c r="D2486">
        <f t="shared" si="76"/>
        <v>3.4348719999999998E-3</v>
      </c>
      <c r="E2486" s="6">
        <f t="shared" si="77"/>
        <v>8.5528312799999992E-2</v>
      </c>
    </row>
    <row r="2487" spans="1:5" x14ac:dyDescent="0.25">
      <c r="A2487" s="1">
        <v>43659.458333333336</v>
      </c>
      <c r="B2487" s="2">
        <v>27.63</v>
      </c>
      <c r="C2487">
        <v>4.136298</v>
      </c>
      <c r="D2487">
        <f t="shared" si="76"/>
        <v>4.1362980000000001E-3</v>
      </c>
      <c r="E2487" s="6">
        <f t="shared" si="77"/>
        <v>0.11428591373999999</v>
      </c>
    </row>
    <row r="2488" spans="1:5" x14ac:dyDescent="0.25">
      <c r="A2488" s="1">
        <v>43659.5</v>
      </c>
      <c r="B2488" s="2">
        <v>31.11</v>
      </c>
      <c r="C2488">
        <v>6.8913990000000007</v>
      </c>
      <c r="D2488">
        <f t="shared" si="76"/>
        <v>6.8913990000000003E-3</v>
      </c>
      <c r="E2488" s="6">
        <f t="shared" si="77"/>
        <v>0.21439142289000002</v>
      </c>
    </row>
    <row r="2489" spans="1:5" x14ac:dyDescent="0.25">
      <c r="A2489" s="1">
        <v>43659.541666666664</v>
      </c>
      <c r="B2489" s="2">
        <v>36.44</v>
      </c>
      <c r="C2489">
        <v>5.4635020000000001</v>
      </c>
      <c r="D2489">
        <f t="shared" si="76"/>
        <v>5.4635020000000003E-3</v>
      </c>
      <c r="E2489" s="6">
        <f t="shared" si="77"/>
        <v>0.19909001288</v>
      </c>
    </row>
    <row r="2490" spans="1:5" x14ac:dyDescent="0.25">
      <c r="A2490" s="1">
        <v>43659.583333333336</v>
      </c>
      <c r="B2490" s="2">
        <v>40.450000000000003</v>
      </c>
      <c r="C2490">
        <v>4.1996090000000006</v>
      </c>
      <c r="D2490">
        <f t="shared" si="76"/>
        <v>4.1996090000000008E-3</v>
      </c>
      <c r="E2490" s="6">
        <f t="shared" si="77"/>
        <v>0.16987418405000004</v>
      </c>
    </row>
    <row r="2491" spans="1:5" x14ac:dyDescent="0.25">
      <c r="A2491" s="1">
        <v>43659.625</v>
      </c>
      <c r="B2491" s="2">
        <v>45.1</v>
      </c>
      <c r="C2491">
        <v>0.251278</v>
      </c>
      <c r="D2491">
        <f t="shared" si="76"/>
        <v>2.5127800000000002E-4</v>
      </c>
      <c r="E2491" s="6">
        <f t="shared" si="77"/>
        <v>1.1332637800000002E-2</v>
      </c>
    </row>
    <row r="2492" spans="1:5" x14ac:dyDescent="0.25">
      <c r="A2492" s="1">
        <v>43659.666666666664</v>
      </c>
      <c r="B2492" s="2">
        <v>52.95</v>
      </c>
      <c r="C2492">
        <v>1.576946</v>
      </c>
      <c r="D2492">
        <f t="shared" si="76"/>
        <v>1.5769459999999999E-3</v>
      </c>
      <c r="E2492" s="6">
        <f t="shared" si="77"/>
        <v>8.3499290699999992E-2</v>
      </c>
    </row>
    <row r="2493" spans="1:5" x14ac:dyDescent="0.25">
      <c r="A2493" s="1">
        <v>43659.708333333336</v>
      </c>
      <c r="B2493" s="2">
        <v>53.42</v>
      </c>
      <c r="C2493">
        <v>1.837888</v>
      </c>
      <c r="D2493">
        <f t="shared" si="76"/>
        <v>1.837888E-3</v>
      </c>
      <c r="E2493" s="6">
        <f t="shared" si="77"/>
        <v>9.8179976959999998E-2</v>
      </c>
    </row>
    <row r="2494" spans="1:5" x14ac:dyDescent="0.25">
      <c r="A2494" s="1">
        <v>43659.75</v>
      </c>
      <c r="B2494" s="2">
        <v>43.82</v>
      </c>
      <c r="C2494">
        <v>0.68984599999999996</v>
      </c>
      <c r="D2494">
        <f t="shared" si="76"/>
        <v>6.8984599999999993E-4</v>
      </c>
      <c r="E2494" s="6">
        <f t="shared" si="77"/>
        <v>3.0229051719999997E-2</v>
      </c>
    </row>
    <row r="2495" spans="1:5" x14ac:dyDescent="0.25">
      <c r="A2495" s="1">
        <v>43659.791666666664</v>
      </c>
      <c r="B2495" s="2">
        <v>38.28</v>
      </c>
      <c r="C2495">
        <v>0.72980699999999998</v>
      </c>
      <c r="D2495">
        <f t="shared" si="76"/>
        <v>7.2980699999999996E-4</v>
      </c>
      <c r="E2495" s="6">
        <f t="shared" si="77"/>
        <v>2.7937011960000001E-2</v>
      </c>
    </row>
    <row r="2496" spans="1:5" x14ac:dyDescent="0.25">
      <c r="A2496" s="1">
        <v>43659.833333333336</v>
      </c>
      <c r="B2496" s="2">
        <v>33.369999999999997</v>
      </c>
      <c r="C2496">
        <v>7.5204999999999994E-2</v>
      </c>
      <c r="D2496">
        <f t="shared" si="76"/>
        <v>7.5204999999999996E-5</v>
      </c>
      <c r="E2496" s="6">
        <f t="shared" si="77"/>
        <v>2.5095908499999996E-3</v>
      </c>
    </row>
    <row r="2497" spans="1:5" x14ac:dyDescent="0.25">
      <c r="A2497" s="1">
        <v>43659.875</v>
      </c>
      <c r="B2497" s="2">
        <v>29.22</v>
      </c>
      <c r="C2497">
        <v>0</v>
      </c>
      <c r="D2497">
        <f t="shared" si="76"/>
        <v>0</v>
      </c>
      <c r="E2497" s="6">
        <f t="shared" si="77"/>
        <v>0</v>
      </c>
    </row>
    <row r="2498" spans="1:5" x14ac:dyDescent="0.25">
      <c r="A2498" s="1">
        <v>43659.916666666664</v>
      </c>
      <c r="B2498" s="2">
        <v>25</v>
      </c>
      <c r="C2498">
        <v>0</v>
      </c>
      <c r="D2498">
        <f t="shared" si="76"/>
        <v>0</v>
      </c>
      <c r="E2498" s="6">
        <f t="shared" si="77"/>
        <v>0</v>
      </c>
    </row>
    <row r="2499" spans="1:5" x14ac:dyDescent="0.25">
      <c r="A2499" s="1">
        <v>43659.958333333336</v>
      </c>
      <c r="B2499" s="2">
        <v>23.51</v>
      </c>
      <c r="C2499">
        <v>0</v>
      </c>
      <c r="D2499">
        <f t="shared" si="76"/>
        <v>0</v>
      </c>
      <c r="E2499" s="6">
        <f t="shared" si="77"/>
        <v>0</v>
      </c>
    </row>
    <row r="2500" spans="1:5" x14ac:dyDescent="0.25">
      <c r="A2500" s="1">
        <v>43660</v>
      </c>
      <c r="B2500" s="2">
        <v>20.58</v>
      </c>
      <c r="C2500">
        <v>0</v>
      </c>
      <c r="D2500">
        <f t="shared" si="76"/>
        <v>0</v>
      </c>
      <c r="E2500" s="6">
        <f t="shared" si="77"/>
        <v>0</v>
      </c>
    </row>
    <row r="2501" spans="1:5" x14ac:dyDescent="0.25">
      <c r="A2501" s="1">
        <v>43660.041666666664</v>
      </c>
      <c r="B2501" s="2">
        <v>19.579999999999998</v>
      </c>
      <c r="C2501">
        <v>0</v>
      </c>
      <c r="D2501">
        <f t="shared" si="76"/>
        <v>0</v>
      </c>
      <c r="E2501" s="6">
        <f t="shared" si="77"/>
        <v>0</v>
      </c>
    </row>
    <row r="2502" spans="1:5" x14ac:dyDescent="0.25">
      <c r="A2502" s="1">
        <v>43660.083333333336</v>
      </c>
      <c r="B2502" s="2">
        <v>17.72</v>
      </c>
      <c r="C2502">
        <v>0</v>
      </c>
      <c r="D2502">
        <f t="shared" ref="D2502:D2565" si="78">C2502/1000</f>
        <v>0</v>
      </c>
      <c r="E2502" s="6">
        <f t="shared" ref="E2502:E2565" si="79">D2502*B2502</f>
        <v>0</v>
      </c>
    </row>
    <row r="2503" spans="1:5" x14ac:dyDescent="0.25">
      <c r="A2503" s="1">
        <v>43660.125</v>
      </c>
      <c r="B2503" s="2">
        <v>16.989999999999998</v>
      </c>
      <c r="C2503">
        <v>0</v>
      </c>
      <c r="D2503">
        <f t="shared" si="78"/>
        <v>0</v>
      </c>
      <c r="E2503" s="6">
        <f t="shared" si="79"/>
        <v>0</v>
      </c>
    </row>
    <row r="2504" spans="1:5" x14ac:dyDescent="0.25">
      <c r="A2504" s="1">
        <v>43660.166666666664</v>
      </c>
      <c r="B2504" s="2">
        <v>15.85</v>
      </c>
      <c r="C2504">
        <v>0</v>
      </c>
      <c r="D2504">
        <f t="shared" si="78"/>
        <v>0</v>
      </c>
      <c r="E2504" s="6">
        <f t="shared" si="79"/>
        <v>0</v>
      </c>
    </row>
    <row r="2505" spans="1:5" x14ac:dyDescent="0.25">
      <c r="A2505" s="1">
        <v>43660.208333333336</v>
      </c>
      <c r="B2505" s="2">
        <v>15.71</v>
      </c>
      <c r="C2505">
        <v>0</v>
      </c>
      <c r="D2505">
        <f t="shared" si="78"/>
        <v>0</v>
      </c>
      <c r="E2505" s="6">
        <f t="shared" si="79"/>
        <v>0</v>
      </c>
    </row>
    <row r="2506" spans="1:5" x14ac:dyDescent="0.25">
      <c r="A2506" s="1">
        <v>43660.25</v>
      </c>
      <c r="B2506" s="2">
        <v>15.36</v>
      </c>
      <c r="C2506">
        <v>0</v>
      </c>
      <c r="D2506">
        <f t="shared" si="78"/>
        <v>0</v>
      </c>
      <c r="E2506" s="6">
        <f t="shared" si="79"/>
        <v>0</v>
      </c>
    </row>
    <row r="2507" spans="1:5" x14ac:dyDescent="0.25">
      <c r="A2507" s="1">
        <v>43660.291666666664</v>
      </c>
      <c r="B2507" s="2">
        <v>17.11</v>
      </c>
      <c r="C2507">
        <v>2.5045000000000001E-2</v>
      </c>
      <c r="D2507">
        <f t="shared" si="78"/>
        <v>2.5045000000000002E-5</v>
      </c>
      <c r="E2507" s="6">
        <f t="shared" si="79"/>
        <v>4.2851995000000003E-4</v>
      </c>
    </row>
    <row r="2508" spans="1:5" x14ac:dyDescent="0.25">
      <c r="A2508" s="1">
        <v>43660.333333333336</v>
      </c>
      <c r="B2508" s="2">
        <v>19.52</v>
      </c>
      <c r="C2508">
        <v>1.0683370000000001</v>
      </c>
      <c r="D2508">
        <f t="shared" si="78"/>
        <v>1.0683370000000001E-3</v>
      </c>
      <c r="E2508" s="6">
        <f t="shared" si="79"/>
        <v>2.0853938240000001E-2</v>
      </c>
    </row>
    <row r="2509" spans="1:5" x14ac:dyDescent="0.25">
      <c r="A2509" s="1">
        <v>43660.375</v>
      </c>
      <c r="B2509" s="2">
        <v>22.5</v>
      </c>
      <c r="C2509">
        <v>1.431908</v>
      </c>
      <c r="D2509">
        <f t="shared" si="78"/>
        <v>1.431908E-3</v>
      </c>
      <c r="E2509" s="6">
        <f t="shared" si="79"/>
        <v>3.2217929999999999E-2</v>
      </c>
    </row>
    <row r="2510" spans="1:5" x14ac:dyDescent="0.25">
      <c r="A2510" s="1">
        <v>43660.416666666664</v>
      </c>
      <c r="B2510" s="2">
        <v>24.83</v>
      </c>
      <c r="C2510">
        <v>2.262448</v>
      </c>
      <c r="D2510">
        <f t="shared" si="78"/>
        <v>2.2624479999999998E-3</v>
      </c>
      <c r="E2510" s="6">
        <f t="shared" si="79"/>
        <v>5.6176583839999988E-2</v>
      </c>
    </row>
    <row r="2511" spans="1:5" x14ac:dyDescent="0.25">
      <c r="A2511" s="1">
        <v>43660.458333333336</v>
      </c>
      <c r="B2511" s="2">
        <v>27.46</v>
      </c>
      <c r="C2511">
        <v>3.7399089999999999</v>
      </c>
      <c r="D2511">
        <f t="shared" si="78"/>
        <v>3.739909E-3</v>
      </c>
      <c r="E2511" s="6">
        <f t="shared" si="79"/>
        <v>0.10269790114000001</v>
      </c>
    </row>
    <row r="2512" spans="1:5" x14ac:dyDescent="0.25">
      <c r="A2512" s="1">
        <v>43660.5</v>
      </c>
      <c r="B2512" s="2">
        <v>30.76</v>
      </c>
      <c r="C2512">
        <v>4.0129440000000001</v>
      </c>
      <c r="D2512">
        <f t="shared" si="78"/>
        <v>4.0129440000000001E-3</v>
      </c>
      <c r="E2512" s="6">
        <f t="shared" si="79"/>
        <v>0.12343815744</v>
      </c>
    </row>
    <row r="2513" spans="1:5" x14ac:dyDescent="0.25">
      <c r="A2513" s="1">
        <v>43660.541666666664</v>
      </c>
      <c r="B2513" s="2">
        <v>34.799999999999997</v>
      </c>
      <c r="C2513">
        <v>3.5995120000000003</v>
      </c>
      <c r="D2513">
        <f t="shared" si="78"/>
        <v>3.5995120000000005E-3</v>
      </c>
      <c r="E2513" s="6">
        <f t="shared" si="79"/>
        <v>0.1252630176</v>
      </c>
    </row>
    <row r="2514" spans="1:5" x14ac:dyDescent="0.25">
      <c r="A2514" s="1">
        <v>43660.583333333336</v>
      </c>
      <c r="B2514" s="2">
        <v>37.82</v>
      </c>
      <c r="C2514">
        <v>2.8016080000000003</v>
      </c>
      <c r="D2514">
        <f t="shared" si="78"/>
        <v>2.8016080000000001E-3</v>
      </c>
      <c r="E2514" s="6">
        <f t="shared" si="79"/>
        <v>0.10595681456</v>
      </c>
    </row>
    <row r="2515" spans="1:5" x14ac:dyDescent="0.25">
      <c r="A2515" s="1">
        <v>43660.625</v>
      </c>
      <c r="B2515" s="2">
        <v>40.090000000000003</v>
      </c>
      <c r="C2515">
        <v>3.2356019999999996</v>
      </c>
      <c r="D2515">
        <f t="shared" si="78"/>
        <v>3.2356019999999997E-3</v>
      </c>
      <c r="E2515" s="6">
        <f t="shared" si="79"/>
        <v>0.12971528418</v>
      </c>
    </row>
    <row r="2516" spans="1:5" x14ac:dyDescent="0.25">
      <c r="A2516" s="1">
        <v>43660.666666666664</v>
      </c>
      <c r="B2516" s="2">
        <v>48.1</v>
      </c>
      <c r="C2516">
        <v>1.5378479999999999</v>
      </c>
      <c r="D2516">
        <f t="shared" si="78"/>
        <v>1.5378479999999999E-3</v>
      </c>
      <c r="E2516" s="6">
        <f t="shared" si="79"/>
        <v>7.3970488799999998E-2</v>
      </c>
    </row>
    <row r="2517" spans="1:5" x14ac:dyDescent="0.25">
      <c r="A2517" s="1">
        <v>43660.708333333336</v>
      </c>
      <c r="B2517" s="2">
        <v>51.13</v>
      </c>
      <c r="C2517">
        <v>0.98643800000000004</v>
      </c>
      <c r="D2517">
        <f t="shared" si="78"/>
        <v>9.8643800000000007E-4</v>
      </c>
      <c r="E2517" s="6">
        <f t="shared" si="79"/>
        <v>5.0436574940000006E-2</v>
      </c>
    </row>
    <row r="2518" spans="1:5" x14ac:dyDescent="0.25">
      <c r="A2518" s="1">
        <v>43660.75</v>
      </c>
      <c r="B2518" s="2">
        <v>40.36</v>
      </c>
      <c r="C2518">
        <v>1.335183</v>
      </c>
      <c r="D2518">
        <f t="shared" si="78"/>
        <v>1.335183E-3</v>
      </c>
      <c r="E2518" s="6">
        <f t="shared" si="79"/>
        <v>5.3887985879999996E-2</v>
      </c>
    </row>
    <row r="2519" spans="1:5" x14ac:dyDescent="0.25">
      <c r="A2519" s="1">
        <v>43660.791666666664</v>
      </c>
      <c r="B2519" s="2">
        <v>37.270000000000003</v>
      </c>
      <c r="C2519">
        <v>5.7887999999999995E-2</v>
      </c>
      <c r="D2519">
        <f t="shared" si="78"/>
        <v>5.7887999999999992E-5</v>
      </c>
      <c r="E2519" s="6">
        <f t="shared" si="79"/>
        <v>2.1574857599999998E-3</v>
      </c>
    </row>
    <row r="2520" spans="1:5" x14ac:dyDescent="0.25">
      <c r="A2520" s="1">
        <v>43660.833333333336</v>
      </c>
      <c r="B2520" s="2">
        <v>32.25</v>
      </c>
      <c r="C2520">
        <v>0</v>
      </c>
      <c r="D2520">
        <f t="shared" si="78"/>
        <v>0</v>
      </c>
      <c r="E2520" s="6">
        <f t="shared" si="79"/>
        <v>0</v>
      </c>
    </row>
    <row r="2521" spans="1:5" x14ac:dyDescent="0.25">
      <c r="A2521" s="1">
        <v>43660.875</v>
      </c>
      <c r="B2521" s="2">
        <v>28.21</v>
      </c>
      <c r="C2521">
        <v>0</v>
      </c>
      <c r="D2521">
        <f t="shared" si="78"/>
        <v>0</v>
      </c>
      <c r="E2521" s="6">
        <f t="shared" si="79"/>
        <v>0</v>
      </c>
    </row>
    <row r="2522" spans="1:5" x14ac:dyDescent="0.25">
      <c r="A2522" s="1">
        <v>43660.916666666664</v>
      </c>
      <c r="B2522" s="2">
        <v>24.82</v>
      </c>
      <c r="C2522">
        <v>0</v>
      </c>
      <c r="D2522">
        <f t="shared" si="78"/>
        <v>0</v>
      </c>
      <c r="E2522" s="6">
        <f t="shared" si="79"/>
        <v>0</v>
      </c>
    </row>
    <row r="2523" spans="1:5" x14ac:dyDescent="0.25">
      <c r="A2523" s="1">
        <v>43660.958333333336</v>
      </c>
      <c r="B2523" s="2">
        <v>22.65</v>
      </c>
      <c r="C2523">
        <v>0</v>
      </c>
      <c r="D2523">
        <f t="shared" si="78"/>
        <v>0</v>
      </c>
      <c r="E2523" s="6">
        <f t="shared" si="79"/>
        <v>0</v>
      </c>
    </row>
    <row r="2524" spans="1:5" x14ac:dyDescent="0.25">
      <c r="A2524" s="1">
        <v>43661</v>
      </c>
      <c r="B2524" s="2">
        <v>20.05</v>
      </c>
      <c r="C2524">
        <v>0</v>
      </c>
      <c r="D2524">
        <f t="shared" si="78"/>
        <v>0</v>
      </c>
      <c r="E2524" s="6">
        <f t="shared" si="79"/>
        <v>0</v>
      </c>
    </row>
    <row r="2525" spans="1:5" x14ac:dyDescent="0.25">
      <c r="A2525" s="1">
        <v>43661.041666666664</v>
      </c>
      <c r="B2525" s="2">
        <v>19.29</v>
      </c>
      <c r="C2525">
        <v>0</v>
      </c>
      <c r="D2525">
        <f t="shared" si="78"/>
        <v>0</v>
      </c>
      <c r="E2525" s="6">
        <f t="shared" si="79"/>
        <v>0</v>
      </c>
    </row>
    <row r="2526" spans="1:5" x14ac:dyDescent="0.25">
      <c r="A2526" s="1">
        <v>43661.083333333336</v>
      </c>
      <c r="B2526" s="2">
        <v>18.190000000000001</v>
      </c>
      <c r="C2526">
        <v>0</v>
      </c>
      <c r="D2526">
        <f t="shared" si="78"/>
        <v>0</v>
      </c>
      <c r="E2526" s="6">
        <f t="shared" si="79"/>
        <v>0</v>
      </c>
    </row>
    <row r="2527" spans="1:5" x14ac:dyDescent="0.25">
      <c r="A2527" s="1">
        <v>43661.125</v>
      </c>
      <c r="B2527" s="2">
        <v>16.59</v>
      </c>
      <c r="C2527">
        <v>0</v>
      </c>
      <c r="D2527">
        <f t="shared" si="78"/>
        <v>0</v>
      </c>
      <c r="E2527" s="6">
        <f t="shared" si="79"/>
        <v>0</v>
      </c>
    </row>
    <row r="2528" spans="1:5" x14ac:dyDescent="0.25">
      <c r="A2528" s="1">
        <v>43661.166666666664</v>
      </c>
      <c r="B2528" s="2">
        <v>16.39</v>
      </c>
      <c r="C2528">
        <v>0</v>
      </c>
      <c r="D2528">
        <f t="shared" si="78"/>
        <v>0</v>
      </c>
      <c r="E2528" s="6">
        <f t="shared" si="79"/>
        <v>0</v>
      </c>
    </row>
    <row r="2529" spans="1:5" x14ac:dyDescent="0.25">
      <c r="A2529" s="1">
        <v>43661.208333333336</v>
      </c>
      <c r="B2529" s="2">
        <v>17.91</v>
      </c>
      <c r="C2529">
        <v>0</v>
      </c>
      <c r="D2529">
        <f t="shared" si="78"/>
        <v>0</v>
      </c>
      <c r="E2529" s="6">
        <f t="shared" si="79"/>
        <v>0</v>
      </c>
    </row>
    <row r="2530" spans="1:5" x14ac:dyDescent="0.25">
      <c r="A2530" s="1">
        <v>43661.25</v>
      </c>
      <c r="B2530" s="2">
        <v>19.239999999999998</v>
      </c>
      <c r="C2530">
        <v>0</v>
      </c>
      <c r="D2530">
        <f t="shared" si="78"/>
        <v>0</v>
      </c>
      <c r="E2530" s="6">
        <f t="shared" si="79"/>
        <v>0</v>
      </c>
    </row>
    <row r="2531" spans="1:5" x14ac:dyDescent="0.25">
      <c r="A2531" s="1">
        <v>43661.291666666664</v>
      </c>
      <c r="B2531" s="2">
        <v>20.260000000000002</v>
      </c>
      <c r="C2531">
        <v>0.5385700000000001</v>
      </c>
      <c r="D2531">
        <f t="shared" si="78"/>
        <v>5.3857000000000015E-4</v>
      </c>
      <c r="E2531" s="6">
        <f t="shared" si="79"/>
        <v>1.0911428200000003E-2</v>
      </c>
    </row>
    <row r="2532" spans="1:5" x14ac:dyDescent="0.25">
      <c r="A2532" s="1">
        <v>43661.333333333336</v>
      </c>
      <c r="B2532" s="2">
        <v>22.93</v>
      </c>
      <c r="C2532">
        <v>1.3381189999999998</v>
      </c>
      <c r="D2532">
        <f t="shared" si="78"/>
        <v>1.3381189999999998E-3</v>
      </c>
      <c r="E2532" s="6">
        <f t="shared" si="79"/>
        <v>3.0683068669999994E-2</v>
      </c>
    </row>
    <row r="2533" spans="1:5" x14ac:dyDescent="0.25">
      <c r="A2533" s="1">
        <v>43661.375</v>
      </c>
      <c r="B2533" s="2">
        <v>24.97</v>
      </c>
      <c r="C2533">
        <v>3.1356599999999997</v>
      </c>
      <c r="D2533">
        <f t="shared" si="78"/>
        <v>3.1356599999999997E-3</v>
      </c>
      <c r="E2533" s="6">
        <f t="shared" si="79"/>
        <v>7.829743019999999E-2</v>
      </c>
    </row>
    <row r="2534" spans="1:5" x14ac:dyDescent="0.25">
      <c r="A2534" s="1">
        <v>43661.416666666664</v>
      </c>
      <c r="B2534" s="2">
        <v>28.77</v>
      </c>
      <c r="C2534">
        <v>2.6570810000000002</v>
      </c>
      <c r="D2534">
        <f t="shared" si="78"/>
        <v>2.6570810000000004E-3</v>
      </c>
      <c r="E2534" s="6">
        <f t="shared" si="79"/>
        <v>7.644422037000001E-2</v>
      </c>
    </row>
    <row r="2535" spans="1:5" x14ac:dyDescent="0.25">
      <c r="A2535" s="1">
        <v>43661.458333333336</v>
      </c>
      <c r="B2535" s="2">
        <v>31.27</v>
      </c>
      <c r="C2535">
        <v>4.9205930000000002</v>
      </c>
      <c r="D2535">
        <f t="shared" si="78"/>
        <v>4.920593E-3</v>
      </c>
      <c r="E2535" s="6">
        <f t="shared" si="79"/>
        <v>0.15386694310999999</v>
      </c>
    </row>
    <row r="2536" spans="1:5" x14ac:dyDescent="0.25">
      <c r="A2536" s="1">
        <v>43661.5</v>
      </c>
      <c r="B2536" s="2">
        <v>36.950000000000003</v>
      </c>
      <c r="C2536">
        <v>5.9929550000000003</v>
      </c>
      <c r="D2536">
        <f t="shared" si="78"/>
        <v>5.9929550000000003E-3</v>
      </c>
      <c r="E2536" s="6">
        <f t="shared" si="79"/>
        <v>0.22143968725000002</v>
      </c>
    </row>
    <row r="2537" spans="1:5" x14ac:dyDescent="0.25">
      <c r="A2537" s="1">
        <v>43661.541666666664</v>
      </c>
      <c r="B2537" s="2">
        <v>42.55</v>
      </c>
      <c r="C2537">
        <v>3.859915</v>
      </c>
      <c r="D2537">
        <f t="shared" si="78"/>
        <v>3.8599149999999998E-3</v>
      </c>
      <c r="E2537" s="6">
        <f t="shared" si="79"/>
        <v>0.16423938324999998</v>
      </c>
    </row>
    <row r="2538" spans="1:5" x14ac:dyDescent="0.25">
      <c r="A2538" s="1">
        <v>43661.583333333336</v>
      </c>
      <c r="B2538" s="2">
        <v>50.51</v>
      </c>
      <c r="C2538">
        <v>5.723452</v>
      </c>
      <c r="D2538">
        <f t="shared" si="78"/>
        <v>5.7234520000000004E-3</v>
      </c>
      <c r="E2538" s="6">
        <f t="shared" si="79"/>
        <v>0.28909156052000001</v>
      </c>
    </row>
    <row r="2539" spans="1:5" x14ac:dyDescent="0.25">
      <c r="A2539" s="1">
        <v>43661.625</v>
      </c>
      <c r="B2539" s="2">
        <v>54.4</v>
      </c>
      <c r="C2539">
        <v>5.2562120000000006</v>
      </c>
      <c r="D2539">
        <f t="shared" si="78"/>
        <v>5.2562120000000006E-3</v>
      </c>
      <c r="E2539" s="6">
        <f t="shared" si="79"/>
        <v>0.28593793280000002</v>
      </c>
    </row>
    <row r="2540" spans="1:5" x14ac:dyDescent="0.25">
      <c r="A2540" s="1">
        <v>43661.666666666664</v>
      </c>
      <c r="B2540" s="2">
        <v>58.55</v>
      </c>
      <c r="C2540">
        <v>4.6859500000000001</v>
      </c>
      <c r="D2540">
        <f t="shared" si="78"/>
        <v>4.6859500000000004E-3</v>
      </c>
      <c r="E2540" s="6">
        <f t="shared" si="79"/>
        <v>0.27436237250000001</v>
      </c>
    </row>
    <row r="2541" spans="1:5" x14ac:dyDescent="0.25">
      <c r="A2541" s="1">
        <v>43661.708333333336</v>
      </c>
      <c r="B2541" s="2">
        <v>59.07</v>
      </c>
      <c r="C2541">
        <v>3.3367339999999999</v>
      </c>
      <c r="D2541">
        <f t="shared" si="78"/>
        <v>3.3367340000000001E-3</v>
      </c>
      <c r="E2541" s="6">
        <f t="shared" si="79"/>
        <v>0.19710087738000001</v>
      </c>
    </row>
    <row r="2542" spans="1:5" x14ac:dyDescent="0.25">
      <c r="A2542" s="1">
        <v>43661.75</v>
      </c>
      <c r="B2542" s="2">
        <v>47.58</v>
      </c>
      <c r="C2542">
        <v>2.084603</v>
      </c>
      <c r="D2542">
        <f t="shared" si="78"/>
        <v>2.084603E-3</v>
      </c>
      <c r="E2542" s="6">
        <f t="shared" si="79"/>
        <v>9.9185410739999993E-2</v>
      </c>
    </row>
    <row r="2543" spans="1:5" x14ac:dyDescent="0.25">
      <c r="A2543" s="1">
        <v>43661.791666666664</v>
      </c>
      <c r="B2543" s="2">
        <v>38.08</v>
      </c>
      <c r="C2543">
        <v>0.70745199999999997</v>
      </c>
      <c r="D2543">
        <f t="shared" si="78"/>
        <v>7.0745200000000002E-4</v>
      </c>
      <c r="E2543" s="6">
        <f t="shared" si="79"/>
        <v>2.693977216E-2</v>
      </c>
    </row>
    <row r="2544" spans="1:5" x14ac:dyDescent="0.25">
      <c r="A2544" s="1">
        <v>43661.833333333336</v>
      </c>
      <c r="B2544" s="2">
        <v>35.28</v>
      </c>
      <c r="C2544">
        <v>6.7185000000000009E-2</v>
      </c>
      <c r="D2544">
        <f t="shared" si="78"/>
        <v>6.7185000000000015E-5</v>
      </c>
      <c r="E2544" s="6">
        <f t="shared" si="79"/>
        <v>2.3702868000000008E-3</v>
      </c>
    </row>
    <row r="2545" spans="1:5" x14ac:dyDescent="0.25">
      <c r="A2545" s="1">
        <v>43661.875</v>
      </c>
      <c r="B2545" s="2">
        <v>30.07</v>
      </c>
      <c r="C2545">
        <v>0</v>
      </c>
      <c r="D2545">
        <f t="shared" si="78"/>
        <v>0</v>
      </c>
      <c r="E2545" s="6">
        <f t="shared" si="79"/>
        <v>0</v>
      </c>
    </row>
    <row r="2546" spans="1:5" x14ac:dyDescent="0.25">
      <c r="A2546" s="1">
        <v>43661.916666666664</v>
      </c>
      <c r="B2546" s="2">
        <v>26.69</v>
      </c>
      <c r="C2546">
        <v>0</v>
      </c>
      <c r="D2546">
        <f t="shared" si="78"/>
        <v>0</v>
      </c>
      <c r="E2546" s="6">
        <f t="shared" si="79"/>
        <v>0</v>
      </c>
    </row>
    <row r="2547" spans="1:5" x14ac:dyDescent="0.25">
      <c r="A2547" s="1">
        <v>43661.958333333336</v>
      </c>
      <c r="B2547" s="2">
        <v>23.61</v>
      </c>
      <c r="C2547">
        <v>0</v>
      </c>
      <c r="D2547">
        <f t="shared" si="78"/>
        <v>0</v>
      </c>
      <c r="E2547" s="6">
        <f t="shared" si="79"/>
        <v>0</v>
      </c>
    </row>
    <row r="2548" spans="1:5" x14ac:dyDescent="0.25">
      <c r="A2548" s="1">
        <v>43662</v>
      </c>
      <c r="B2548" s="2">
        <v>22.24</v>
      </c>
      <c r="C2548">
        <v>0</v>
      </c>
      <c r="D2548">
        <f t="shared" si="78"/>
        <v>0</v>
      </c>
      <c r="E2548" s="6">
        <f t="shared" si="79"/>
        <v>0</v>
      </c>
    </row>
    <row r="2549" spans="1:5" x14ac:dyDescent="0.25">
      <c r="A2549" s="1">
        <v>43662.041666666664</v>
      </c>
      <c r="B2549" s="2">
        <v>20.92</v>
      </c>
      <c r="C2549">
        <v>0</v>
      </c>
      <c r="D2549">
        <f t="shared" si="78"/>
        <v>0</v>
      </c>
      <c r="E2549" s="6">
        <f t="shared" si="79"/>
        <v>0</v>
      </c>
    </row>
    <row r="2550" spans="1:5" x14ac:dyDescent="0.25">
      <c r="A2550" s="1">
        <v>43662.083333333336</v>
      </c>
      <c r="B2550" s="2">
        <v>19.88</v>
      </c>
      <c r="C2550">
        <v>0</v>
      </c>
      <c r="D2550">
        <f t="shared" si="78"/>
        <v>0</v>
      </c>
      <c r="E2550" s="6">
        <f t="shared" si="79"/>
        <v>0</v>
      </c>
    </row>
    <row r="2551" spans="1:5" x14ac:dyDescent="0.25">
      <c r="A2551" s="1">
        <v>43662.125</v>
      </c>
      <c r="B2551" s="2">
        <v>19.39</v>
      </c>
      <c r="C2551">
        <v>0</v>
      </c>
      <c r="D2551">
        <f t="shared" si="78"/>
        <v>0</v>
      </c>
      <c r="E2551" s="6">
        <f t="shared" si="79"/>
        <v>0</v>
      </c>
    </row>
    <row r="2552" spans="1:5" x14ac:dyDescent="0.25">
      <c r="A2552" s="1">
        <v>43662.166666666664</v>
      </c>
      <c r="B2552" s="2">
        <v>19.23</v>
      </c>
      <c r="C2552">
        <v>0</v>
      </c>
      <c r="D2552">
        <f t="shared" si="78"/>
        <v>0</v>
      </c>
      <c r="E2552" s="6">
        <f t="shared" si="79"/>
        <v>0</v>
      </c>
    </row>
    <row r="2553" spans="1:5" x14ac:dyDescent="0.25">
      <c r="A2553" s="1">
        <v>43662.208333333336</v>
      </c>
      <c r="B2553" s="2">
        <v>19.809999999999999</v>
      </c>
      <c r="C2553">
        <v>0</v>
      </c>
      <c r="D2553">
        <f t="shared" si="78"/>
        <v>0</v>
      </c>
      <c r="E2553" s="6">
        <f t="shared" si="79"/>
        <v>0</v>
      </c>
    </row>
    <row r="2554" spans="1:5" x14ac:dyDescent="0.25">
      <c r="A2554" s="1">
        <v>43662.25</v>
      </c>
      <c r="B2554" s="2">
        <v>20.85</v>
      </c>
      <c r="C2554">
        <v>0</v>
      </c>
      <c r="D2554">
        <f t="shared" si="78"/>
        <v>0</v>
      </c>
      <c r="E2554" s="6">
        <f t="shared" si="79"/>
        <v>0</v>
      </c>
    </row>
    <row r="2555" spans="1:5" x14ac:dyDescent="0.25">
      <c r="A2555" s="1">
        <v>43662.291666666664</v>
      </c>
      <c r="B2555" s="2">
        <v>22.63</v>
      </c>
      <c r="C2555">
        <v>3.3835000000000004E-2</v>
      </c>
      <c r="D2555">
        <f t="shared" si="78"/>
        <v>3.3835000000000004E-5</v>
      </c>
      <c r="E2555" s="6">
        <f t="shared" si="79"/>
        <v>7.6568605000000003E-4</v>
      </c>
    </row>
    <row r="2556" spans="1:5" x14ac:dyDescent="0.25">
      <c r="A2556" s="1">
        <v>43662.333333333336</v>
      </c>
      <c r="B2556" s="2">
        <v>24.63</v>
      </c>
      <c r="C2556">
        <v>0.86451999999999996</v>
      </c>
      <c r="D2556">
        <f t="shared" si="78"/>
        <v>8.6451999999999992E-4</v>
      </c>
      <c r="E2556" s="6">
        <f t="shared" si="79"/>
        <v>2.1293127599999996E-2</v>
      </c>
    </row>
    <row r="2557" spans="1:5" x14ac:dyDescent="0.25">
      <c r="A2557" s="1">
        <v>43662.375</v>
      </c>
      <c r="B2557" s="2">
        <v>27.4</v>
      </c>
      <c r="C2557">
        <v>2.0447539999999997</v>
      </c>
      <c r="D2557">
        <f t="shared" si="78"/>
        <v>2.0447539999999998E-3</v>
      </c>
      <c r="E2557" s="6">
        <f t="shared" si="79"/>
        <v>5.6026259599999989E-2</v>
      </c>
    </row>
    <row r="2558" spans="1:5" x14ac:dyDescent="0.25">
      <c r="A2558" s="1">
        <v>43662.416666666664</v>
      </c>
      <c r="B2558" s="2">
        <v>30.44</v>
      </c>
      <c r="C2558">
        <v>3.8621260000000004</v>
      </c>
      <c r="D2558">
        <f t="shared" si="78"/>
        <v>3.8621260000000004E-3</v>
      </c>
      <c r="E2558" s="6">
        <f t="shared" si="79"/>
        <v>0.11756311544000002</v>
      </c>
    </row>
    <row r="2559" spans="1:5" x14ac:dyDescent="0.25">
      <c r="A2559" s="1">
        <v>43662.458333333336</v>
      </c>
      <c r="B2559" s="2">
        <v>33.42</v>
      </c>
      <c r="C2559">
        <v>2.4686159999999999</v>
      </c>
      <c r="D2559">
        <f t="shared" si="78"/>
        <v>2.4686159999999999E-3</v>
      </c>
      <c r="E2559" s="6">
        <f t="shared" si="79"/>
        <v>8.2501146720000001E-2</v>
      </c>
    </row>
    <row r="2560" spans="1:5" x14ac:dyDescent="0.25">
      <c r="A2560" s="1">
        <v>43662.5</v>
      </c>
      <c r="B2560" s="2">
        <v>38.1</v>
      </c>
      <c r="C2560">
        <v>3.5768049999999998</v>
      </c>
      <c r="D2560">
        <f t="shared" si="78"/>
        <v>3.5768049999999997E-3</v>
      </c>
      <c r="E2560" s="6">
        <f t="shared" si="79"/>
        <v>0.13627627049999999</v>
      </c>
    </row>
    <row r="2561" spans="1:5" x14ac:dyDescent="0.25">
      <c r="A2561" s="1">
        <v>43662.541666666664</v>
      </c>
      <c r="B2561" s="2">
        <v>41.36</v>
      </c>
      <c r="C2561">
        <v>3.1115819999999998</v>
      </c>
      <c r="D2561">
        <f t="shared" si="78"/>
        <v>3.1115819999999999E-3</v>
      </c>
      <c r="E2561" s="6">
        <f t="shared" si="79"/>
        <v>0.12869503152</v>
      </c>
    </row>
    <row r="2562" spans="1:5" x14ac:dyDescent="0.25">
      <c r="A2562" s="1">
        <v>43662.583333333336</v>
      </c>
      <c r="B2562" s="2">
        <v>45.22</v>
      </c>
      <c r="C2562">
        <v>1.998618</v>
      </c>
      <c r="D2562">
        <f t="shared" si="78"/>
        <v>1.9986180000000002E-3</v>
      </c>
      <c r="E2562" s="6">
        <f t="shared" si="79"/>
        <v>9.0377505960000007E-2</v>
      </c>
    </row>
    <row r="2563" spans="1:5" x14ac:dyDescent="0.25">
      <c r="A2563" s="1">
        <v>43662.625</v>
      </c>
      <c r="B2563" s="2">
        <v>48.71</v>
      </c>
      <c r="C2563">
        <v>3.4114040000000001</v>
      </c>
      <c r="D2563">
        <f t="shared" si="78"/>
        <v>3.4114040000000003E-3</v>
      </c>
      <c r="E2563" s="6">
        <f t="shared" si="79"/>
        <v>0.16616948884000002</v>
      </c>
    </row>
    <row r="2564" spans="1:5" x14ac:dyDescent="0.25">
      <c r="A2564" s="1">
        <v>43662.666666666664</v>
      </c>
      <c r="B2564" s="2">
        <v>53.34</v>
      </c>
      <c r="C2564">
        <v>2.0611999999999999</v>
      </c>
      <c r="D2564">
        <f t="shared" si="78"/>
        <v>2.0612E-3</v>
      </c>
      <c r="E2564" s="6">
        <f t="shared" si="79"/>
        <v>0.10994440800000001</v>
      </c>
    </row>
    <row r="2565" spans="1:5" x14ac:dyDescent="0.25">
      <c r="A2565" s="1">
        <v>43662.708333333336</v>
      </c>
      <c r="B2565" s="2">
        <v>52.61</v>
      </c>
      <c r="C2565">
        <v>2.3963200000000002</v>
      </c>
      <c r="D2565">
        <f t="shared" si="78"/>
        <v>2.3963200000000004E-3</v>
      </c>
      <c r="E2565" s="6">
        <f t="shared" si="79"/>
        <v>0.12607039520000002</v>
      </c>
    </row>
    <row r="2566" spans="1:5" x14ac:dyDescent="0.25">
      <c r="A2566" s="1">
        <v>43662.75</v>
      </c>
      <c r="B2566" s="2">
        <v>42.16</v>
      </c>
      <c r="C2566">
        <v>1.5276650000000001</v>
      </c>
      <c r="D2566">
        <f t="shared" ref="D2566:D2629" si="80">C2566/1000</f>
        <v>1.5276650000000001E-3</v>
      </c>
      <c r="E2566" s="6">
        <f t="shared" ref="E2566:E2629" si="81">D2566*B2566</f>
        <v>6.4406356400000003E-2</v>
      </c>
    </row>
    <row r="2567" spans="1:5" x14ac:dyDescent="0.25">
      <c r="A2567" s="1">
        <v>43662.791666666664</v>
      </c>
      <c r="B2567" s="2">
        <v>38.229999999999997</v>
      </c>
      <c r="C2567">
        <v>0.592499</v>
      </c>
      <c r="D2567">
        <f t="shared" si="80"/>
        <v>5.9249900000000002E-4</v>
      </c>
      <c r="E2567" s="6">
        <f t="shared" si="81"/>
        <v>2.2651236769999999E-2</v>
      </c>
    </row>
    <row r="2568" spans="1:5" x14ac:dyDescent="0.25">
      <c r="A2568" s="1">
        <v>43662.833333333336</v>
      </c>
      <c r="B2568" s="2">
        <v>35.25</v>
      </c>
      <c r="C2568">
        <v>3.2206000000000005E-2</v>
      </c>
      <c r="D2568">
        <f t="shared" si="80"/>
        <v>3.2206000000000003E-5</v>
      </c>
      <c r="E2568" s="6">
        <f t="shared" si="81"/>
        <v>1.1352615000000002E-3</v>
      </c>
    </row>
    <row r="2569" spans="1:5" x14ac:dyDescent="0.25">
      <c r="A2569" s="1">
        <v>43662.875</v>
      </c>
      <c r="B2569" s="2">
        <v>32.51</v>
      </c>
      <c r="C2569">
        <v>0</v>
      </c>
      <c r="D2569">
        <f t="shared" si="80"/>
        <v>0</v>
      </c>
      <c r="E2569" s="6">
        <f t="shared" si="81"/>
        <v>0</v>
      </c>
    </row>
    <row r="2570" spans="1:5" x14ac:dyDescent="0.25">
      <c r="A2570" s="1">
        <v>43662.916666666664</v>
      </c>
      <c r="B2570" s="2">
        <v>28.49</v>
      </c>
      <c r="C2570">
        <v>0</v>
      </c>
      <c r="D2570">
        <f t="shared" si="80"/>
        <v>0</v>
      </c>
      <c r="E2570" s="6">
        <f t="shared" si="81"/>
        <v>0</v>
      </c>
    </row>
    <row r="2571" spans="1:5" x14ac:dyDescent="0.25">
      <c r="A2571" s="1">
        <v>43662.958333333336</v>
      </c>
      <c r="B2571" s="2">
        <v>25.69</v>
      </c>
      <c r="C2571">
        <v>0</v>
      </c>
      <c r="D2571">
        <f t="shared" si="80"/>
        <v>0</v>
      </c>
      <c r="E2571" s="6">
        <f t="shared" si="81"/>
        <v>0</v>
      </c>
    </row>
    <row r="2572" spans="1:5" x14ac:dyDescent="0.25">
      <c r="A2572" s="1">
        <v>43663</v>
      </c>
      <c r="B2572" s="2">
        <v>23.05</v>
      </c>
      <c r="C2572">
        <v>0</v>
      </c>
      <c r="D2572">
        <f t="shared" si="80"/>
        <v>0</v>
      </c>
      <c r="E2572" s="6">
        <f t="shared" si="81"/>
        <v>0</v>
      </c>
    </row>
    <row r="2573" spans="1:5" x14ac:dyDescent="0.25">
      <c r="A2573" s="1">
        <v>43663.041666666664</v>
      </c>
      <c r="B2573" s="2">
        <v>22.2</v>
      </c>
      <c r="C2573">
        <v>0</v>
      </c>
      <c r="D2573">
        <f t="shared" si="80"/>
        <v>0</v>
      </c>
      <c r="E2573" s="6">
        <f t="shared" si="81"/>
        <v>0</v>
      </c>
    </row>
    <row r="2574" spans="1:5" x14ac:dyDescent="0.25">
      <c r="A2574" s="1">
        <v>43663.083333333336</v>
      </c>
      <c r="B2574" s="2">
        <v>20.83</v>
      </c>
      <c r="C2574">
        <v>0</v>
      </c>
      <c r="D2574">
        <f t="shared" si="80"/>
        <v>0</v>
      </c>
      <c r="E2574" s="6">
        <f t="shared" si="81"/>
        <v>0</v>
      </c>
    </row>
    <row r="2575" spans="1:5" x14ac:dyDescent="0.25">
      <c r="A2575" s="1">
        <v>43663.125</v>
      </c>
      <c r="B2575" s="2">
        <v>20.37</v>
      </c>
      <c r="C2575">
        <v>0</v>
      </c>
      <c r="D2575">
        <f t="shared" si="80"/>
        <v>0</v>
      </c>
      <c r="E2575" s="6">
        <f t="shared" si="81"/>
        <v>0</v>
      </c>
    </row>
    <row r="2576" spans="1:5" x14ac:dyDescent="0.25">
      <c r="A2576" s="1">
        <v>43663.166666666664</v>
      </c>
      <c r="B2576" s="2">
        <v>20.260000000000002</v>
      </c>
      <c r="C2576">
        <v>0</v>
      </c>
      <c r="D2576">
        <f t="shared" si="80"/>
        <v>0</v>
      </c>
      <c r="E2576" s="6">
        <f t="shared" si="81"/>
        <v>0</v>
      </c>
    </row>
    <row r="2577" spans="1:5" x14ac:dyDescent="0.25">
      <c r="A2577" s="1">
        <v>43663.208333333336</v>
      </c>
      <c r="B2577" s="2">
        <v>20.87</v>
      </c>
      <c r="C2577">
        <v>0</v>
      </c>
      <c r="D2577">
        <f t="shared" si="80"/>
        <v>0</v>
      </c>
      <c r="E2577" s="6">
        <f t="shared" si="81"/>
        <v>0</v>
      </c>
    </row>
    <row r="2578" spans="1:5" x14ac:dyDescent="0.25">
      <c r="A2578" s="1">
        <v>43663.25</v>
      </c>
      <c r="B2578" s="2">
        <v>22.68</v>
      </c>
      <c r="C2578">
        <v>0</v>
      </c>
      <c r="D2578">
        <f t="shared" si="80"/>
        <v>0</v>
      </c>
      <c r="E2578" s="6">
        <f t="shared" si="81"/>
        <v>0</v>
      </c>
    </row>
    <row r="2579" spans="1:5" x14ac:dyDescent="0.25">
      <c r="A2579" s="1">
        <v>43663.291666666664</v>
      </c>
      <c r="B2579" s="2">
        <v>23.18</v>
      </c>
      <c r="C2579">
        <v>0.55844899999999997</v>
      </c>
      <c r="D2579">
        <f t="shared" si="80"/>
        <v>5.5844899999999992E-4</v>
      </c>
      <c r="E2579" s="6">
        <f t="shared" si="81"/>
        <v>1.2944847819999997E-2</v>
      </c>
    </row>
    <row r="2580" spans="1:5" x14ac:dyDescent="0.25">
      <c r="A2580" s="1">
        <v>43663.333333333336</v>
      </c>
      <c r="B2580" s="2">
        <v>25.46</v>
      </c>
      <c r="C2580">
        <v>0.64015099999999991</v>
      </c>
      <c r="D2580">
        <f t="shared" si="80"/>
        <v>6.4015099999999994E-4</v>
      </c>
      <c r="E2580" s="6">
        <f t="shared" si="81"/>
        <v>1.629824446E-2</v>
      </c>
    </row>
    <row r="2581" spans="1:5" x14ac:dyDescent="0.25">
      <c r="A2581" s="1">
        <v>43663.375</v>
      </c>
      <c r="B2581" s="2">
        <v>29.06</v>
      </c>
      <c r="C2581">
        <v>1.8201679999999998</v>
      </c>
      <c r="D2581">
        <f t="shared" si="80"/>
        <v>1.8201679999999998E-3</v>
      </c>
      <c r="E2581" s="6">
        <f t="shared" si="81"/>
        <v>5.2894082079999995E-2</v>
      </c>
    </row>
    <row r="2582" spans="1:5" x14ac:dyDescent="0.25">
      <c r="A2582" s="1">
        <v>43663.416666666664</v>
      </c>
      <c r="B2582" s="2">
        <v>32.04</v>
      </c>
      <c r="C2582">
        <v>2.785641</v>
      </c>
      <c r="D2582">
        <f t="shared" si="80"/>
        <v>2.7856410000000002E-3</v>
      </c>
      <c r="E2582" s="6">
        <f t="shared" si="81"/>
        <v>8.9251937640000001E-2</v>
      </c>
    </row>
    <row r="2583" spans="1:5" x14ac:dyDescent="0.25">
      <c r="A2583" s="1">
        <v>43663.458333333336</v>
      </c>
      <c r="B2583" s="2">
        <v>35.04</v>
      </c>
      <c r="C2583">
        <v>4.0472440000000001</v>
      </c>
      <c r="D2583">
        <f t="shared" si="80"/>
        <v>4.0472440000000002E-3</v>
      </c>
      <c r="E2583" s="6">
        <f t="shared" si="81"/>
        <v>0.14181542976</v>
      </c>
    </row>
    <row r="2584" spans="1:5" x14ac:dyDescent="0.25">
      <c r="A2584" s="1">
        <v>43663.5</v>
      </c>
      <c r="B2584" s="2">
        <v>39.409999999999997</v>
      </c>
      <c r="C2584">
        <v>5.3829840000000004</v>
      </c>
      <c r="D2584">
        <f t="shared" si="80"/>
        <v>5.3829840000000004E-3</v>
      </c>
      <c r="E2584" s="6">
        <f t="shared" si="81"/>
        <v>0.21214339943999999</v>
      </c>
    </row>
    <row r="2585" spans="1:5" x14ac:dyDescent="0.25">
      <c r="A2585" s="1">
        <v>43663.541666666664</v>
      </c>
      <c r="B2585" s="2">
        <v>43.44</v>
      </c>
      <c r="C2585">
        <v>5.7986180000000003</v>
      </c>
      <c r="D2585">
        <f t="shared" si="80"/>
        <v>5.7986180000000002E-3</v>
      </c>
      <c r="E2585" s="6">
        <f t="shared" si="81"/>
        <v>0.25189196592000002</v>
      </c>
    </row>
    <row r="2586" spans="1:5" x14ac:dyDescent="0.25">
      <c r="A2586" s="1">
        <v>43663.583333333336</v>
      </c>
      <c r="B2586" s="2">
        <v>47.21</v>
      </c>
      <c r="C2586">
        <v>7.1306039999999999</v>
      </c>
      <c r="D2586">
        <f t="shared" si="80"/>
        <v>7.1306039999999996E-3</v>
      </c>
      <c r="E2586" s="6">
        <f t="shared" si="81"/>
        <v>0.33663581483999999</v>
      </c>
    </row>
    <row r="2587" spans="1:5" x14ac:dyDescent="0.25">
      <c r="A2587" s="1">
        <v>43663.625</v>
      </c>
      <c r="B2587" s="2">
        <v>49.79</v>
      </c>
      <c r="C2587">
        <v>6.5837849999999998</v>
      </c>
      <c r="D2587">
        <f t="shared" si="80"/>
        <v>6.583785E-3</v>
      </c>
      <c r="E2587" s="6">
        <f t="shared" si="81"/>
        <v>0.32780665515000001</v>
      </c>
    </row>
    <row r="2588" spans="1:5" x14ac:dyDescent="0.25">
      <c r="A2588" s="1">
        <v>43663.666666666664</v>
      </c>
      <c r="B2588" s="2">
        <v>58.49</v>
      </c>
      <c r="C2588">
        <v>5.6284539999999996</v>
      </c>
      <c r="D2588">
        <f t="shared" si="80"/>
        <v>5.6284539999999997E-3</v>
      </c>
      <c r="E2588" s="6">
        <f t="shared" si="81"/>
        <v>0.32920827446000001</v>
      </c>
    </row>
    <row r="2589" spans="1:5" x14ac:dyDescent="0.25">
      <c r="A2589" s="1">
        <v>43663.708333333336</v>
      </c>
      <c r="B2589" s="2">
        <v>57.36</v>
      </c>
      <c r="C2589">
        <v>4.2651380000000003</v>
      </c>
      <c r="D2589">
        <f t="shared" si="80"/>
        <v>4.2651379999999999E-3</v>
      </c>
      <c r="E2589" s="6">
        <f t="shared" si="81"/>
        <v>0.24464831568000001</v>
      </c>
    </row>
    <row r="2590" spans="1:5" x14ac:dyDescent="0.25">
      <c r="A2590" s="1">
        <v>43663.75</v>
      </c>
      <c r="B2590" s="2">
        <v>46.77</v>
      </c>
      <c r="C2590">
        <v>2.529706</v>
      </c>
      <c r="D2590">
        <f t="shared" si="80"/>
        <v>2.5297060000000001E-3</v>
      </c>
      <c r="E2590" s="6">
        <f t="shared" si="81"/>
        <v>0.11831434962000001</v>
      </c>
    </row>
    <row r="2591" spans="1:5" x14ac:dyDescent="0.25">
      <c r="A2591" s="1">
        <v>43663.791666666664</v>
      </c>
      <c r="B2591" s="2">
        <v>39.22</v>
      </c>
      <c r="C2591">
        <v>0.79644899999999996</v>
      </c>
      <c r="D2591">
        <f t="shared" si="80"/>
        <v>7.9644899999999996E-4</v>
      </c>
      <c r="E2591" s="6">
        <f t="shared" si="81"/>
        <v>3.1236729779999996E-2</v>
      </c>
    </row>
    <row r="2592" spans="1:5" x14ac:dyDescent="0.25">
      <c r="A2592" s="1">
        <v>43663.833333333336</v>
      </c>
      <c r="B2592" s="2">
        <v>36.72</v>
      </c>
      <c r="C2592">
        <v>7.7510999999999997E-2</v>
      </c>
      <c r="D2592">
        <f t="shared" si="80"/>
        <v>7.7510999999999997E-5</v>
      </c>
      <c r="E2592" s="6">
        <f t="shared" si="81"/>
        <v>2.8462039199999996E-3</v>
      </c>
    </row>
    <row r="2593" spans="1:5" x14ac:dyDescent="0.25">
      <c r="A2593" s="1">
        <v>43663.875</v>
      </c>
      <c r="B2593" s="2">
        <v>32.74</v>
      </c>
      <c r="C2593">
        <v>0</v>
      </c>
      <c r="D2593">
        <f t="shared" si="80"/>
        <v>0</v>
      </c>
      <c r="E2593" s="6">
        <f t="shared" si="81"/>
        <v>0</v>
      </c>
    </row>
    <row r="2594" spans="1:5" x14ac:dyDescent="0.25">
      <c r="A2594" s="1">
        <v>43663.916666666664</v>
      </c>
      <c r="B2594" s="2">
        <v>28.31</v>
      </c>
      <c r="C2594">
        <v>0</v>
      </c>
      <c r="D2594">
        <f t="shared" si="80"/>
        <v>0</v>
      </c>
      <c r="E2594" s="6">
        <f t="shared" si="81"/>
        <v>0</v>
      </c>
    </row>
    <row r="2595" spans="1:5" x14ac:dyDescent="0.25">
      <c r="A2595" s="1">
        <v>43663.958333333336</v>
      </c>
      <c r="B2595" s="2">
        <v>25.42</v>
      </c>
      <c r="C2595">
        <v>0</v>
      </c>
      <c r="D2595">
        <f t="shared" si="80"/>
        <v>0</v>
      </c>
      <c r="E2595" s="6">
        <f t="shared" si="81"/>
        <v>0</v>
      </c>
    </row>
    <row r="2596" spans="1:5" x14ac:dyDescent="0.25">
      <c r="A2596" s="1">
        <v>43664</v>
      </c>
      <c r="B2596" s="2">
        <v>22.84</v>
      </c>
      <c r="C2596">
        <v>0</v>
      </c>
      <c r="D2596">
        <f t="shared" si="80"/>
        <v>0</v>
      </c>
      <c r="E2596" s="6">
        <f t="shared" si="81"/>
        <v>0</v>
      </c>
    </row>
    <row r="2597" spans="1:5" x14ac:dyDescent="0.25">
      <c r="A2597" s="1">
        <v>43664.041666666664</v>
      </c>
      <c r="B2597" s="2">
        <v>22.07</v>
      </c>
      <c r="C2597">
        <v>0</v>
      </c>
      <c r="D2597">
        <f t="shared" si="80"/>
        <v>0</v>
      </c>
      <c r="E2597" s="6">
        <f t="shared" si="81"/>
        <v>0</v>
      </c>
    </row>
    <row r="2598" spans="1:5" x14ac:dyDescent="0.25">
      <c r="A2598" s="1">
        <v>43664.083333333336</v>
      </c>
      <c r="B2598" s="2">
        <v>20.71</v>
      </c>
      <c r="C2598">
        <v>0</v>
      </c>
      <c r="D2598">
        <f t="shared" si="80"/>
        <v>0</v>
      </c>
      <c r="E2598" s="6">
        <f t="shared" si="81"/>
        <v>0</v>
      </c>
    </row>
    <row r="2599" spans="1:5" x14ac:dyDescent="0.25">
      <c r="A2599" s="1">
        <v>43664.125</v>
      </c>
      <c r="B2599" s="2">
        <v>20.21</v>
      </c>
      <c r="C2599">
        <v>0</v>
      </c>
      <c r="D2599">
        <f t="shared" si="80"/>
        <v>0</v>
      </c>
      <c r="E2599" s="6">
        <f t="shared" si="81"/>
        <v>0</v>
      </c>
    </row>
    <row r="2600" spans="1:5" x14ac:dyDescent="0.25">
      <c r="A2600" s="1">
        <v>43664.166666666664</v>
      </c>
      <c r="B2600" s="2">
        <v>19.97</v>
      </c>
      <c r="C2600">
        <v>0</v>
      </c>
      <c r="D2600">
        <f t="shared" si="80"/>
        <v>0</v>
      </c>
      <c r="E2600" s="6">
        <f t="shared" si="81"/>
        <v>0</v>
      </c>
    </row>
    <row r="2601" spans="1:5" x14ac:dyDescent="0.25">
      <c r="A2601" s="1">
        <v>43664.208333333336</v>
      </c>
      <c r="B2601" s="2">
        <v>20.51</v>
      </c>
      <c r="C2601">
        <v>0</v>
      </c>
      <c r="D2601">
        <f t="shared" si="80"/>
        <v>0</v>
      </c>
      <c r="E2601" s="6">
        <f t="shared" si="81"/>
        <v>0</v>
      </c>
    </row>
    <row r="2602" spans="1:5" x14ac:dyDescent="0.25">
      <c r="A2602" s="1">
        <v>43664.25</v>
      </c>
      <c r="B2602" s="2">
        <v>21.56</v>
      </c>
      <c r="C2602">
        <v>0</v>
      </c>
      <c r="D2602">
        <f t="shared" si="80"/>
        <v>0</v>
      </c>
      <c r="E2602" s="6">
        <f t="shared" si="81"/>
        <v>0</v>
      </c>
    </row>
    <row r="2603" spans="1:5" x14ac:dyDescent="0.25">
      <c r="A2603" s="1">
        <v>43664.291666666664</v>
      </c>
      <c r="B2603" s="2">
        <v>23.17</v>
      </c>
      <c r="C2603">
        <v>0.49948100000000001</v>
      </c>
      <c r="D2603">
        <f t="shared" si="80"/>
        <v>4.9948099999999997E-4</v>
      </c>
      <c r="E2603" s="6">
        <f t="shared" si="81"/>
        <v>1.1572974770000001E-2</v>
      </c>
    </row>
    <row r="2604" spans="1:5" x14ac:dyDescent="0.25">
      <c r="A2604" s="1">
        <v>43664.333333333336</v>
      </c>
      <c r="B2604" s="2">
        <v>24.72</v>
      </c>
      <c r="C2604">
        <v>2.007787</v>
      </c>
      <c r="D2604">
        <f t="shared" si="80"/>
        <v>2.007787E-3</v>
      </c>
      <c r="E2604" s="6">
        <f t="shared" si="81"/>
        <v>4.9632494639999997E-2</v>
      </c>
    </row>
    <row r="2605" spans="1:5" x14ac:dyDescent="0.25">
      <c r="A2605" s="1">
        <v>43664.375</v>
      </c>
      <c r="B2605" s="2">
        <v>29.42</v>
      </c>
      <c r="C2605">
        <v>3.7517869999999998</v>
      </c>
      <c r="D2605">
        <f t="shared" si="80"/>
        <v>3.7517869999999999E-3</v>
      </c>
      <c r="E2605" s="6">
        <f t="shared" si="81"/>
        <v>0.11037757354000001</v>
      </c>
    </row>
    <row r="2606" spans="1:5" x14ac:dyDescent="0.25">
      <c r="A2606" s="1">
        <v>43664.416666666664</v>
      </c>
      <c r="B2606" s="2">
        <v>33.32</v>
      </c>
      <c r="C2606">
        <v>5.2248080000000003</v>
      </c>
      <c r="D2606">
        <f t="shared" si="80"/>
        <v>5.2248080000000001E-3</v>
      </c>
      <c r="E2606" s="6">
        <f t="shared" si="81"/>
        <v>0.17409060256</v>
      </c>
    </row>
    <row r="2607" spans="1:5" x14ac:dyDescent="0.25">
      <c r="A2607" s="1">
        <v>43664.458333333336</v>
      </c>
      <c r="B2607" s="2">
        <v>37.840000000000003</v>
      </c>
      <c r="C2607">
        <v>6.2671409999999996</v>
      </c>
      <c r="D2607">
        <f t="shared" si="80"/>
        <v>6.2671409999999995E-3</v>
      </c>
      <c r="E2607" s="6">
        <f t="shared" si="81"/>
        <v>0.23714861544000002</v>
      </c>
    </row>
    <row r="2608" spans="1:5" x14ac:dyDescent="0.25">
      <c r="A2608" s="1">
        <v>43664.5</v>
      </c>
      <c r="B2608" s="2">
        <v>42.08</v>
      </c>
      <c r="C2608">
        <v>6.8610579999999999</v>
      </c>
      <c r="D2608">
        <f t="shared" si="80"/>
        <v>6.8610579999999997E-3</v>
      </c>
      <c r="E2608" s="6">
        <f t="shared" si="81"/>
        <v>0.28871332063999999</v>
      </c>
    </row>
    <row r="2609" spans="1:5" x14ac:dyDescent="0.25">
      <c r="A2609" s="1">
        <v>43664.541666666664</v>
      </c>
      <c r="B2609" s="2">
        <v>47.9</v>
      </c>
      <c r="C2609">
        <v>7.0669019999999998</v>
      </c>
      <c r="D2609">
        <f t="shared" si="80"/>
        <v>7.0669019999999999E-3</v>
      </c>
      <c r="E2609" s="6">
        <f t="shared" si="81"/>
        <v>0.33850460579999997</v>
      </c>
    </row>
    <row r="2610" spans="1:5" x14ac:dyDescent="0.25">
      <c r="A2610" s="1">
        <v>43664.583333333336</v>
      </c>
      <c r="B2610" s="2">
        <v>52.48</v>
      </c>
      <c r="C2610">
        <v>2.0833760000000003</v>
      </c>
      <c r="D2610">
        <f t="shared" si="80"/>
        <v>2.0833760000000005E-3</v>
      </c>
      <c r="E2610" s="6">
        <f t="shared" si="81"/>
        <v>0.10933557248000002</v>
      </c>
    </row>
    <row r="2611" spans="1:5" x14ac:dyDescent="0.25">
      <c r="A2611" s="1">
        <v>43664.625</v>
      </c>
      <c r="B2611" s="2">
        <v>59.2</v>
      </c>
      <c r="C2611">
        <v>6.5017329999999998</v>
      </c>
      <c r="D2611">
        <f t="shared" si="80"/>
        <v>6.501733E-3</v>
      </c>
      <c r="E2611" s="6">
        <f t="shared" si="81"/>
        <v>0.38490259360000001</v>
      </c>
    </row>
    <row r="2612" spans="1:5" x14ac:dyDescent="0.25">
      <c r="A2612" s="1">
        <v>43664.666666666664</v>
      </c>
      <c r="B2612" s="2">
        <v>69.03</v>
      </c>
      <c r="C2612">
        <v>5.421576</v>
      </c>
      <c r="D2612">
        <f t="shared" si="80"/>
        <v>5.421576E-3</v>
      </c>
      <c r="E2612" s="6">
        <f t="shared" si="81"/>
        <v>0.37425139128000001</v>
      </c>
    </row>
    <row r="2613" spans="1:5" x14ac:dyDescent="0.25">
      <c r="A2613" s="1">
        <v>43664.708333333336</v>
      </c>
      <c r="B2613" s="2">
        <v>71.510000000000005</v>
      </c>
      <c r="C2613">
        <v>4.0720710000000002</v>
      </c>
      <c r="D2613">
        <f t="shared" si="80"/>
        <v>4.072071E-3</v>
      </c>
      <c r="E2613" s="6">
        <f t="shared" si="81"/>
        <v>0.29119379721000005</v>
      </c>
    </row>
    <row r="2614" spans="1:5" x14ac:dyDescent="0.25">
      <c r="A2614" s="1">
        <v>43664.75</v>
      </c>
      <c r="B2614" s="2">
        <v>58.41</v>
      </c>
      <c r="C2614">
        <v>2.4225400000000001</v>
      </c>
      <c r="D2614">
        <f t="shared" si="80"/>
        <v>2.4225399999999999E-3</v>
      </c>
      <c r="E2614" s="6">
        <f t="shared" si="81"/>
        <v>0.14150056139999997</v>
      </c>
    </row>
    <row r="2615" spans="1:5" x14ac:dyDescent="0.25">
      <c r="A2615" s="1">
        <v>43664.791666666664</v>
      </c>
      <c r="B2615" s="2">
        <v>49.64</v>
      </c>
      <c r="C2615">
        <v>0.85842300000000005</v>
      </c>
      <c r="D2615">
        <f t="shared" si="80"/>
        <v>8.5842300000000009E-4</v>
      </c>
      <c r="E2615" s="6">
        <f t="shared" si="81"/>
        <v>4.2612117720000002E-2</v>
      </c>
    </row>
    <row r="2616" spans="1:5" x14ac:dyDescent="0.25">
      <c r="A2616" s="1">
        <v>43664.833333333336</v>
      </c>
      <c r="B2616" s="2">
        <v>41.49</v>
      </c>
      <c r="C2616">
        <v>0.118698</v>
      </c>
      <c r="D2616">
        <f t="shared" si="80"/>
        <v>1.1869799999999999E-4</v>
      </c>
      <c r="E2616" s="6">
        <f t="shared" si="81"/>
        <v>4.92478002E-3</v>
      </c>
    </row>
    <row r="2617" spans="1:5" x14ac:dyDescent="0.25">
      <c r="A2617" s="1">
        <v>43664.875</v>
      </c>
      <c r="B2617" s="2">
        <v>37.159999999999997</v>
      </c>
      <c r="C2617">
        <v>0</v>
      </c>
      <c r="D2617">
        <f t="shared" si="80"/>
        <v>0</v>
      </c>
      <c r="E2617" s="6">
        <f t="shared" si="81"/>
        <v>0</v>
      </c>
    </row>
    <row r="2618" spans="1:5" x14ac:dyDescent="0.25">
      <c r="A2618" s="1">
        <v>43664.916666666664</v>
      </c>
      <c r="B2618" s="2">
        <v>30.15</v>
      </c>
      <c r="C2618">
        <v>0</v>
      </c>
      <c r="D2618">
        <f t="shared" si="80"/>
        <v>0</v>
      </c>
      <c r="E2618" s="6">
        <f t="shared" si="81"/>
        <v>0</v>
      </c>
    </row>
    <row r="2619" spans="1:5" x14ac:dyDescent="0.25">
      <c r="A2619" s="1">
        <v>43664.958333333336</v>
      </c>
      <c r="B2619" s="2">
        <v>25.68</v>
      </c>
      <c r="C2619">
        <v>0</v>
      </c>
      <c r="D2619">
        <f t="shared" si="80"/>
        <v>0</v>
      </c>
      <c r="E2619" s="6">
        <f t="shared" si="81"/>
        <v>0</v>
      </c>
    </row>
    <row r="2620" spans="1:5" x14ac:dyDescent="0.25">
      <c r="A2620" s="1">
        <v>43665</v>
      </c>
      <c r="B2620" s="2">
        <v>23.09</v>
      </c>
      <c r="C2620">
        <v>0</v>
      </c>
      <c r="D2620">
        <f t="shared" si="80"/>
        <v>0</v>
      </c>
      <c r="E2620" s="6">
        <f t="shared" si="81"/>
        <v>0</v>
      </c>
    </row>
    <row r="2621" spans="1:5" x14ac:dyDescent="0.25">
      <c r="A2621" s="1">
        <v>43665.041666666664</v>
      </c>
      <c r="B2621" s="2">
        <v>21.96</v>
      </c>
      <c r="C2621">
        <v>0</v>
      </c>
      <c r="D2621">
        <f t="shared" si="80"/>
        <v>0</v>
      </c>
      <c r="E2621" s="6">
        <f t="shared" si="81"/>
        <v>0</v>
      </c>
    </row>
    <row r="2622" spans="1:5" x14ac:dyDescent="0.25">
      <c r="A2622" s="1">
        <v>43665.083333333336</v>
      </c>
      <c r="B2622" s="2">
        <v>20.68</v>
      </c>
      <c r="C2622">
        <v>0</v>
      </c>
      <c r="D2622">
        <f t="shared" si="80"/>
        <v>0</v>
      </c>
      <c r="E2622" s="6">
        <f t="shared" si="81"/>
        <v>0</v>
      </c>
    </row>
    <row r="2623" spans="1:5" x14ac:dyDescent="0.25">
      <c r="A2623" s="1">
        <v>43665.125</v>
      </c>
      <c r="B2623" s="2">
        <v>19.940000000000001</v>
      </c>
      <c r="C2623">
        <v>0</v>
      </c>
      <c r="D2623">
        <f t="shared" si="80"/>
        <v>0</v>
      </c>
      <c r="E2623" s="6">
        <f t="shared" si="81"/>
        <v>0</v>
      </c>
    </row>
    <row r="2624" spans="1:5" x14ac:dyDescent="0.25">
      <c r="A2624" s="1">
        <v>43665.166666666664</v>
      </c>
      <c r="B2624" s="2">
        <v>19.829999999999998</v>
      </c>
      <c r="C2624">
        <v>0</v>
      </c>
      <c r="D2624">
        <f t="shared" si="80"/>
        <v>0</v>
      </c>
      <c r="E2624" s="6">
        <f t="shared" si="81"/>
        <v>0</v>
      </c>
    </row>
    <row r="2625" spans="1:5" x14ac:dyDescent="0.25">
      <c r="A2625" s="1">
        <v>43665.208333333336</v>
      </c>
      <c r="B2625" s="2">
        <v>20.39</v>
      </c>
      <c r="C2625">
        <v>0</v>
      </c>
      <c r="D2625">
        <f t="shared" si="80"/>
        <v>0</v>
      </c>
      <c r="E2625" s="6">
        <f t="shared" si="81"/>
        <v>0</v>
      </c>
    </row>
    <row r="2626" spans="1:5" x14ac:dyDescent="0.25">
      <c r="A2626" s="1">
        <v>43665.25</v>
      </c>
      <c r="B2626" s="2">
        <v>22.38</v>
      </c>
      <c r="C2626">
        <v>0</v>
      </c>
      <c r="D2626">
        <f t="shared" si="80"/>
        <v>0</v>
      </c>
      <c r="E2626" s="6">
        <f t="shared" si="81"/>
        <v>0</v>
      </c>
    </row>
    <row r="2627" spans="1:5" x14ac:dyDescent="0.25">
      <c r="A2627" s="1">
        <v>43665.291666666664</v>
      </c>
      <c r="B2627" s="2">
        <v>23.83</v>
      </c>
      <c r="C2627">
        <v>0.366817</v>
      </c>
      <c r="D2627">
        <f t="shared" si="80"/>
        <v>3.6681700000000002E-4</v>
      </c>
      <c r="E2627" s="6">
        <f t="shared" si="81"/>
        <v>8.74124911E-3</v>
      </c>
    </row>
    <row r="2628" spans="1:5" x14ac:dyDescent="0.25">
      <c r="A2628" s="1">
        <v>43665.333333333336</v>
      </c>
      <c r="B2628" s="2">
        <v>27.25</v>
      </c>
      <c r="C2628">
        <v>1.333259</v>
      </c>
      <c r="D2628">
        <f t="shared" si="80"/>
        <v>1.333259E-3</v>
      </c>
      <c r="E2628" s="6">
        <f t="shared" si="81"/>
        <v>3.633130775E-2</v>
      </c>
    </row>
    <row r="2629" spans="1:5" x14ac:dyDescent="0.25">
      <c r="A2629" s="1">
        <v>43665.375</v>
      </c>
      <c r="B2629" s="2">
        <v>31.96</v>
      </c>
      <c r="C2629">
        <v>3.71719</v>
      </c>
      <c r="D2629">
        <f t="shared" si="80"/>
        <v>3.71719E-3</v>
      </c>
      <c r="E2629" s="6">
        <f t="shared" si="81"/>
        <v>0.1188013924</v>
      </c>
    </row>
    <row r="2630" spans="1:5" x14ac:dyDescent="0.25">
      <c r="A2630" s="1">
        <v>43665.416666666664</v>
      </c>
      <c r="B2630" s="2">
        <v>35</v>
      </c>
      <c r="C2630">
        <v>3.746553</v>
      </c>
      <c r="D2630">
        <f t="shared" ref="D2630:D2693" si="82">C2630/1000</f>
        <v>3.7465530000000001E-3</v>
      </c>
      <c r="E2630" s="6">
        <f t="shared" ref="E2630:E2693" si="83">D2630*B2630</f>
        <v>0.131129355</v>
      </c>
    </row>
    <row r="2631" spans="1:5" x14ac:dyDescent="0.25">
      <c r="A2631" s="1">
        <v>43665.458333333336</v>
      </c>
      <c r="B2631" s="2">
        <v>46.22</v>
      </c>
      <c r="C2631">
        <v>3.823086</v>
      </c>
      <c r="D2631">
        <f t="shared" si="82"/>
        <v>3.8230859999999998E-3</v>
      </c>
      <c r="E2631" s="6">
        <f t="shared" si="83"/>
        <v>0.17670303492</v>
      </c>
    </row>
    <row r="2632" spans="1:5" x14ac:dyDescent="0.25">
      <c r="A2632" s="1">
        <v>43665.5</v>
      </c>
      <c r="B2632" s="2">
        <v>50.09</v>
      </c>
      <c r="C2632">
        <v>6.9247420000000002</v>
      </c>
      <c r="D2632">
        <f t="shared" si="82"/>
        <v>6.9247420000000002E-3</v>
      </c>
      <c r="E2632" s="6">
        <f t="shared" si="83"/>
        <v>0.34686032678000006</v>
      </c>
    </row>
    <row r="2633" spans="1:5" x14ac:dyDescent="0.25">
      <c r="A2633" s="1">
        <v>43665.541666666664</v>
      </c>
      <c r="B2633" s="2">
        <v>59.05</v>
      </c>
      <c r="C2633">
        <v>6.142747</v>
      </c>
      <c r="D2633">
        <f t="shared" si="82"/>
        <v>6.1427469999999996E-3</v>
      </c>
      <c r="E2633" s="6">
        <f t="shared" si="83"/>
        <v>0.36272921034999994</v>
      </c>
    </row>
    <row r="2634" spans="1:5" x14ac:dyDescent="0.25">
      <c r="A2634" s="1">
        <v>43665.583333333336</v>
      </c>
      <c r="B2634" s="2">
        <v>69.709999999999994</v>
      </c>
      <c r="C2634">
        <v>2.4336069999999999</v>
      </c>
      <c r="D2634">
        <f t="shared" si="82"/>
        <v>2.433607E-3</v>
      </c>
      <c r="E2634" s="6">
        <f t="shared" si="83"/>
        <v>0.16964674396999999</v>
      </c>
    </row>
    <row r="2635" spans="1:5" x14ac:dyDescent="0.25">
      <c r="A2635" s="1">
        <v>43665.625</v>
      </c>
      <c r="B2635" s="2">
        <v>75.52</v>
      </c>
      <c r="C2635">
        <v>0.60181600000000002</v>
      </c>
      <c r="D2635">
        <f t="shared" si="82"/>
        <v>6.0181600000000003E-4</v>
      </c>
      <c r="E2635" s="6">
        <f t="shared" si="83"/>
        <v>4.5449144320000003E-2</v>
      </c>
    </row>
    <row r="2636" spans="1:5" x14ac:dyDescent="0.25">
      <c r="A2636" s="1">
        <v>43665.666666666664</v>
      </c>
      <c r="B2636" s="2">
        <v>84.79</v>
      </c>
      <c r="C2636">
        <v>1.1244100000000001</v>
      </c>
      <c r="D2636">
        <f t="shared" si="82"/>
        <v>1.1244100000000002E-3</v>
      </c>
      <c r="E2636" s="6">
        <f t="shared" si="83"/>
        <v>9.5338723900000019E-2</v>
      </c>
    </row>
    <row r="2637" spans="1:5" x14ac:dyDescent="0.25">
      <c r="A2637" s="1">
        <v>43665.708333333336</v>
      </c>
      <c r="B2637" s="2">
        <v>89.09</v>
      </c>
      <c r="C2637">
        <v>1.0939510000000001</v>
      </c>
      <c r="D2637">
        <f t="shared" si="82"/>
        <v>1.0939510000000001E-3</v>
      </c>
      <c r="E2637" s="6">
        <f t="shared" si="83"/>
        <v>9.7460094590000018E-2</v>
      </c>
    </row>
    <row r="2638" spans="1:5" x14ac:dyDescent="0.25">
      <c r="A2638" s="1">
        <v>43665.75</v>
      </c>
      <c r="B2638" s="2">
        <v>68.22</v>
      </c>
      <c r="C2638">
        <v>1.4659690000000001</v>
      </c>
      <c r="D2638">
        <f t="shared" si="82"/>
        <v>1.4659690000000001E-3</v>
      </c>
      <c r="E2638" s="6">
        <f t="shared" si="83"/>
        <v>0.10000840518000001</v>
      </c>
    </row>
    <row r="2639" spans="1:5" x14ac:dyDescent="0.25">
      <c r="A2639" s="1">
        <v>43665.791666666664</v>
      </c>
      <c r="B2639" s="2">
        <v>49.07</v>
      </c>
      <c r="C2639">
        <v>0.76363099999999995</v>
      </c>
      <c r="D2639">
        <f t="shared" si="82"/>
        <v>7.6363099999999997E-4</v>
      </c>
      <c r="E2639" s="6">
        <f t="shared" si="83"/>
        <v>3.7471373169999996E-2</v>
      </c>
    </row>
    <row r="2640" spans="1:5" x14ac:dyDescent="0.25">
      <c r="A2640" s="1">
        <v>43665.833333333336</v>
      </c>
      <c r="B2640" s="2">
        <v>44.63</v>
      </c>
      <c r="C2640">
        <v>0.125749</v>
      </c>
      <c r="D2640">
        <f t="shared" si="82"/>
        <v>1.2574900000000001E-4</v>
      </c>
      <c r="E2640" s="6">
        <f t="shared" si="83"/>
        <v>5.6121778700000003E-3</v>
      </c>
    </row>
    <row r="2641" spans="1:5" x14ac:dyDescent="0.25">
      <c r="A2641" s="1">
        <v>43665.875</v>
      </c>
      <c r="B2641" s="2">
        <v>38.22</v>
      </c>
      <c r="C2641">
        <v>0</v>
      </c>
      <c r="D2641">
        <f t="shared" si="82"/>
        <v>0</v>
      </c>
      <c r="E2641" s="6">
        <f t="shared" si="83"/>
        <v>0</v>
      </c>
    </row>
    <row r="2642" spans="1:5" x14ac:dyDescent="0.25">
      <c r="A2642" s="1">
        <v>43665.916666666664</v>
      </c>
      <c r="B2642" s="2">
        <v>31.3</v>
      </c>
      <c r="C2642">
        <v>0</v>
      </c>
      <c r="D2642">
        <f t="shared" si="82"/>
        <v>0</v>
      </c>
      <c r="E2642" s="6">
        <f t="shared" si="83"/>
        <v>0</v>
      </c>
    </row>
    <row r="2643" spans="1:5" x14ac:dyDescent="0.25">
      <c r="A2643" s="1">
        <v>43665.958333333336</v>
      </c>
      <c r="B2643" s="2">
        <v>27.94</v>
      </c>
      <c r="C2643">
        <v>0</v>
      </c>
      <c r="D2643">
        <f t="shared" si="82"/>
        <v>0</v>
      </c>
      <c r="E2643" s="6">
        <f t="shared" si="83"/>
        <v>0</v>
      </c>
    </row>
    <row r="2644" spans="1:5" x14ac:dyDescent="0.25">
      <c r="A2644" s="1">
        <v>43666</v>
      </c>
      <c r="B2644" s="2">
        <v>23.83</v>
      </c>
      <c r="C2644">
        <v>0</v>
      </c>
      <c r="D2644">
        <f t="shared" si="82"/>
        <v>0</v>
      </c>
      <c r="E2644" s="6">
        <f t="shared" si="83"/>
        <v>0</v>
      </c>
    </row>
    <row r="2645" spans="1:5" x14ac:dyDescent="0.25">
      <c r="A2645" s="1">
        <v>43666.041666666664</v>
      </c>
      <c r="B2645" s="2">
        <v>22.28</v>
      </c>
      <c r="C2645">
        <v>0</v>
      </c>
      <c r="D2645">
        <f t="shared" si="82"/>
        <v>0</v>
      </c>
      <c r="E2645" s="6">
        <f t="shared" si="83"/>
        <v>0</v>
      </c>
    </row>
    <row r="2646" spans="1:5" x14ac:dyDescent="0.25">
      <c r="A2646" s="1">
        <v>43666.083333333336</v>
      </c>
      <c r="B2646" s="2">
        <v>20.440000000000001</v>
      </c>
      <c r="C2646">
        <v>0</v>
      </c>
      <c r="D2646">
        <f t="shared" si="82"/>
        <v>0</v>
      </c>
      <c r="E2646" s="6">
        <f t="shared" si="83"/>
        <v>0</v>
      </c>
    </row>
    <row r="2647" spans="1:5" x14ac:dyDescent="0.25">
      <c r="A2647" s="1">
        <v>43666.125</v>
      </c>
      <c r="B2647" s="2">
        <v>20.170000000000002</v>
      </c>
      <c r="C2647">
        <v>0</v>
      </c>
      <c r="D2647">
        <f t="shared" si="82"/>
        <v>0</v>
      </c>
      <c r="E2647" s="6">
        <f t="shared" si="83"/>
        <v>0</v>
      </c>
    </row>
    <row r="2648" spans="1:5" x14ac:dyDescent="0.25">
      <c r="A2648" s="1">
        <v>43666.166666666664</v>
      </c>
      <c r="B2648" s="2">
        <v>19.559999999999999</v>
      </c>
      <c r="C2648">
        <v>0</v>
      </c>
      <c r="D2648">
        <f t="shared" si="82"/>
        <v>0</v>
      </c>
      <c r="E2648" s="6">
        <f t="shared" si="83"/>
        <v>0</v>
      </c>
    </row>
    <row r="2649" spans="1:5" x14ac:dyDescent="0.25">
      <c r="A2649" s="1">
        <v>43666.208333333336</v>
      </c>
      <c r="B2649" s="2">
        <v>19.37</v>
      </c>
      <c r="C2649">
        <v>0</v>
      </c>
      <c r="D2649">
        <f t="shared" si="82"/>
        <v>0</v>
      </c>
      <c r="E2649" s="6">
        <f t="shared" si="83"/>
        <v>0</v>
      </c>
    </row>
    <row r="2650" spans="1:5" x14ac:dyDescent="0.25">
      <c r="A2650" s="1">
        <v>43666.25</v>
      </c>
      <c r="B2650" s="2">
        <v>19.46</v>
      </c>
      <c r="C2650">
        <v>0</v>
      </c>
      <c r="D2650">
        <f t="shared" si="82"/>
        <v>0</v>
      </c>
      <c r="E2650" s="6">
        <f t="shared" si="83"/>
        <v>0</v>
      </c>
    </row>
    <row r="2651" spans="1:5" x14ac:dyDescent="0.25">
      <c r="A2651" s="1">
        <v>43666.291666666664</v>
      </c>
      <c r="B2651" s="2">
        <v>21.66</v>
      </c>
      <c r="C2651">
        <v>0.13819499999999998</v>
      </c>
      <c r="D2651">
        <f t="shared" si="82"/>
        <v>1.3819499999999997E-4</v>
      </c>
      <c r="E2651" s="6">
        <f t="shared" si="83"/>
        <v>2.9933036999999995E-3</v>
      </c>
    </row>
    <row r="2652" spans="1:5" x14ac:dyDescent="0.25">
      <c r="A2652" s="1">
        <v>43666.333333333336</v>
      </c>
      <c r="B2652" s="2">
        <v>24.13</v>
      </c>
      <c r="C2652">
        <v>0.69958799999999999</v>
      </c>
      <c r="D2652">
        <f t="shared" si="82"/>
        <v>6.9958800000000001E-4</v>
      </c>
      <c r="E2652" s="6">
        <f t="shared" si="83"/>
        <v>1.6881058439999999E-2</v>
      </c>
    </row>
    <row r="2653" spans="1:5" x14ac:dyDescent="0.25">
      <c r="A2653" s="1">
        <v>43666.375</v>
      </c>
      <c r="B2653" s="2">
        <v>28.74</v>
      </c>
      <c r="C2653">
        <v>1.9051199999999999</v>
      </c>
      <c r="D2653">
        <f t="shared" si="82"/>
        <v>1.9051199999999999E-3</v>
      </c>
      <c r="E2653" s="6">
        <f t="shared" si="83"/>
        <v>5.4753148799999998E-2</v>
      </c>
    </row>
    <row r="2654" spans="1:5" x14ac:dyDescent="0.25">
      <c r="A2654" s="1">
        <v>43666.416666666664</v>
      </c>
      <c r="B2654" s="2">
        <v>32.799999999999997</v>
      </c>
      <c r="C2654">
        <v>2.081515</v>
      </c>
      <c r="D2654">
        <f t="shared" si="82"/>
        <v>2.0815149999999999E-3</v>
      </c>
      <c r="E2654" s="6">
        <f t="shared" si="83"/>
        <v>6.8273691999999997E-2</v>
      </c>
    </row>
    <row r="2655" spans="1:5" x14ac:dyDescent="0.25">
      <c r="A2655" s="1">
        <v>43666.458333333336</v>
      </c>
      <c r="B2655" s="2">
        <v>37.81</v>
      </c>
      <c r="C2655">
        <v>3.8252020000000004</v>
      </c>
      <c r="D2655">
        <f t="shared" si="82"/>
        <v>3.8252020000000006E-3</v>
      </c>
      <c r="E2655" s="6">
        <f t="shared" si="83"/>
        <v>0.14463088762000004</v>
      </c>
    </row>
    <row r="2656" spans="1:5" x14ac:dyDescent="0.25">
      <c r="A2656" s="1">
        <v>43666.5</v>
      </c>
      <c r="B2656" s="2">
        <v>41.02</v>
      </c>
      <c r="C2656">
        <v>5.2237010000000001</v>
      </c>
      <c r="D2656">
        <f t="shared" si="82"/>
        <v>5.2237009999999999E-3</v>
      </c>
      <c r="E2656" s="6">
        <f t="shared" si="83"/>
        <v>0.21427621502000002</v>
      </c>
    </row>
    <row r="2657" spans="1:5" x14ac:dyDescent="0.25">
      <c r="A2657" s="1">
        <v>43666.541666666664</v>
      </c>
      <c r="B2657" s="2">
        <v>48.44</v>
      </c>
      <c r="C2657">
        <v>4.989833</v>
      </c>
      <c r="D2657">
        <f t="shared" si="82"/>
        <v>4.9898329999999999E-3</v>
      </c>
      <c r="E2657" s="6">
        <f t="shared" si="83"/>
        <v>0.24170751051999997</v>
      </c>
    </row>
    <row r="2658" spans="1:5" x14ac:dyDescent="0.25">
      <c r="A2658" s="1">
        <v>43666.583333333336</v>
      </c>
      <c r="B2658" s="2">
        <v>56.6</v>
      </c>
      <c r="C2658">
        <v>4.2607299999999997</v>
      </c>
      <c r="D2658">
        <f t="shared" si="82"/>
        <v>4.2607299999999999E-3</v>
      </c>
      <c r="E2658" s="6">
        <f t="shared" si="83"/>
        <v>0.24115731800000001</v>
      </c>
    </row>
    <row r="2659" spans="1:5" x14ac:dyDescent="0.25">
      <c r="A2659" s="1">
        <v>43666.625</v>
      </c>
      <c r="B2659" s="2">
        <v>60.37</v>
      </c>
      <c r="C2659">
        <v>2.1799540000000004</v>
      </c>
      <c r="D2659">
        <f t="shared" si="82"/>
        <v>2.1799540000000004E-3</v>
      </c>
      <c r="E2659" s="6">
        <f t="shared" si="83"/>
        <v>0.13160382298000003</v>
      </c>
    </row>
    <row r="2660" spans="1:5" x14ac:dyDescent="0.25">
      <c r="A2660" s="1">
        <v>43666.666666666664</v>
      </c>
      <c r="B2660" s="2">
        <v>65.33</v>
      </c>
      <c r="C2660">
        <v>3.9693069999999997</v>
      </c>
      <c r="D2660">
        <f t="shared" si="82"/>
        <v>3.969307E-3</v>
      </c>
      <c r="E2660" s="6">
        <f t="shared" si="83"/>
        <v>0.25931482630999997</v>
      </c>
    </row>
    <row r="2661" spans="1:5" x14ac:dyDescent="0.25">
      <c r="A2661" s="1">
        <v>43666.708333333336</v>
      </c>
      <c r="B2661" s="2">
        <v>63.78</v>
      </c>
      <c r="C2661">
        <v>3.3992600000000004</v>
      </c>
      <c r="D2661">
        <f t="shared" si="82"/>
        <v>3.3992600000000003E-3</v>
      </c>
      <c r="E2661" s="6">
        <f t="shared" si="83"/>
        <v>0.21680480280000003</v>
      </c>
    </row>
    <row r="2662" spans="1:5" x14ac:dyDescent="0.25">
      <c r="A2662" s="1">
        <v>43666.75</v>
      </c>
      <c r="B2662" s="2">
        <v>49.45</v>
      </c>
      <c r="C2662">
        <v>1.9535530000000001</v>
      </c>
      <c r="D2662">
        <f t="shared" si="82"/>
        <v>1.9535530000000002E-3</v>
      </c>
      <c r="E2662" s="6">
        <f t="shared" si="83"/>
        <v>9.6603195850000018E-2</v>
      </c>
    </row>
    <row r="2663" spans="1:5" x14ac:dyDescent="0.25">
      <c r="A2663" s="1">
        <v>43666.791666666664</v>
      </c>
      <c r="B2663" s="2">
        <v>40.450000000000003</v>
      </c>
      <c r="C2663">
        <v>0.82730700000000001</v>
      </c>
      <c r="D2663">
        <f t="shared" si="82"/>
        <v>8.27307E-4</v>
      </c>
      <c r="E2663" s="6">
        <f t="shared" si="83"/>
        <v>3.3464568150000006E-2</v>
      </c>
    </row>
    <row r="2664" spans="1:5" x14ac:dyDescent="0.25">
      <c r="A2664" s="1">
        <v>43666.833333333336</v>
      </c>
      <c r="B2664" s="2">
        <v>38.130000000000003</v>
      </c>
      <c r="C2664">
        <v>6.4853999999999995E-2</v>
      </c>
      <c r="D2664">
        <f t="shared" si="82"/>
        <v>6.4853999999999999E-5</v>
      </c>
      <c r="E2664" s="6">
        <f t="shared" si="83"/>
        <v>2.4728830200000003E-3</v>
      </c>
    </row>
    <row r="2665" spans="1:5" x14ac:dyDescent="0.25">
      <c r="A2665" s="1">
        <v>43666.875</v>
      </c>
      <c r="B2665" s="2">
        <v>34.619999999999997</v>
      </c>
      <c r="C2665">
        <v>0</v>
      </c>
      <c r="D2665">
        <f t="shared" si="82"/>
        <v>0</v>
      </c>
      <c r="E2665" s="6">
        <f t="shared" si="83"/>
        <v>0</v>
      </c>
    </row>
    <row r="2666" spans="1:5" x14ac:dyDescent="0.25">
      <c r="A2666" s="1">
        <v>43666.916666666664</v>
      </c>
      <c r="B2666" s="2">
        <v>28.68</v>
      </c>
      <c r="C2666">
        <v>0</v>
      </c>
      <c r="D2666">
        <f t="shared" si="82"/>
        <v>0</v>
      </c>
      <c r="E2666" s="6">
        <f t="shared" si="83"/>
        <v>0</v>
      </c>
    </row>
    <row r="2667" spans="1:5" x14ac:dyDescent="0.25">
      <c r="A2667" s="1">
        <v>43666.958333333336</v>
      </c>
      <c r="B2667" s="2">
        <v>23.95</v>
      </c>
      <c r="C2667">
        <v>0</v>
      </c>
      <c r="D2667">
        <f t="shared" si="82"/>
        <v>0</v>
      </c>
      <c r="E2667" s="6">
        <f t="shared" si="83"/>
        <v>0</v>
      </c>
    </row>
    <row r="2668" spans="1:5" x14ac:dyDescent="0.25">
      <c r="A2668" s="1">
        <v>43667</v>
      </c>
      <c r="B2668" s="2">
        <v>22.91</v>
      </c>
      <c r="C2668">
        <v>0</v>
      </c>
      <c r="D2668">
        <f t="shared" si="82"/>
        <v>0</v>
      </c>
      <c r="E2668" s="6">
        <f t="shared" si="83"/>
        <v>0</v>
      </c>
    </row>
    <row r="2669" spans="1:5" x14ac:dyDescent="0.25">
      <c r="A2669" s="1">
        <v>43667.041666666664</v>
      </c>
      <c r="B2669" s="2">
        <v>21.7</v>
      </c>
      <c r="C2669">
        <v>0</v>
      </c>
      <c r="D2669">
        <f t="shared" si="82"/>
        <v>0</v>
      </c>
      <c r="E2669" s="6">
        <f t="shared" si="83"/>
        <v>0</v>
      </c>
    </row>
    <row r="2670" spans="1:5" x14ac:dyDescent="0.25">
      <c r="A2670" s="1">
        <v>43667.083333333336</v>
      </c>
      <c r="B2670" s="2">
        <v>20.11</v>
      </c>
      <c r="C2670">
        <v>0</v>
      </c>
      <c r="D2670">
        <f t="shared" si="82"/>
        <v>0</v>
      </c>
      <c r="E2670" s="6">
        <f t="shared" si="83"/>
        <v>0</v>
      </c>
    </row>
    <row r="2671" spans="1:5" x14ac:dyDescent="0.25">
      <c r="A2671" s="1">
        <v>43667.125</v>
      </c>
      <c r="B2671" s="2">
        <v>19.559999999999999</v>
      </c>
      <c r="C2671">
        <v>0</v>
      </c>
      <c r="D2671">
        <f t="shared" si="82"/>
        <v>0</v>
      </c>
      <c r="E2671" s="6">
        <f t="shared" si="83"/>
        <v>0</v>
      </c>
    </row>
    <row r="2672" spans="1:5" x14ac:dyDescent="0.25">
      <c r="A2672" s="1">
        <v>43667.166666666664</v>
      </c>
      <c r="B2672" s="2">
        <v>18.87</v>
      </c>
      <c r="C2672">
        <v>0</v>
      </c>
      <c r="D2672">
        <f t="shared" si="82"/>
        <v>0</v>
      </c>
      <c r="E2672" s="6">
        <f t="shared" si="83"/>
        <v>0</v>
      </c>
    </row>
    <row r="2673" spans="1:5" x14ac:dyDescent="0.25">
      <c r="A2673" s="1">
        <v>43667.208333333336</v>
      </c>
      <c r="B2673" s="2">
        <v>18.07</v>
      </c>
      <c r="C2673">
        <v>0</v>
      </c>
      <c r="D2673">
        <f t="shared" si="82"/>
        <v>0</v>
      </c>
      <c r="E2673" s="6">
        <f t="shared" si="83"/>
        <v>0</v>
      </c>
    </row>
    <row r="2674" spans="1:5" x14ac:dyDescent="0.25">
      <c r="A2674" s="1">
        <v>43667.25</v>
      </c>
      <c r="B2674" s="2">
        <v>17.059999999999999</v>
      </c>
      <c r="C2674">
        <v>0</v>
      </c>
      <c r="D2674">
        <f t="shared" si="82"/>
        <v>0</v>
      </c>
      <c r="E2674" s="6">
        <f t="shared" si="83"/>
        <v>0</v>
      </c>
    </row>
    <row r="2675" spans="1:5" x14ac:dyDescent="0.25">
      <c r="A2675" s="1">
        <v>43667.291666666664</v>
      </c>
      <c r="B2675" s="2">
        <v>20.149999999999999</v>
      </c>
      <c r="C2675">
        <v>0.46557900000000002</v>
      </c>
      <c r="D2675">
        <f t="shared" si="82"/>
        <v>4.6557900000000004E-4</v>
      </c>
      <c r="E2675" s="6">
        <f t="shared" si="83"/>
        <v>9.3814168499999993E-3</v>
      </c>
    </row>
    <row r="2676" spans="1:5" x14ac:dyDescent="0.25">
      <c r="A2676" s="1">
        <v>43667.333333333336</v>
      </c>
      <c r="B2676" s="2">
        <v>22.31</v>
      </c>
      <c r="C2676">
        <v>1.9598610000000001</v>
      </c>
      <c r="D2676">
        <f t="shared" si="82"/>
        <v>1.9598610000000002E-3</v>
      </c>
      <c r="E2676" s="6">
        <f t="shared" si="83"/>
        <v>4.3724498909999999E-2</v>
      </c>
    </row>
    <row r="2677" spans="1:5" x14ac:dyDescent="0.25">
      <c r="A2677" s="1">
        <v>43667.375</v>
      </c>
      <c r="B2677" s="2">
        <v>24.31</v>
      </c>
      <c r="C2677">
        <v>3.7145999999999999</v>
      </c>
      <c r="D2677">
        <f t="shared" si="82"/>
        <v>3.7145999999999998E-3</v>
      </c>
      <c r="E2677" s="6">
        <f t="shared" si="83"/>
        <v>9.0301925999999991E-2</v>
      </c>
    </row>
    <row r="2678" spans="1:5" x14ac:dyDescent="0.25">
      <c r="A2678" s="1">
        <v>43667.416666666664</v>
      </c>
      <c r="B2678" s="2">
        <v>27.75</v>
      </c>
      <c r="C2678">
        <v>5.1623459999999994</v>
      </c>
      <c r="D2678">
        <f t="shared" si="82"/>
        <v>5.1623459999999991E-3</v>
      </c>
      <c r="E2678" s="6">
        <f t="shared" si="83"/>
        <v>0.14325510149999998</v>
      </c>
    </row>
    <row r="2679" spans="1:5" x14ac:dyDescent="0.25">
      <c r="A2679" s="1">
        <v>43667.458333333336</v>
      </c>
      <c r="B2679" s="2">
        <v>32.6</v>
      </c>
      <c r="C2679">
        <v>6.2043520000000001</v>
      </c>
      <c r="D2679">
        <f t="shared" si="82"/>
        <v>6.2043519999999998E-3</v>
      </c>
      <c r="E2679" s="6">
        <f t="shared" si="83"/>
        <v>0.2022618752</v>
      </c>
    </row>
    <row r="2680" spans="1:5" x14ac:dyDescent="0.25">
      <c r="A2680" s="1">
        <v>43667.5</v>
      </c>
      <c r="B2680" s="2">
        <v>35.06</v>
      </c>
      <c r="C2680">
        <v>6.8190720000000002</v>
      </c>
      <c r="D2680">
        <f t="shared" si="82"/>
        <v>6.8190720000000007E-3</v>
      </c>
      <c r="E2680" s="6">
        <f t="shared" si="83"/>
        <v>0.23907666432000005</v>
      </c>
    </row>
    <row r="2681" spans="1:5" x14ac:dyDescent="0.25">
      <c r="A2681" s="1">
        <v>43667.541666666664</v>
      </c>
      <c r="B2681" s="2">
        <v>37.32</v>
      </c>
      <c r="C2681">
        <v>7.0138030000000002</v>
      </c>
      <c r="D2681">
        <f t="shared" si="82"/>
        <v>7.0138029999999999E-3</v>
      </c>
      <c r="E2681" s="6">
        <f t="shared" si="83"/>
        <v>0.26175512796</v>
      </c>
    </row>
    <row r="2682" spans="1:5" x14ac:dyDescent="0.25">
      <c r="A2682" s="1">
        <v>43667.583333333336</v>
      </c>
      <c r="B2682" s="2">
        <v>41.56</v>
      </c>
      <c r="C2682">
        <v>6.861046</v>
      </c>
      <c r="D2682">
        <f t="shared" si="82"/>
        <v>6.861046E-3</v>
      </c>
      <c r="E2682" s="6">
        <f t="shared" si="83"/>
        <v>0.28514507176000004</v>
      </c>
    </row>
    <row r="2683" spans="1:5" x14ac:dyDescent="0.25">
      <c r="A2683" s="1">
        <v>43667.625</v>
      </c>
      <c r="B2683" s="2">
        <v>43.51</v>
      </c>
      <c r="C2683">
        <v>6.3537550000000005</v>
      </c>
      <c r="D2683">
        <f t="shared" si="82"/>
        <v>6.3537550000000009E-3</v>
      </c>
      <c r="E2683" s="6">
        <f t="shared" si="83"/>
        <v>0.27645188005000004</v>
      </c>
    </row>
    <row r="2684" spans="1:5" x14ac:dyDescent="0.25">
      <c r="A2684" s="1">
        <v>43667.666666666664</v>
      </c>
      <c r="B2684" s="2">
        <v>46.2</v>
      </c>
      <c r="C2684">
        <v>5.397869</v>
      </c>
      <c r="D2684">
        <f t="shared" si="82"/>
        <v>5.3978690000000005E-3</v>
      </c>
      <c r="E2684" s="6">
        <f t="shared" si="83"/>
        <v>0.24938154780000005</v>
      </c>
    </row>
    <row r="2685" spans="1:5" x14ac:dyDescent="0.25">
      <c r="A2685" s="1">
        <v>43667.708333333336</v>
      </c>
      <c r="B2685" s="2">
        <v>45.13</v>
      </c>
      <c r="C2685">
        <v>4.044257</v>
      </c>
      <c r="D2685">
        <f t="shared" si="82"/>
        <v>4.0442569999999999E-3</v>
      </c>
      <c r="E2685" s="6">
        <f t="shared" si="83"/>
        <v>0.18251731841000002</v>
      </c>
    </row>
    <row r="2686" spans="1:5" x14ac:dyDescent="0.25">
      <c r="A2686" s="1">
        <v>43667.75</v>
      </c>
      <c r="B2686" s="2">
        <v>38.49</v>
      </c>
      <c r="C2686">
        <v>2.3649589999999998</v>
      </c>
      <c r="D2686">
        <f t="shared" si="82"/>
        <v>2.3649589999999998E-3</v>
      </c>
      <c r="E2686" s="6">
        <f t="shared" si="83"/>
        <v>9.1027271909999999E-2</v>
      </c>
    </row>
    <row r="2687" spans="1:5" x14ac:dyDescent="0.25">
      <c r="A2687" s="1">
        <v>43667.791666666664</v>
      </c>
      <c r="B2687" s="2">
        <v>35.08</v>
      </c>
      <c r="C2687">
        <v>0.78455600000000003</v>
      </c>
      <c r="D2687">
        <f t="shared" si="82"/>
        <v>7.8455600000000006E-4</v>
      </c>
      <c r="E2687" s="6">
        <f t="shared" si="83"/>
        <v>2.7522224479999999E-2</v>
      </c>
    </row>
    <row r="2688" spans="1:5" x14ac:dyDescent="0.25">
      <c r="A2688" s="1">
        <v>43667.833333333336</v>
      </c>
      <c r="B2688" s="2">
        <v>32.79</v>
      </c>
      <c r="C2688">
        <v>0.12439499999999999</v>
      </c>
      <c r="D2688">
        <f t="shared" si="82"/>
        <v>1.2439499999999999E-4</v>
      </c>
      <c r="E2688" s="6">
        <f t="shared" si="83"/>
        <v>4.0789120499999994E-3</v>
      </c>
    </row>
    <row r="2689" spans="1:5" x14ac:dyDescent="0.25">
      <c r="A2689" s="1">
        <v>43667.875</v>
      </c>
      <c r="B2689" s="2">
        <v>29.61</v>
      </c>
      <c r="C2689">
        <v>0</v>
      </c>
      <c r="D2689">
        <f t="shared" si="82"/>
        <v>0</v>
      </c>
      <c r="E2689" s="6">
        <f t="shared" si="83"/>
        <v>0</v>
      </c>
    </row>
    <row r="2690" spans="1:5" x14ac:dyDescent="0.25">
      <c r="A2690" s="1">
        <v>43667.916666666664</v>
      </c>
      <c r="B2690" s="2">
        <v>25.05</v>
      </c>
      <c r="C2690">
        <v>0</v>
      </c>
      <c r="D2690">
        <f t="shared" si="82"/>
        <v>0</v>
      </c>
      <c r="E2690" s="6">
        <f t="shared" si="83"/>
        <v>0</v>
      </c>
    </row>
    <row r="2691" spans="1:5" x14ac:dyDescent="0.25">
      <c r="A2691" s="1">
        <v>43667.958333333336</v>
      </c>
      <c r="B2691" s="2">
        <v>22.83</v>
      </c>
      <c r="C2691">
        <v>0</v>
      </c>
      <c r="D2691">
        <f t="shared" si="82"/>
        <v>0</v>
      </c>
      <c r="E2691" s="6">
        <f t="shared" si="83"/>
        <v>0</v>
      </c>
    </row>
    <row r="2692" spans="1:5" x14ac:dyDescent="0.25">
      <c r="A2692" s="1">
        <v>43668</v>
      </c>
      <c r="B2692" s="2">
        <v>22.33</v>
      </c>
      <c r="C2692">
        <v>0</v>
      </c>
      <c r="D2692">
        <f t="shared" si="82"/>
        <v>0</v>
      </c>
      <c r="E2692" s="6">
        <f t="shared" si="83"/>
        <v>0</v>
      </c>
    </row>
    <row r="2693" spans="1:5" x14ac:dyDescent="0.25">
      <c r="A2693" s="1">
        <v>43668.041666666664</v>
      </c>
      <c r="B2693" s="2">
        <v>20.81</v>
      </c>
      <c r="C2693">
        <v>0</v>
      </c>
      <c r="D2693">
        <f t="shared" si="82"/>
        <v>0</v>
      </c>
      <c r="E2693" s="6">
        <f t="shared" si="83"/>
        <v>0</v>
      </c>
    </row>
    <row r="2694" spans="1:5" x14ac:dyDescent="0.25">
      <c r="A2694" s="1">
        <v>43668.083333333336</v>
      </c>
      <c r="B2694" s="2">
        <v>19.91</v>
      </c>
      <c r="C2694">
        <v>0</v>
      </c>
      <c r="D2694">
        <f t="shared" ref="D2694:D2757" si="84">C2694/1000</f>
        <v>0</v>
      </c>
      <c r="E2694" s="6">
        <f t="shared" ref="E2694:E2757" si="85">D2694*B2694</f>
        <v>0</v>
      </c>
    </row>
    <row r="2695" spans="1:5" x14ac:dyDescent="0.25">
      <c r="A2695" s="1">
        <v>43668.125</v>
      </c>
      <c r="B2695" s="2">
        <v>19.47</v>
      </c>
      <c r="C2695">
        <v>0</v>
      </c>
      <c r="D2695">
        <f t="shared" si="84"/>
        <v>0</v>
      </c>
      <c r="E2695" s="6">
        <f t="shared" si="85"/>
        <v>0</v>
      </c>
    </row>
    <row r="2696" spans="1:5" x14ac:dyDescent="0.25">
      <c r="A2696" s="1">
        <v>43668.166666666664</v>
      </c>
      <c r="B2696" s="2">
        <v>19.28</v>
      </c>
      <c r="C2696">
        <v>0</v>
      </c>
      <c r="D2696">
        <f t="shared" si="84"/>
        <v>0</v>
      </c>
      <c r="E2696" s="6">
        <f t="shared" si="85"/>
        <v>0</v>
      </c>
    </row>
    <row r="2697" spans="1:5" x14ac:dyDescent="0.25">
      <c r="A2697" s="1">
        <v>43668.208333333336</v>
      </c>
      <c r="B2697" s="2">
        <v>19.77</v>
      </c>
      <c r="C2697">
        <v>0</v>
      </c>
      <c r="D2697">
        <f t="shared" si="84"/>
        <v>0</v>
      </c>
      <c r="E2697" s="6">
        <f t="shared" si="85"/>
        <v>0</v>
      </c>
    </row>
    <row r="2698" spans="1:5" x14ac:dyDescent="0.25">
      <c r="A2698" s="1">
        <v>43668.25</v>
      </c>
      <c r="B2698" s="2">
        <v>21.19</v>
      </c>
      <c r="C2698">
        <v>0</v>
      </c>
      <c r="D2698">
        <f t="shared" si="84"/>
        <v>0</v>
      </c>
      <c r="E2698" s="6">
        <f t="shared" si="85"/>
        <v>0</v>
      </c>
    </row>
    <row r="2699" spans="1:5" x14ac:dyDescent="0.25">
      <c r="A2699" s="1">
        <v>43668.291666666664</v>
      </c>
      <c r="B2699" s="2">
        <v>22.63</v>
      </c>
      <c r="C2699">
        <v>0.488313</v>
      </c>
      <c r="D2699">
        <f t="shared" si="84"/>
        <v>4.8831299999999998E-4</v>
      </c>
      <c r="E2699" s="6">
        <f t="shared" si="85"/>
        <v>1.105052319E-2</v>
      </c>
    </row>
    <row r="2700" spans="1:5" x14ac:dyDescent="0.25">
      <c r="A2700" s="1">
        <v>43668.333333333336</v>
      </c>
      <c r="B2700" s="2">
        <v>24.27</v>
      </c>
      <c r="C2700">
        <v>1.921748</v>
      </c>
      <c r="D2700">
        <f t="shared" si="84"/>
        <v>1.921748E-3</v>
      </c>
      <c r="E2700" s="6">
        <f t="shared" si="85"/>
        <v>4.6640823960000001E-2</v>
      </c>
    </row>
    <row r="2701" spans="1:5" x14ac:dyDescent="0.25">
      <c r="A2701" s="1">
        <v>43668.375</v>
      </c>
      <c r="B2701" s="2">
        <v>26.17</v>
      </c>
      <c r="C2701">
        <v>2.1653220000000002</v>
      </c>
      <c r="D2701">
        <f t="shared" si="84"/>
        <v>2.1653220000000003E-3</v>
      </c>
      <c r="E2701" s="6">
        <f t="shared" si="85"/>
        <v>5.6666476740000013E-2</v>
      </c>
    </row>
    <row r="2702" spans="1:5" x14ac:dyDescent="0.25">
      <c r="A2702" s="1">
        <v>43668.416666666664</v>
      </c>
      <c r="B2702" s="2">
        <v>28.49</v>
      </c>
      <c r="C2702">
        <v>2.4732959999999999</v>
      </c>
      <c r="D2702">
        <f t="shared" si="84"/>
        <v>2.4732959999999998E-3</v>
      </c>
      <c r="E2702" s="6">
        <f t="shared" si="85"/>
        <v>7.0464203039999992E-2</v>
      </c>
    </row>
    <row r="2703" spans="1:5" x14ac:dyDescent="0.25">
      <c r="A2703" s="1">
        <v>43668.458333333336</v>
      </c>
      <c r="B2703" s="2">
        <v>29.72</v>
      </c>
      <c r="C2703">
        <v>6.1851700000000003</v>
      </c>
      <c r="D2703">
        <f t="shared" si="84"/>
        <v>6.1851700000000003E-3</v>
      </c>
      <c r="E2703" s="6">
        <f t="shared" si="85"/>
        <v>0.1838232524</v>
      </c>
    </row>
    <row r="2704" spans="1:5" x14ac:dyDescent="0.25">
      <c r="A2704" s="1">
        <v>43668.5</v>
      </c>
      <c r="B2704" s="2">
        <v>31.26</v>
      </c>
      <c r="C2704">
        <v>3.9415200000000001</v>
      </c>
      <c r="D2704">
        <f t="shared" si="84"/>
        <v>3.9415200000000004E-3</v>
      </c>
      <c r="E2704" s="6">
        <f t="shared" si="85"/>
        <v>0.12321191520000002</v>
      </c>
    </row>
    <row r="2705" spans="1:5" x14ac:dyDescent="0.25">
      <c r="A2705" s="1">
        <v>43668.541666666664</v>
      </c>
      <c r="B2705" s="2">
        <v>32.200000000000003</v>
      </c>
      <c r="C2705">
        <v>7.0975679999999999</v>
      </c>
      <c r="D2705">
        <f t="shared" si="84"/>
        <v>7.0975680000000003E-3</v>
      </c>
      <c r="E2705" s="6">
        <f t="shared" si="85"/>
        <v>0.22854168960000004</v>
      </c>
    </row>
    <row r="2706" spans="1:5" x14ac:dyDescent="0.25">
      <c r="A2706" s="1">
        <v>43668.583333333336</v>
      </c>
      <c r="B2706" s="2">
        <v>34.1</v>
      </c>
      <c r="C2706">
        <v>5.8250299999999999</v>
      </c>
      <c r="D2706">
        <f t="shared" si="84"/>
        <v>5.8250300000000001E-3</v>
      </c>
      <c r="E2706" s="6">
        <f t="shared" si="85"/>
        <v>0.19863352300000001</v>
      </c>
    </row>
    <row r="2707" spans="1:5" x14ac:dyDescent="0.25">
      <c r="A2707" s="1">
        <v>43668.625</v>
      </c>
      <c r="B2707" s="2">
        <v>33.340000000000003</v>
      </c>
      <c r="C2707">
        <v>4.9880399999999998</v>
      </c>
      <c r="D2707">
        <f t="shared" si="84"/>
        <v>4.98804E-3</v>
      </c>
      <c r="E2707" s="6">
        <f t="shared" si="85"/>
        <v>0.1663012536</v>
      </c>
    </row>
    <row r="2708" spans="1:5" x14ac:dyDescent="0.25">
      <c r="A2708" s="1">
        <v>43668.666666666664</v>
      </c>
      <c r="B2708" s="2">
        <v>33.75</v>
      </c>
      <c r="C2708">
        <v>3.4917730000000002</v>
      </c>
      <c r="D2708">
        <f t="shared" si="84"/>
        <v>3.4917730000000001E-3</v>
      </c>
      <c r="E2708" s="6">
        <f t="shared" si="85"/>
        <v>0.11784733875</v>
      </c>
    </row>
    <row r="2709" spans="1:5" x14ac:dyDescent="0.25">
      <c r="A2709" s="1">
        <v>43668.708333333336</v>
      </c>
      <c r="B2709" s="2">
        <v>32.76</v>
      </c>
      <c r="C2709">
        <v>4.0981079999999999</v>
      </c>
      <c r="D2709">
        <f t="shared" si="84"/>
        <v>4.0981079999999996E-3</v>
      </c>
      <c r="E2709" s="6">
        <f t="shared" si="85"/>
        <v>0.13425401807999998</v>
      </c>
    </row>
    <row r="2710" spans="1:5" x14ac:dyDescent="0.25">
      <c r="A2710" s="1">
        <v>43668.75</v>
      </c>
      <c r="B2710" s="2">
        <v>29.46</v>
      </c>
      <c r="C2710">
        <v>1.854733</v>
      </c>
      <c r="D2710">
        <f t="shared" si="84"/>
        <v>1.8547329999999999E-3</v>
      </c>
      <c r="E2710" s="6">
        <f t="shared" si="85"/>
        <v>5.4640434179999996E-2</v>
      </c>
    </row>
    <row r="2711" spans="1:5" x14ac:dyDescent="0.25">
      <c r="A2711" s="1">
        <v>43668.791666666664</v>
      </c>
      <c r="B2711" s="2">
        <v>26.84</v>
      </c>
      <c r="C2711">
        <v>0.689917</v>
      </c>
      <c r="D2711">
        <f t="shared" si="84"/>
        <v>6.8991699999999996E-4</v>
      </c>
      <c r="E2711" s="6">
        <f t="shared" si="85"/>
        <v>1.851737228E-2</v>
      </c>
    </row>
    <row r="2712" spans="1:5" x14ac:dyDescent="0.25">
      <c r="A2712" s="1">
        <v>43668.833333333336</v>
      </c>
      <c r="B2712" s="2">
        <v>25.77</v>
      </c>
      <c r="C2712">
        <v>5.7565999999999999E-2</v>
      </c>
      <c r="D2712">
        <f t="shared" si="84"/>
        <v>5.7565999999999997E-5</v>
      </c>
      <c r="E2712" s="6">
        <f t="shared" si="85"/>
        <v>1.4834758199999999E-3</v>
      </c>
    </row>
    <row r="2713" spans="1:5" x14ac:dyDescent="0.25">
      <c r="A2713" s="1">
        <v>43668.875</v>
      </c>
      <c r="B2713" s="2">
        <v>24.42</v>
      </c>
      <c r="C2713">
        <v>0</v>
      </c>
      <c r="D2713">
        <f t="shared" si="84"/>
        <v>0</v>
      </c>
      <c r="E2713" s="6">
        <f t="shared" si="85"/>
        <v>0</v>
      </c>
    </row>
    <row r="2714" spans="1:5" x14ac:dyDescent="0.25">
      <c r="A2714" s="1">
        <v>43668.916666666664</v>
      </c>
      <c r="B2714" s="2">
        <v>22.64</v>
      </c>
      <c r="C2714">
        <v>0</v>
      </c>
      <c r="D2714">
        <f t="shared" si="84"/>
        <v>0</v>
      </c>
      <c r="E2714" s="6">
        <f t="shared" si="85"/>
        <v>0</v>
      </c>
    </row>
    <row r="2715" spans="1:5" x14ac:dyDescent="0.25">
      <c r="A2715" s="1">
        <v>43668.958333333336</v>
      </c>
      <c r="B2715" s="2">
        <v>19.87</v>
      </c>
      <c r="C2715">
        <v>0</v>
      </c>
      <c r="D2715">
        <f t="shared" si="84"/>
        <v>0</v>
      </c>
      <c r="E2715" s="6">
        <f t="shared" si="85"/>
        <v>0</v>
      </c>
    </row>
    <row r="2716" spans="1:5" x14ac:dyDescent="0.25">
      <c r="A2716" s="1">
        <v>43669</v>
      </c>
      <c r="B2716" s="2">
        <v>19.29</v>
      </c>
      <c r="C2716">
        <v>0</v>
      </c>
      <c r="D2716">
        <f t="shared" si="84"/>
        <v>0</v>
      </c>
      <c r="E2716" s="6">
        <f t="shared" si="85"/>
        <v>0</v>
      </c>
    </row>
    <row r="2717" spans="1:5" x14ac:dyDescent="0.25">
      <c r="A2717" s="1">
        <v>43669.041666666664</v>
      </c>
      <c r="B2717" s="2">
        <v>18.809999999999999</v>
      </c>
      <c r="C2717">
        <v>0</v>
      </c>
      <c r="D2717">
        <f t="shared" si="84"/>
        <v>0</v>
      </c>
      <c r="E2717" s="6">
        <f t="shared" si="85"/>
        <v>0</v>
      </c>
    </row>
    <row r="2718" spans="1:5" x14ac:dyDescent="0.25">
      <c r="A2718" s="1">
        <v>43669.083333333336</v>
      </c>
      <c r="B2718" s="2">
        <v>16.489999999999998</v>
      </c>
      <c r="C2718">
        <v>0</v>
      </c>
      <c r="D2718">
        <f t="shared" si="84"/>
        <v>0</v>
      </c>
      <c r="E2718" s="6">
        <f t="shared" si="85"/>
        <v>0</v>
      </c>
    </row>
    <row r="2719" spans="1:5" x14ac:dyDescent="0.25">
      <c r="A2719" s="1">
        <v>43669.125</v>
      </c>
      <c r="B2719" s="2">
        <v>15.96</v>
      </c>
      <c r="C2719">
        <v>0</v>
      </c>
      <c r="D2719">
        <f t="shared" si="84"/>
        <v>0</v>
      </c>
      <c r="E2719" s="6">
        <f t="shared" si="85"/>
        <v>0</v>
      </c>
    </row>
    <row r="2720" spans="1:5" x14ac:dyDescent="0.25">
      <c r="A2720" s="1">
        <v>43669.166666666664</v>
      </c>
      <c r="B2720" s="2">
        <v>16.02</v>
      </c>
      <c r="C2720">
        <v>0</v>
      </c>
      <c r="D2720">
        <f t="shared" si="84"/>
        <v>0</v>
      </c>
      <c r="E2720" s="6">
        <f t="shared" si="85"/>
        <v>0</v>
      </c>
    </row>
    <row r="2721" spans="1:5" x14ac:dyDescent="0.25">
      <c r="A2721" s="1">
        <v>43669.208333333336</v>
      </c>
      <c r="B2721" s="2">
        <v>17.78</v>
      </c>
      <c r="C2721">
        <v>0</v>
      </c>
      <c r="D2721">
        <f t="shared" si="84"/>
        <v>0</v>
      </c>
      <c r="E2721" s="6">
        <f t="shared" si="85"/>
        <v>0</v>
      </c>
    </row>
    <row r="2722" spans="1:5" x14ac:dyDescent="0.25">
      <c r="A2722" s="1">
        <v>43669.25</v>
      </c>
      <c r="B2722" s="2">
        <v>19.5</v>
      </c>
      <c r="C2722">
        <v>0</v>
      </c>
      <c r="D2722">
        <f t="shared" si="84"/>
        <v>0</v>
      </c>
      <c r="E2722" s="6">
        <f t="shared" si="85"/>
        <v>0</v>
      </c>
    </row>
    <row r="2723" spans="1:5" x14ac:dyDescent="0.25">
      <c r="A2723" s="1">
        <v>43669.291666666664</v>
      </c>
      <c r="B2723" s="2">
        <v>20.02</v>
      </c>
      <c r="C2723">
        <v>0.45868200000000003</v>
      </c>
      <c r="D2723">
        <f t="shared" si="84"/>
        <v>4.5868200000000002E-4</v>
      </c>
      <c r="E2723" s="6">
        <f t="shared" si="85"/>
        <v>9.1828136400000007E-3</v>
      </c>
    </row>
    <row r="2724" spans="1:5" x14ac:dyDescent="0.25">
      <c r="A2724" s="1">
        <v>43669.333333333336</v>
      </c>
      <c r="B2724" s="2">
        <v>21.05</v>
      </c>
      <c r="C2724">
        <v>1.7312419999999999</v>
      </c>
      <c r="D2724">
        <f t="shared" si="84"/>
        <v>1.731242E-3</v>
      </c>
      <c r="E2724" s="6">
        <f t="shared" si="85"/>
        <v>3.6442644100000005E-2</v>
      </c>
    </row>
    <row r="2725" spans="1:5" x14ac:dyDescent="0.25">
      <c r="A2725" s="1">
        <v>43669.375</v>
      </c>
      <c r="B2725" s="2">
        <v>22.7</v>
      </c>
      <c r="C2725">
        <v>2.6828259999999999</v>
      </c>
      <c r="D2725">
        <f t="shared" si="84"/>
        <v>2.6828260000000001E-3</v>
      </c>
      <c r="E2725" s="6">
        <f t="shared" si="85"/>
        <v>6.0900150200000003E-2</v>
      </c>
    </row>
    <row r="2726" spans="1:5" x14ac:dyDescent="0.25">
      <c r="A2726" s="1">
        <v>43669.416666666664</v>
      </c>
      <c r="B2726" s="2">
        <v>23.62</v>
      </c>
      <c r="C2726">
        <v>4.0123030000000002</v>
      </c>
      <c r="D2726">
        <f t="shared" si="84"/>
        <v>4.0123030000000001E-3</v>
      </c>
      <c r="E2726" s="6">
        <f t="shared" si="85"/>
        <v>9.477059686E-2</v>
      </c>
    </row>
    <row r="2727" spans="1:5" x14ac:dyDescent="0.25">
      <c r="A2727" s="1">
        <v>43669.458333333336</v>
      </c>
      <c r="B2727" s="2">
        <v>24.3</v>
      </c>
      <c r="C2727">
        <v>2.0158550000000002</v>
      </c>
      <c r="D2727">
        <f t="shared" si="84"/>
        <v>2.015855E-3</v>
      </c>
      <c r="E2727" s="6">
        <f t="shared" si="85"/>
        <v>4.8985276500000001E-2</v>
      </c>
    </row>
    <row r="2728" spans="1:5" x14ac:dyDescent="0.25">
      <c r="A2728" s="1">
        <v>43669.5</v>
      </c>
      <c r="B2728" s="2">
        <v>24.6</v>
      </c>
      <c r="C2728">
        <v>5.2195410000000004</v>
      </c>
      <c r="D2728">
        <f t="shared" si="84"/>
        <v>5.2195410000000003E-3</v>
      </c>
      <c r="E2728" s="6">
        <f t="shared" si="85"/>
        <v>0.12840070860000002</v>
      </c>
    </row>
    <row r="2729" spans="1:5" x14ac:dyDescent="0.25">
      <c r="A2729" s="1">
        <v>43669.541666666664</v>
      </c>
      <c r="B2729" s="2">
        <v>25.22</v>
      </c>
      <c r="C2729">
        <v>4.2179449999999994</v>
      </c>
      <c r="D2729">
        <f t="shared" si="84"/>
        <v>4.217944999999999E-3</v>
      </c>
      <c r="E2729" s="6">
        <f t="shared" si="85"/>
        <v>0.10637657289999997</v>
      </c>
    </row>
    <row r="2730" spans="1:5" x14ac:dyDescent="0.25">
      <c r="A2730" s="1">
        <v>43669.583333333336</v>
      </c>
      <c r="B2730" s="2">
        <v>26.2</v>
      </c>
      <c r="C2730">
        <v>5.0297580000000002</v>
      </c>
      <c r="D2730">
        <f t="shared" si="84"/>
        <v>5.0297580000000005E-3</v>
      </c>
      <c r="E2730" s="6">
        <f t="shared" si="85"/>
        <v>0.13177965960000002</v>
      </c>
    </row>
    <row r="2731" spans="1:5" x14ac:dyDescent="0.25">
      <c r="A2731" s="1">
        <v>43669.625</v>
      </c>
      <c r="B2731" s="2">
        <v>26.6</v>
      </c>
      <c r="C2731">
        <v>5.3170219999999997</v>
      </c>
      <c r="D2731">
        <f t="shared" si="84"/>
        <v>5.3170219999999994E-3</v>
      </c>
      <c r="E2731" s="6">
        <f t="shared" si="85"/>
        <v>0.14143278519999999</v>
      </c>
    </row>
    <row r="2732" spans="1:5" x14ac:dyDescent="0.25">
      <c r="A2732" s="1">
        <v>43669.666666666664</v>
      </c>
      <c r="B2732" s="2">
        <v>27.57</v>
      </c>
      <c r="C2732">
        <v>4.2381039999999999</v>
      </c>
      <c r="D2732">
        <f t="shared" si="84"/>
        <v>4.2381039999999995E-3</v>
      </c>
      <c r="E2732" s="6">
        <f t="shared" si="85"/>
        <v>0.11684452727999999</v>
      </c>
    </row>
    <row r="2733" spans="1:5" x14ac:dyDescent="0.25">
      <c r="A2733" s="1">
        <v>43669.708333333336</v>
      </c>
      <c r="B2733" s="2">
        <v>27.66</v>
      </c>
      <c r="C2733">
        <v>3.626843</v>
      </c>
      <c r="D2733">
        <f t="shared" si="84"/>
        <v>3.6268430000000003E-3</v>
      </c>
      <c r="E2733" s="6">
        <f t="shared" si="85"/>
        <v>0.10031847738000001</v>
      </c>
    </row>
    <row r="2734" spans="1:5" x14ac:dyDescent="0.25">
      <c r="A2734" s="1">
        <v>43669.75</v>
      </c>
      <c r="B2734" s="2">
        <v>26.45</v>
      </c>
      <c r="C2734">
        <v>2.0334509999999999</v>
      </c>
      <c r="D2734">
        <f t="shared" si="84"/>
        <v>2.0334509999999999E-3</v>
      </c>
      <c r="E2734" s="6">
        <f t="shared" si="85"/>
        <v>5.3784778949999994E-2</v>
      </c>
    </row>
    <row r="2735" spans="1:5" x14ac:dyDescent="0.25">
      <c r="A2735" s="1">
        <v>43669.791666666664</v>
      </c>
      <c r="B2735" s="2">
        <v>25.25</v>
      </c>
      <c r="C2735">
        <v>0.75444</v>
      </c>
      <c r="D2735">
        <f t="shared" si="84"/>
        <v>7.5443999999999999E-4</v>
      </c>
      <c r="E2735" s="6">
        <f t="shared" si="85"/>
        <v>1.9049610000000002E-2</v>
      </c>
    </row>
    <row r="2736" spans="1:5" x14ac:dyDescent="0.25">
      <c r="A2736" s="1">
        <v>43669.833333333336</v>
      </c>
      <c r="B2736" s="2">
        <v>25.06</v>
      </c>
      <c r="C2736">
        <v>4.1146999999999996E-2</v>
      </c>
      <c r="D2736">
        <f t="shared" si="84"/>
        <v>4.1146999999999998E-5</v>
      </c>
      <c r="E2736" s="6">
        <f t="shared" si="85"/>
        <v>1.03114382E-3</v>
      </c>
    </row>
    <row r="2737" spans="1:5" x14ac:dyDescent="0.25">
      <c r="A2737" s="1">
        <v>43669.875</v>
      </c>
      <c r="B2737" s="2">
        <v>23.66</v>
      </c>
      <c r="C2737">
        <v>0</v>
      </c>
      <c r="D2737">
        <f t="shared" si="84"/>
        <v>0</v>
      </c>
      <c r="E2737" s="6">
        <f t="shared" si="85"/>
        <v>0</v>
      </c>
    </row>
    <row r="2738" spans="1:5" x14ac:dyDescent="0.25">
      <c r="A2738" s="1">
        <v>43669.916666666664</v>
      </c>
      <c r="B2738" s="2">
        <v>21.71</v>
      </c>
      <c r="C2738">
        <v>0</v>
      </c>
      <c r="D2738">
        <f t="shared" si="84"/>
        <v>0</v>
      </c>
      <c r="E2738" s="6">
        <f t="shared" si="85"/>
        <v>0</v>
      </c>
    </row>
    <row r="2739" spans="1:5" x14ac:dyDescent="0.25">
      <c r="A2739" s="1">
        <v>43669.958333333336</v>
      </c>
      <c r="B2739" s="2">
        <v>19.77</v>
      </c>
      <c r="C2739">
        <v>0</v>
      </c>
      <c r="D2739">
        <f t="shared" si="84"/>
        <v>0</v>
      </c>
      <c r="E2739" s="6">
        <f t="shared" si="85"/>
        <v>0</v>
      </c>
    </row>
    <row r="2740" spans="1:5" x14ac:dyDescent="0.25">
      <c r="A2740" s="1">
        <v>43670</v>
      </c>
      <c r="B2740" s="2">
        <v>18.059999999999999</v>
      </c>
      <c r="C2740">
        <v>0</v>
      </c>
      <c r="D2740">
        <f t="shared" si="84"/>
        <v>0</v>
      </c>
      <c r="E2740" s="6">
        <f t="shared" si="85"/>
        <v>0</v>
      </c>
    </row>
    <row r="2741" spans="1:5" x14ac:dyDescent="0.25">
      <c r="A2741" s="1">
        <v>43670.041666666664</v>
      </c>
      <c r="B2741" s="2">
        <v>16.32</v>
      </c>
      <c r="C2741">
        <v>0</v>
      </c>
      <c r="D2741">
        <f t="shared" si="84"/>
        <v>0</v>
      </c>
      <c r="E2741" s="6">
        <f t="shared" si="85"/>
        <v>0</v>
      </c>
    </row>
    <row r="2742" spans="1:5" x14ac:dyDescent="0.25">
      <c r="A2742" s="1">
        <v>43670.083333333336</v>
      </c>
      <c r="B2742" s="2">
        <v>15.45</v>
      </c>
      <c r="C2742">
        <v>0</v>
      </c>
      <c r="D2742">
        <f t="shared" si="84"/>
        <v>0</v>
      </c>
      <c r="E2742" s="6">
        <f t="shared" si="85"/>
        <v>0</v>
      </c>
    </row>
    <row r="2743" spans="1:5" x14ac:dyDescent="0.25">
      <c r="A2743" s="1">
        <v>43670.125</v>
      </c>
      <c r="B2743" s="2">
        <v>14.74</v>
      </c>
      <c r="C2743">
        <v>0</v>
      </c>
      <c r="D2743">
        <f t="shared" si="84"/>
        <v>0</v>
      </c>
      <c r="E2743" s="6">
        <f t="shared" si="85"/>
        <v>0</v>
      </c>
    </row>
    <row r="2744" spans="1:5" x14ac:dyDescent="0.25">
      <c r="A2744" s="1">
        <v>43670.166666666664</v>
      </c>
      <c r="B2744" s="2">
        <v>14.95</v>
      </c>
      <c r="C2744">
        <v>0</v>
      </c>
      <c r="D2744">
        <f t="shared" si="84"/>
        <v>0</v>
      </c>
      <c r="E2744" s="6">
        <f t="shared" si="85"/>
        <v>0</v>
      </c>
    </row>
    <row r="2745" spans="1:5" x14ac:dyDescent="0.25">
      <c r="A2745" s="1">
        <v>43670.208333333336</v>
      </c>
      <c r="B2745" s="2">
        <v>16.100000000000001</v>
      </c>
      <c r="C2745">
        <v>0</v>
      </c>
      <c r="D2745">
        <f t="shared" si="84"/>
        <v>0</v>
      </c>
      <c r="E2745" s="6">
        <f t="shared" si="85"/>
        <v>0</v>
      </c>
    </row>
    <row r="2746" spans="1:5" x14ac:dyDescent="0.25">
      <c r="A2746" s="1">
        <v>43670.25</v>
      </c>
      <c r="B2746" s="2">
        <v>18.52</v>
      </c>
      <c r="C2746">
        <v>0</v>
      </c>
      <c r="D2746">
        <f t="shared" si="84"/>
        <v>0</v>
      </c>
      <c r="E2746" s="6">
        <f t="shared" si="85"/>
        <v>0</v>
      </c>
    </row>
    <row r="2747" spans="1:5" x14ac:dyDescent="0.25">
      <c r="A2747" s="1">
        <v>43670.291666666664</v>
      </c>
      <c r="B2747" s="2">
        <v>19.47</v>
      </c>
      <c r="C2747">
        <v>0.26727499999999998</v>
      </c>
      <c r="D2747">
        <f t="shared" si="84"/>
        <v>2.6727499999999998E-4</v>
      </c>
      <c r="E2747" s="6">
        <f t="shared" si="85"/>
        <v>5.203844249999999E-3</v>
      </c>
    </row>
    <row r="2748" spans="1:5" x14ac:dyDescent="0.25">
      <c r="A2748" s="1">
        <v>43670.333333333336</v>
      </c>
      <c r="B2748" s="2">
        <v>20.43</v>
      </c>
      <c r="C2748">
        <v>1.3470989999999998</v>
      </c>
      <c r="D2748">
        <f t="shared" si="84"/>
        <v>1.3470989999999998E-3</v>
      </c>
      <c r="E2748" s="6">
        <f t="shared" si="85"/>
        <v>2.7521232569999995E-2</v>
      </c>
    </row>
    <row r="2749" spans="1:5" x14ac:dyDescent="0.25">
      <c r="A2749" s="1">
        <v>43670.375</v>
      </c>
      <c r="B2749" s="2">
        <v>22.36</v>
      </c>
      <c r="C2749">
        <v>2.6933829999999999</v>
      </c>
      <c r="D2749">
        <f t="shared" si="84"/>
        <v>2.6933829999999997E-3</v>
      </c>
      <c r="E2749" s="6">
        <f t="shared" si="85"/>
        <v>6.0224043879999994E-2</v>
      </c>
    </row>
    <row r="2750" spans="1:5" x14ac:dyDescent="0.25">
      <c r="A2750" s="1">
        <v>43670.416666666664</v>
      </c>
      <c r="B2750" s="2">
        <v>23.57</v>
      </c>
      <c r="C2750">
        <v>4.2650169999999994</v>
      </c>
      <c r="D2750">
        <f t="shared" si="84"/>
        <v>4.2650169999999994E-3</v>
      </c>
      <c r="E2750" s="6">
        <f t="shared" si="85"/>
        <v>0.10052645068999999</v>
      </c>
    </row>
    <row r="2751" spans="1:5" x14ac:dyDescent="0.25">
      <c r="A2751" s="1">
        <v>43670.458333333336</v>
      </c>
      <c r="B2751" s="2">
        <v>25.55</v>
      </c>
      <c r="C2751">
        <v>5.2803270000000007</v>
      </c>
      <c r="D2751">
        <f t="shared" si="84"/>
        <v>5.2803270000000005E-3</v>
      </c>
      <c r="E2751" s="6">
        <f t="shared" si="85"/>
        <v>0.13491235485000003</v>
      </c>
    </row>
    <row r="2752" spans="1:5" x14ac:dyDescent="0.25">
      <c r="A2752" s="1">
        <v>43670.5</v>
      </c>
      <c r="B2752" s="2">
        <v>26.66</v>
      </c>
      <c r="C2752">
        <v>6.8819480000000004</v>
      </c>
      <c r="D2752">
        <f t="shared" si="84"/>
        <v>6.8819480000000006E-3</v>
      </c>
      <c r="E2752" s="6">
        <f t="shared" si="85"/>
        <v>0.18347273368000003</v>
      </c>
    </row>
    <row r="2753" spans="1:5" x14ac:dyDescent="0.25">
      <c r="A2753" s="1">
        <v>43670.541666666664</v>
      </c>
      <c r="B2753" s="2">
        <v>29.54</v>
      </c>
      <c r="C2753">
        <v>7.0763259999999999</v>
      </c>
      <c r="D2753">
        <f t="shared" si="84"/>
        <v>7.076326E-3</v>
      </c>
      <c r="E2753" s="6">
        <f t="shared" si="85"/>
        <v>0.20903467003999998</v>
      </c>
    </row>
    <row r="2754" spans="1:5" x14ac:dyDescent="0.25">
      <c r="A2754" s="1">
        <v>43670.583333333336</v>
      </c>
      <c r="B2754" s="2">
        <v>31.15</v>
      </c>
      <c r="C2754">
        <v>6.8986559999999999</v>
      </c>
      <c r="D2754">
        <f t="shared" si="84"/>
        <v>6.8986559999999995E-3</v>
      </c>
      <c r="E2754" s="6">
        <f t="shared" si="85"/>
        <v>0.21489313439999996</v>
      </c>
    </row>
    <row r="2755" spans="1:5" x14ac:dyDescent="0.25">
      <c r="A2755" s="1">
        <v>43670.625</v>
      </c>
      <c r="B2755" s="2">
        <v>34.380000000000003</v>
      </c>
      <c r="C2755">
        <v>6.3442740000000004</v>
      </c>
      <c r="D2755">
        <f t="shared" si="84"/>
        <v>6.3442740000000004E-3</v>
      </c>
      <c r="E2755" s="6">
        <f t="shared" si="85"/>
        <v>0.21811614012000002</v>
      </c>
    </row>
    <row r="2756" spans="1:5" x14ac:dyDescent="0.25">
      <c r="A2756" s="1">
        <v>43670.666666666664</v>
      </c>
      <c r="B2756" s="2">
        <v>36.82</v>
      </c>
      <c r="C2756">
        <v>4.8249170000000001</v>
      </c>
      <c r="D2756">
        <f t="shared" si="84"/>
        <v>4.8249169999999997E-3</v>
      </c>
      <c r="E2756" s="6">
        <f t="shared" si="85"/>
        <v>0.17765344393999999</v>
      </c>
    </row>
    <row r="2757" spans="1:5" x14ac:dyDescent="0.25">
      <c r="A2757" s="1">
        <v>43670.708333333336</v>
      </c>
      <c r="B2757" s="2">
        <v>34.43</v>
      </c>
      <c r="C2757">
        <v>4.0566789999999999</v>
      </c>
      <c r="D2757">
        <f t="shared" si="84"/>
        <v>4.0566789999999997E-3</v>
      </c>
      <c r="E2757" s="6">
        <f t="shared" si="85"/>
        <v>0.13967145797</v>
      </c>
    </row>
    <row r="2758" spans="1:5" x14ac:dyDescent="0.25">
      <c r="A2758" s="1">
        <v>43670.75</v>
      </c>
      <c r="B2758" s="2">
        <v>31.81</v>
      </c>
      <c r="C2758">
        <v>1.3277539999999999</v>
      </c>
      <c r="D2758">
        <f t="shared" ref="D2758:D2821" si="86">C2758/1000</f>
        <v>1.3277539999999998E-3</v>
      </c>
      <c r="E2758" s="6">
        <f t="shared" ref="E2758:E2821" si="87">D2758*B2758</f>
        <v>4.2235854739999988E-2</v>
      </c>
    </row>
    <row r="2759" spans="1:5" x14ac:dyDescent="0.25">
      <c r="A2759" s="1">
        <v>43670.791666666664</v>
      </c>
      <c r="B2759" s="2">
        <v>27.88</v>
      </c>
      <c r="C2759">
        <v>0.75252700000000006</v>
      </c>
      <c r="D2759">
        <f t="shared" si="86"/>
        <v>7.5252700000000001E-4</v>
      </c>
      <c r="E2759" s="6">
        <f t="shared" si="87"/>
        <v>2.0980452760000001E-2</v>
      </c>
    </row>
    <row r="2760" spans="1:5" x14ac:dyDescent="0.25">
      <c r="A2760" s="1">
        <v>43670.833333333336</v>
      </c>
      <c r="B2760" s="2">
        <v>27.68</v>
      </c>
      <c r="C2760">
        <v>5.9004000000000001E-2</v>
      </c>
      <c r="D2760">
        <f t="shared" si="86"/>
        <v>5.9004E-5</v>
      </c>
      <c r="E2760" s="6">
        <f t="shared" si="87"/>
        <v>1.63323072E-3</v>
      </c>
    </row>
    <row r="2761" spans="1:5" x14ac:dyDescent="0.25">
      <c r="A2761" s="1">
        <v>43670.875</v>
      </c>
      <c r="B2761" s="2">
        <v>25.52</v>
      </c>
      <c r="C2761">
        <v>0</v>
      </c>
      <c r="D2761">
        <f t="shared" si="86"/>
        <v>0</v>
      </c>
      <c r="E2761" s="6">
        <f t="shared" si="87"/>
        <v>0</v>
      </c>
    </row>
    <row r="2762" spans="1:5" x14ac:dyDescent="0.25">
      <c r="A2762" s="1">
        <v>43670.916666666664</v>
      </c>
      <c r="B2762" s="2">
        <v>22.96</v>
      </c>
      <c r="C2762">
        <v>0</v>
      </c>
      <c r="D2762">
        <f t="shared" si="86"/>
        <v>0</v>
      </c>
      <c r="E2762" s="6">
        <f t="shared" si="87"/>
        <v>0</v>
      </c>
    </row>
    <row r="2763" spans="1:5" x14ac:dyDescent="0.25">
      <c r="A2763" s="1">
        <v>43670.958333333336</v>
      </c>
      <c r="B2763" s="2">
        <v>20.420000000000002</v>
      </c>
      <c r="C2763">
        <v>0</v>
      </c>
      <c r="D2763">
        <f t="shared" si="86"/>
        <v>0</v>
      </c>
      <c r="E2763" s="6">
        <f t="shared" si="87"/>
        <v>0</v>
      </c>
    </row>
    <row r="2764" spans="1:5" x14ac:dyDescent="0.25">
      <c r="A2764" s="1">
        <v>43671</v>
      </c>
      <c r="B2764" s="2">
        <v>18.55</v>
      </c>
      <c r="C2764">
        <v>0</v>
      </c>
      <c r="D2764">
        <f t="shared" si="86"/>
        <v>0</v>
      </c>
      <c r="E2764" s="6">
        <f t="shared" si="87"/>
        <v>0</v>
      </c>
    </row>
    <row r="2765" spans="1:5" x14ac:dyDescent="0.25">
      <c r="A2765" s="1">
        <v>43671.041666666664</v>
      </c>
      <c r="B2765" s="2">
        <v>16.7</v>
      </c>
      <c r="C2765">
        <v>0</v>
      </c>
      <c r="D2765">
        <f t="shared" si="86"/>
        <v>0</v>
      </c>
      <c r="E2765" s="6">
        <f t="shared" si="87"/>
        <v>0</v>
      </c>
    </row>
    <row r="2766" spans="1:5" x14ac:dyDescent="0.25">
      <c r="A2766" s="1">
        <v>43671.083333333336</v>
      </c>
      <c r="B2766" s="2">
        <v>15.11</v>
      </c>
      <c r="C2766">
        <v>0</v>
      </c>
      <c r="D2766">
        <f t="shared" si="86"/>
        <v>0</v>
      </c>
      <c r="E2766" s="6">
        <f t="shared" si="87"/>
        <v>0</v>
      </c>
    </row>
    <row r="2767" spans="1:5" x14ac:dyDescent="0.25">
      <c r="A2767" s="1">
        <v>43671.125</v>
      </c>
      <c r="B2767" s="2">
        <v>14.59</v>
      </c>
      <c r="C2767">
        <v>0</v>
      </c>
      <c r="D2767">
        <f t="shared" si="86"/>
        <v>0</v>
      </c>
      <c r="E2767" s="6">
        <f t="shared" si="87"/>
        <v>0</v>
      </c>
    </row>
    <row r="2768" spans="1:5" x14ac:dyDescent="0.25">
      <c r="A2768" s="1">
        <v>43671.166666666664</v>
      </c>
      <c r="B2768" s="2">
        <v>14.45</v>
      </c>
      <c r="C2768">
        <v>0</v>
      </c>
      <c r="D2768">
        <f t="shared" si="86"/>
        <v>0</v>
      </c>
      <c r="E2768" s="6">
        <f t="shared" si="87"/>
        <v>0</v>
      </c>
    </row>
    <row r="2769" spans="1:5" x14ac:dyDescent="0.25">
      <c r="A2769" s="1">
        <v>43671.208333333336</v>
      </c>
      <c r="B2769" s="2">
        <v>15.84</v>
      </c>
      <c r="C2769">
        <v>0</v>
      </c>
      <c r="D2769">
        <f t="shared" si="86"/>
        <v>0</v>
      </c>
      <c r="E2769" s="6">
        <f t="shared" si="87"/>
        <v>0</v>
      </c>
    </row>
    <row r="2770" spans="1:5" x14ac:dyDescent="0.25">
      <c r="A2770" s="1">
        <v>43671.25</v>
      </c>
      <c r="B2770" s="2">
        <v>18.53</v>
      </c>
      <c r="C2770">
        <v>0</v>
      </c>
      <c r="D2770">
        <f t="shared" si="86"/>
        <v>0</v>
      </c>
      <c r="E2770" s="6">
        <f t="shared" si="87"/>
        <v>0</v>
      </c>
    </row>
    <row r="2771" spans="1:5" x14ac:dyDescent="0.25">
      <c r="A2771" s="1">
        <v>43671.291666666664</v>
      </c>
      <c r="B2771" s="2">
        <v>19.46</v>
      </c>
      <c r="C2771">
        <v>0.35517399999999999</v>
      </c>
      <c r="D2771">
        <f t="shared" si="86"/>
        <v>3.5517399999999998E-4</v>
      </c>
      <c r="E2771" s="6">
        <f t="shared" si="87"/>
        <v>6.9116860400000001E-3</v>
      </c>
    </row>
    <row r="2772" spans="1:5" x14ac:dyDescent="0.25">
      <c r="A2772" s="1">
        <v>43671.333333333336</v>
      </c>
      <c r="B2772" s="2">
        <v>20.190000000000001</v>
      </c>
      <c r="C2772">
        <v>1.43981</v>
      </c>
      <c r="D2772">
        <f t="shared" si="86"/>
        <v>1.4398100000000001E-3</v>
      </c>
      <c r="E2772" s="6">
        <f t="shared" si="87"/>
        <v>2.9069763900000004E-2</v>
      </c>
    </row>
    <row r="2773" spans="1:5" x14ac:dyDescent="0.25">
      <c r="A2773" s="1">
        <v>43671.375</v>
      </c>
      <c r="B2773" s="2">
        <v>21.87</v>
      </c>
      <c r="C2773">
        <v>3.7096939999999998</v>
      </c>
      <c r="D2773">
        <f t="shared" si="86"/>
        <v>3.7096939999999999E-3</v>
      </c>
      <c r="E2773" s="6">
        <f t="shared" si="87"/>
        <v>8.113100778E-2</v>
      </c>
    </row>
    <row r="2774" spans="1:5" x14ac:dyDescent="0.25">
      <c r="A2774" s="1">
        <v>43671.416666666664</v>
      </c>
      <c r="B2774" s="2">
        <v>23.55</v>
      </c>
      <c r="C2774">
        <v>3.6903969999999999</v>
      </c>
      <c r="D2774">
        <f t="shared" si="86"/>
        <v>3.6903969999999998E-3</v>
      </c>
      <c r="E2774" s="6">
        <f t="shared" si="87"/>
        <v>8.6908849349999998E-2</v>
      </c>
    </row>
    <row r="2775" spans="1:5" x14ac:dyDescent="0.25">
      <c r="A2775" s="1">
        <v>43671.458333333336</v>
      </c>
      <c r="B2775" s="2">
        <v>25.72</v>
      </c>
      <c r="C2775">
        <v>6.3226229999999992</v>
      </c>
      <c r="D2775">
        <f t="shared" si="86"/>
        <v>6.3226229999999994E-3</v>
      </c>
      <c r="E2775" s="6">
        <f t="shared" si="87"/>
        <v>0.16261786355999999</v>
      </c>
    </row>
    <row r="2776" spans="1:5" x14ac:dyDescent="0.25">
      <c r="A2776" s="1">
        <v>43671.5</v>
      </c>
      <c r="B2776" s="2">
        <v>27.56</v>
      </c>
      <c r="C2776">
        <v>6.9118050000000002</v>
      </c>
      <c r="D2776">
        <f t="shared" si="86"/>
        <v>6.911805E-3</v>
      </c>
      <c r="E2776" s="6">
        <f t="shared" si="87"/>
        <v>0.19048934579999999</v>
      </c>
    </row>
    <row r="2777" spans="1:5" x14ac:dyDescent="0.25">
      <c r="A2777" s="1">
        <v>43671.541666666664</v>
      </c>
      <c r="B2777" s="2">
        <v>29.6</v>
      </c>
      <c r="C2777">
        <v>4.6481380000000003</v>
      </c>
      <c r="D2777">
        <f t="shared" si="86"/>
        <v>4.6481380000000004E-3</v>
      </c>
      <c r="E2777" s="6">
        <f t="shared" si="87"/>
        <v>0.13758488480000003</v>
      </c>
    </row>
    <row r="2778" spans="1:5" x14ac:dyDescent="0.25">
      <c r="A2778" s="1">
        <v>43671.583333333336</v>
      </c>
      <c r="B2778" s="2">
        <v>32.700000000000003</v>
      </c>
      <c r="C2778">
        <v>7.0956950000000001</v>
      </c>
      <c r="D2778">
        <f t="shared" si="86"/>
        <v>7.095695E-3</v>
      </c>
      <c r="E2778" s="6">
        <f t="shared" si="87"/>
        <v>0.23202922650000002</v>
      </c>
    </row>
    <row r="2779" spans="1:5" x14ac:dyDescent="0.25">
      <c r="A2779" s="1">
        <v>43671.625</v>
      </c>
      <c r="B2779" s="2">
        <v>35.119999999999997</v>
      </c>
      <c r="C2779">
        <v>6.4699900000000001</v>
      </c>
      <c r="D2779">
        <f t="shared" si="86"/>
        <v>6.4699900000000001E-3</v>
      </c>
      <c r="E2779" s="6">
        <f t="shared" si="87"/>
        <v>0.2272260488</v>
      </c>
    </row>
    <row r="2780" spans="1:5" x14ac:dyDescent="0.25">
      <c r="A2780" s="1">
        <v>43671.666666666664</v>
      </c>
      <c r="B2780" s="2">
        <v>37.03</v>
      </c>
      <c r="C2780">
        <v>4.5446439999999999</v>
      </c>
      <c r="D2780">
        <f t="shared" si="86"/>
        <v>4.5446439999999996E-3</v>
      </c>
      <c r="E2780" s="6">
        <f t="shared" si="87"/>
        <v>0.16828816731999999</v>
      </c>
    </row>
    <row r="2781" spans="1:5" x14ac:dyDescent="0.25">
      <c r="A2781" s="1">
        <v>43671.708333333336</v>
      </c>
      <c r="B2781" s="2">
        <v>38.229999999999997</v>
      </c>
      <c r="C2781">
        <v>3.2334849999999999</v>
      </c>
      <c r="D2781">
        <f t="shared" si="86"/>
        <v>3.2334849999999999E-3</v>
      </c>
      <c r="E2781" s="6">
        <f t="shared" si="87"/>
        <v>0.12361613154999998</v>
      </c>
    </row>
    <row r="2782" spans="1:5" x14ac:dyDescent="0.25">
      <c r="A2782" s="1">
        <v>43671.75</v>
      </c>
      <c r="B2782" s="2">
        <v>32.659999999999997</v>
      </c>
      <c r="C2782">
        <v>1.7703230000000001</v>
      </c>
      <c r="D2782">
        <f t="shared" si="86"/>
        <v>1.7703230000000001E-3</v>
      </c>
      <c r="E2782" s="6">
        <f t="shared" si="87"/>
        <v>5.7818749179999997E-2</v>
      </c>
    </row>
    <row r="2783" spans="1:5" x14ac:dyDescent="0.25">
      <c r="A2783" s="1">
        <v>43671.791666666664</v>
      </c>
      <c r="B2783" s="2">
        <v>29.43</v>
      </c>
      <c r="C2783">
        <v>0.74296699999999993</v>
      </c>
      <c r="D2783">
        <f t="shared" si="86"/>
        <v>7.4296699999999998E-4</v>
      </c>
      <c r="E2783" s="6">
        <f t="shared" si="87"/>
        <v>2.1865518809999998E-2</v>
      </c>
    </row>
    <row r="2784" spans="1:5" x14ac:dyDescent="0.25">
      <c r="A2784" s="1">
        <v>43671.833333333336</v>
      </c>
      <c r="B2784" s="2">
        <v>29.04</v>
      </c>
      <c r="C2784">
        <v>5.1258999999999999E-2</v>
      </c>
      <c r="D2784">
        <f t="shared" si="86"/>
        <v>5.1258999999999998E-5</v>
      </c>
      <c r="E2784" s="6">
        <f t="shared" si="87"/>
        <v>1.4885613599999999E-3</v>
      </c>
    </row>
    <row r="2785" spans="1:5" x14ac:dyDescent="0.25">
      <c r="A2785" s="1">
        <v>43671.875</v>
      </c>
      <c r="B2785" s="2">
        <v>25.9</v>
      </c>
      <c r="C2785">
        <v>0</v>
      </c>
      <c r="D2785">
        <f t="shared" si="86"/>
        <v>0</v>
      </c>
      <c r="E2785" s="6">
        <f t="shared" si="87"/>
        <v>0</v>
      </c>
    </row>
    <row r="2786" spans="1:5" x14ac:dyDescent="0.25">
      <c r="A2786" s="1">
        <v>43671.916666666664</v>
      </c>
      <c r="B2786" s="2">
        <v>22.4</v>
      </c>
      <c r="C2786">
        <v>0</v>
      </c>
      <c r="D2786">
        <f t="shared" si="86"/>
        <v>0</v>
      </c>
      <c r="E2786" s="6">
        <f t="shared" si="87"/>
        <v>0</v>
      </c>
    </row>
    <row r="2787" spans="1:5" x14ac:dyDescent="0.25">
      <c r="A2787" s="1">
        <v>43671.958333333336</v>
      </c>
      <c r="B2787" s="2">
        <v>20.21</v>
      </c>
      <c r="C2787">
        <v>0</v>
      </c>
      <c r="D2787">
        <f t="shared" si="86"/>
        <v>0</v>
      </c>
      <c r="E2787" s="6">
        <f t="shared" si="87"/>
        <v>0</v>
      </c>
    </row>
    <row r="2788" spans="1:5" x14ac:dyDescent="0.25">
      <c r="A2788" s="1">
        <v>43672</v>
      </c>
      <c r="B2788" s="2">
        <v>19.46</v>
      </c>
      <c r="C2788">
        <v>0</v>
      </c>
      <c r="D2788">
        <f t="shared" si="86"/>
        <v>0</v>
      </c>
      <c r="E2788" s="6">
        <f t="shared" si="87"/>
        <v>0</v>
      </c>
    </row>
    <row r="2789" spans="1:5" x14ac:dyDescent="0.25">
      <c r="A2789" s="1">
        <v>43672.041666666664</v>
      </c>
      <c r="B2789" s="2">
        <v>18.760000000000002</v>
      </c>
      <c r="C2789">
        <v>0</v>
      </c>
      <c r="D2789">
        <f t="shared" si="86"/>
        <v>0</v>
      </c>
      <c r="E2789" s="6">
        <f t="shared" si="87"/>
        <v>0</v>
      </c>
    </row>
    <row r="2790" spans="1:5" x14ac:dyDescent="0.25">
      <c r="A2790" s="1">
        <v>43672.083333333336</v>
      </c>
      <c r="B2790" s="2">
        <v>17.079999999999998</v>
      </c>
      <c r="C2790">
        <v>0</v>
      </c>
      <c r="D2790">
        <f t="shared" si="86"/>
        <v>0</v>
      </c>
      <c r="E2790" s="6">
        <f t="shared" si="87"/>
        <v>0</v>
      </c>
    </row>
    <row r="2791" spans="1:5" x14ac:dyDescent="0.25">
      <c r="A2791" s="1">
        <v>43672.125</v>
      </c>
      <c r="B2791" s="2">
        <v>15.66</v>
      </c>
      <c r="C2791">
        <v>0</v>
      </c>
      <c r="D2791">
        <f t="shared" si="86"/>
        <v>0</v>
      </c>
      <c r="E2791" s="6">
        <f t="shared" si="87"/>
        <v>0</v>
      </c>
    </row>
    <row r="2792" spans="1:5" x14ac:dyDescent="0.25">
      <c r="A2792" s="1">
        <v>43672.166666666664</v>
      </c>
      <c r="B2792" s="2">
        <v>15.43</v>
      </c>
      <c r="C2792">
        <v>0</v>
      </c>
      <c r="D2792">
        <f t="shared" si="86"/>
        <v>0</v>
      </c>
      <c r="E2792" s="6">
        <f t="shared" si="87"/>
        <v>0</v>
      </c>
    </row>
    <row r="2793" spans="1:5" x14ac:dyDescent="0.25">
      <c r="A2793" s="1">
        <v>43672.208333333336</v>
      </c>
      <c r="B2793" s="2">
        <v>17.28</v>
      </c>
      <c r="C2793">
        <v>0</v>
      </c>
      <c r="D2793">
        <f t="shared" si="86"/>
        <v>0</v>
      </c>
      <c r="E2793" s="6">
        <f t="shared" si="87"/>
        <v>0</v>
      </c>
    </row>
    <row r="2794" spans="1:5" x14ac:dyDescent="0.25">
      <c r="A2794" s="1">
        <v>43672.25</v>
      </c>
      <c r="B2794" s="2">
        <v>19.18</v>
      </c>
      <c r="C2794">
        <v>0</v>
      </c>
      <c r="D2794">
        <f t="shared" si="86"/>
        <v>0</v>
      </c>
      <c r="E2794" s="6">
        <f t="shared" si="87"/>
        <v>0</v>
      </c>
    </row>
    <row r="2795" spans="1:5" x14ac:dyDescent="0.25">
      <c r="A2795" s="1">
        <v>43672.291666666664</v>
      </c>
      <c r="B2795" s="2">
        <v>20.66</v>
      </c>
      <c r="C2795">
        <v>0.46667000000000003</v>
      </c>
      <c r="D2795">
        <f t="shared" si="86"/>
        <v>4.6667000000000003E-4</v>
      </c>
      <c r="E2795" s="6">
        <f t="shared" si="87"/>
        <v>9.6414022000000012E-3</v>
      </c>
    </row>
    <row r="2796" spans="1:5" x14ac:dyDescent="0.25">
      <c r="A2796" s="1">
        <v>43672.333333333336</v>
      </c>
      <c r="B2796" s="2">
        <v>22.5</v>
      </c>
      <c r="C2796">
        <v>1.503295</v>
      </c>
      <c r="D2796">
        <f t="shared" si="86"/>
        <v>1.503295E-3</v>
      </c>
      <c r="E2796" s="6">
        <f t="shared" si="87"/>
        <v>3.3824137499999997E-2</v>
      </c>
    </row>
    <row r="2797" spans="1:5" x14ac:dyDescent="0.25">
      <c r="A2797" s="1">
        <v>43672.375</v>
      </c>
      <c r="B2797" s="2">
        <v>24.06</v>
      </c>
      <c r="C2797">
        <v>2.958151</v>
      </c>
      <c r="D2797">
        <f t="shared" si="86"/>
        <v>2.958151E-3</v>
      </c>
      <c r="E2797" s="6">
        <f t="shared" si="87"/>
        <v>7.1173113060000001E-2</v>
      </c>
    </row>
    <row r="2798" spans="1:5" x14ac:dyDescent="0.25">
      <c r="A2798" s="1">
        <v>43672.416666666664</v>
      </c>
      <c r="B2798" s="2">
        <v>26.47</v>
      </c>
      <c r="C2798">
        <v>4.4842009999999997</v>
      </c>
      <c r="D2798">
        <f t="shared" si="86"/>
        <v>4.4842009999999993E-3</v>
      </c>
      <c r="E2798" s="6">
        <f t="shared" si="87"/>
        <v>0.11869680046999997</v>
      </c>
    </row>
    <row r="2799" spans="1:5" x14ac:dyDescent="0.25">
      <c r="A2799" s="1">
        <v>43672.458333333336</v>
      </c>
      <c r="B2799" s="2">
        <v>30.39</v>
      </c>
      <c r="C2799">
        <v>5.014297</v>
      </c>
      <c r="D2799">
        <f t="shared" si="86"/>
        <v>5.014297E-3</v>
      </c>
      <c r="E2799" s="6">
        <f t="shared" si="87"/>
        <v>0.15238448583</v>
      </c>
    </row>
    <row r="2800" spans="1:5" x14ac:dyDescent="0.25">
      <c r="A2800" s="1">
        <v>43672.5</v>
      </c>
      <c r="B2800" s="2">
        <v>34.47</v>
      </c>
      <c r="C2800">
        <v>5.8021260000000003</v>
      </c>
      <c r="D2800">
        <f t="shared" si="86"/>
        <v>5.8021260000000003E-3</v>
      </c>
      <c r="E2800" s="6">
        <f t="shared" si="87"/>
        <v>0.19999928322000002</v>
      </c>
    </row>
    <row r="2801" spans="1:5" x14ac:dyDescent="0.25">
      <c r="A2801" s="1">
        <v>43672.541666666664</v>
      </c>
      <c r="B2801" s="2">
        <v>35.880000000000003</v>
      </c>
      <c r="C2801">
        <v>5.9071249999999997</v>
      </c>
      <c r="D2801">
        <f t="shared" si="86"/>
        <v>5.907125E-3</v>
      </c>
      <c r="E2801" s="6">
        <f t="shared" si="87"/>
        <v>0.21194764500000002</v>
      </c>
    </row>
    <row r="2802" spans="1:5" x14ac:dyDescent="0.25">
      <c r="A2802" s="1">
        <v>43672.583333333336</v>
      </c>
      <c r="B2802" s="2">
        <v>40.770000000000003</v>
      </c>
      <c r="C2802">
        <v>5.1696009999999992</v>
      </c>
      <c r="D2802">
        <f t="shared" si="86"/>
        <v>5.1696009999999994E-3</v>
      </c>
      <c r="E2802" s="6">
        <f t="shared" si="87"/>
        <v>0.21076463276999999</v>
      </c>
    </row>
    <row r="2803" spans="1:5" x14ac:dyDescent="0.25">
      <c r="A2803" s="1">
        <v>43672.625</v>
      </c>
      <c r="B2803" s="2">
        <v>45</v>
      </c>
      <c r="C2803">
        <v>5.3487420000000006</v>
      </c>
      <c r="D2803">
        <f t="shared" si="86"/>
        <v>5.3487420000000009E-3</v>
      </c>
      <c r="E2803" s="6">
        <f t="shared" si="87"/>
        <v>0.24069339000000003</v>
      </c>
    </row>
    <row r="2804" spans="1:5" x14ac:dyDescent="0.25">
      <c r="A2804" s="1">
        <v>43672.666666666664</v>
      </c>
      <c r="B2804" s="2">
        <v>49.11</v>
      </c>
      <c r="C2804">
        <v>4.6248119999999995</v>
      </c>
      <c r="D2804">
        <f t="shared" si="86"/>
        <v>4.6248119999999998E-3</v>
      </c>
      <c r="E2804" s="6">
        <f t="shared" si="87"/>
        <v>0.22712451732</v>
      </c>
    </row>
    <row r="2805" spans="1:5" x14ac:dyDescent="0.25">
      <c r="A2805" s="1">
        <v>43672.708333333336</v>
      </c>
      <c r="B2805" s="2">
        <v>48.09</v>
      </c>
      <c r="C2805">
        <v>2.9020820000000001</v>
      </c>
      <c r="D2805">
        <f t="shared" si="86"/>
        <v>2.9020819999999998E-3</v>
      </c>
      <c r="E2805" s="6">
        <f t="shared" si="87"/>
        <v>0.13956112338000001</v>
      </c>
    </row>
    <row r="2806" spans="1:5" x14ac:dyDescent="0.25">
      <c r="A2806" s="1">
        <v>43672.75</v>
      </c>
      <c r="B2806" s="2">
        <v>39.29</v>
      </c>
      <c r="C2806">
        <v>1.7133620000000001</v>
      </c>
      <c r="D2806">
        <f t="shared" si="86"/>
        <v>1.713362E-3</v>
      </c>
      <c r="E2806" s="6">
        <f t="shared" si="87"/>
        <v>6.7317992979999991E-2</v>
      </c>
    </row>
    <row r="2807" spans="1:5" x14ac:dyDescent="0.25">
      <c r="A2807" s="1">
        <v>43672.791666666664</v>
      </c>
      <c r="B2807" s="2">
        <v>33.71</v>
      </c>
      <c r="C2807">
        <v>0.58174300000000001</v>
      </c>
      <c r="D2807">
        <f t="shared" si="86"/>
        <v>5.8174300000000002E-4</v>
      </c>
      <c r="E2807" s="6">
        <f t="shared" si="87"/>
        <v>1.961055653E-2</v>
      </c>
    </row>
    <row r="2808" spans="1:5" x14ac:dyDescent="0.25">
      <c r="A2808" s="1">
        <v>43672.833333333336</v>
      </c>
      <c r="B2808" s="2">
        <v>30.78</v>
      </c>
      <c r="C2808">
        <v>7.5069999999999998E-3</v>
      </c>
      <c r="D2808">
        <f t="shared" si="86"/>
        <v>7.5069999999999994E-6</v>
      </c>
      <c r="E2808" s="6">
        <f t="shared" si="87"/>
        <v>2.3106546E-4</v>
      </c>
    </row>
    <row r="2809" spans="1:5" x14ac:dyDescent="0.25">
      <c r="A2809" s="1">
        <v>43672.875</v>
      </c>
      <c r="B2809" s="2">
        <v>28.2</v>
      </c>
      <c r="C2809">
        <v>0</v>
      </c>
      <c r="D2809">
        <f t="shared" si="86"/>
        <v>0</v>
      </c>
      <c r="E2809" s="6">
        <f t="shared" si="87"/>
        <v>0</v>
      </c>
    </row>
    <row r="2810" spans="1:5" x14ac:dyDescent="0.25">
      <c r="A2810" s="1">
        <v>43672.916666666664</v>
      </c>
      <c r="B2810" s="2">
        <v>24.41</v>
      </c>
      <c r="C2810">
        <v>0</v>
      </c>
      <c r="D2810">
        <f t="shared" si="86"/>
        <v>0</v>
      </c>
      <c r="E2810" s="6">
        <f t="shared" si="87"/>
        <v>0</v>
      </c>
    </row>
    <row r="2811" spans="1:5" x14ac:dyDescent="0.25">
      <c r="A2811" s="1">
        <v>43672.958333333336</v>
      </c>
      <c r="B2811" s="2">
        <v>22.06</v>
      </c>
      <c r="C2811">
        <v>0</v>
      </c>
      <c r="D2811">
        <f t="shared" si="86"/>
        <v>0</v>
      </c>
      <c r="E2811" s="6">
        <f t="shared" si="87"/>
        <v>0</v>
      </c>
    </row>
    <row r="2812" spans="1:5" x14ac:dyDescent="0.25">
      <c r="A2812" s="1">
        <v>43673</v>
      </c>
      <c r="B2812" s="2">
        <v>19.47</v>
      </c>
      <c r="C2812">
        <v>0</v>
      </c>
      <c r="D2812">
        <f t="shared" si="86"/>
        <v>0</v>
      </c>
      <c r="E2812" s="6">
        <f t="shared" si="87"/>
        <v>0</v>
      </c>
    </row>
    <row r="2813" spans="1:5" x14ac:dyDescent="0.25">
      <c r="A2813" s="1">
        <v>43673.041666666664</v>
      </c>
      <c r="B2813" s="2">
        <v>18.489999999999998</v>
      </c>
      <c r="C2813">
        <v>0</v>
      </c>
      <c r="D2813">
        <f t="shared" si="86"/>
        <v>0</v>
      </c>
      <c r="E2813" s="6">
        <f t="shared" si="87"/>
        <v>0</v>
      </c>
    </row>
    <row r="2814" spans="1:5" x14ac:dyDescent="0.25">
      <c r="A2814" s="1">
        <v>43673.083333333336</v>
      </c>
      <c r="B2814" s="2">
        <v>17.260000000000002</v>
      </c>
      <c r="C2814">
        <v>0</v>
      </c>
      <c r="D2814">
        <f t="shared" si="86"/>
        <v>0</v>
      </c>
      <c r="E2814" s="6">
        <f t="shared" si="87"/>
        <v>0</v>
      </c>
    </row>
    <row r="2815" spans="1:5" x14ac:dyDescent="0.25">
      <c r="A2815" s="1">
        <v>43673.125</v>
      </c>
      <c r="B2815" s="2">
        <v>15.18</v>
      </c>
      <c r="C2815">
        <v>0</v>
      </c>
      <c r="D2815">
        <f t="shared" si="86"/>
        <v>0</v>
      </c>
      <c r="E2815" s="6">
        <f t="shared" si="87"/>
        <v>0</v>
      </c>
    </row>
    <row r="2816" spans="1:5" x14ac:dyDescent="0.25">
      <c r="A2816" s="1">
        <v>43673.166666666664</v>
      </c>
      <c r="B2816" s="2">
        <v>14.31</v>
      </c>
      <c r="C2816">
        <v>0</v>
      </c>
      <c r="D2816">
        <f t="shared" si="86"/>
        <v>0</v>
      </c>
      <c r="E2816" s="6">
        <f t="shared" si="87"/>
        <v>0</v>
      </c>
    </row>
    <row r="2817" spans="1:5" x14ac:dyDescent="0.25">
      <c r="A2817" s="1">
        <v>43673.208333333336</v>
      </c>
      <c r="B2817" s="2">
        <v>14.56</v>
      </c>
      <c r="C2817">
        <v>0</v>
      </c>
      <c r="D2817">
        <f t="shared" si="86"/>
        <v>0</v>
      </c>
      <c r="E2817" s="6">
        <f t="shared" si="87"/>
        <v>0</v>
      </c>
    </row>
    <row r="2818" spans="1:5" x14ac:dyDescent="0.25">
      <c r="A2818" s="1">
        <v>43673.25</v>
      </c>
      <c r="B2818" s="2">
        <v>14.53</v>
      </c>
      <c r="C2818">
        <v>0</v>
      </c>
      <c r="D2818">
        <f t="shared" si="86"/>
        <v>0</v>
      </c>
      <c r="E2818" s="6">
        <f t="shared" si="87"/>
        <v>0</v>
      </c>
    </row>
    <row r="2819" spans="1:5" x14ac:dyDescent="0.25">
      <c r="A2819" s="1">
        <v>43673.291666666664</v>
      </c>
      <c r="B2819" s="2">
        <v>16.87</v>
      </c>
      <c r="C2819">
        <v>0.44461299999999998</v>
      </c>
      <c r="D2819">
        <f t="shared" si="86"/>
        <v>4.4461300000000001E-4</v>
      </c>
      <c r="E2819" s="6">
        <f t="shared" si="87"/>
        <v>7.5006213100000003E-3</v>
      </c>
    </row>
    <row r="2820" spans="1:5" x14ac:dyDescent="0.25">
      <c r="A2820" s="1">
        <v>43673.333333333336</v>
      </c>
      <c r="B2820" s="2">
        <v>19.63</v>
      </c>
      <c r="C2820">
        <v>1.3447200000000001</v>
      </c>
      <c r="D2820">
        <f t="shared" si="86"/>
        <v>1.3447200000000002E-3</v>
      </c>
      <c r="E2820" s="6">
        <f t="shared" si="87"/>
        <v>2.6396853600000002E-2</v>
      </c>
    </row>
    <row r="2821" spans="1:5" x14ac:dyDescent="0.25">
      <c r="A2821" s="1">
        <v>43673.375</v>
      </c>
      <c r="B2821" s="2">
        <v>21.66</v>
      </c>
      <c r="C2821">
        <v>2.2341289999999998</v>
      </c>
      <c r="D2821">
        <f t="shared" si="86"/>
        <v>2.2341289999999996E-3</v>
      </c>
      <c r="E2821" s="6">
        <f t="shared" si="87"/>
        <v>4.8391234139999989E-2</v>
      </c>
    </row>
    <row r="2822" spans="1:5" x14ac:dyDescent="0.25">
      <c r="A2822" s="1">
        <v>43673.416666666664</v>
      </c>
      <c r="B2822" s="2">
        <v>23.7</v>
      </c>
      <c r="C2822">
        <v>2.9780709999999999</v>
      </c>
      <c r="D2822">
        <f t="shared" ref="D2822:D2885" si="88">C2822/1000</f>
        <v>2.9780710000000001E-3</v>
      </c>
      <c r="E2822" s="6">
        <f t="shared" ref="E2822:E2885" si="89">D2822*B2822</f>
        <v>7.0580282699999997E-2</v>
      </c>
    </row>
    <row r="2823" spans="1:5" x14ac:dyDescent="0.25">
      <c r="A2823" s="1">
        <v>43673.458333333336</v>
      </c>
      <c r="B2823" s="2">
        <v>25.93</v>
      </c>
      <c r="C2823">
        <v>3.5567299999999999</v>
      </c>
      <c r="D2823">
        <f t="shared" si="88"/>
        <v>3.5567300000000001E-3</v>
      </c>
      <c r="E2823" s="6">
        <f t="shared" si="89"/>
        <v>9.2226008900000003E-2</v>
      </c>
    </row>
    <row r="2824" spans="1:5" x14ac:dyDescent="0.25">
      <c r="A2824" s="1">
        <v>43673.5</v>
      </c>
      <c r="B2824" s="2">
        <v>28.09</v>
      </c>
      <c r="C2824">
        <v>5.2199330000000002</v>
      </c>
      <c r="D2824">
        <f t="shared" si="88"/>
        <v>5.2199330000000004E-3</v>
      </c>
      <c r="E2824" s="6">
        <f t="shared" si="89"/>
        <v>0.14662791797000002</v>
      </c>
    </row>
    <row r="2825" spans="1:5" x14ac:dyDescent="0.25">
      <c r="A2825" s="1">
        <v>43673.541666666664</v>
      </c>
      <c r="B2825" s="2">
        <v>29.88</v>
      </c>
      <c r="C2825">
        <v>5.1195140000000006</v>
      </c>
      <c r="D2825">
        <f t="shared" si="88"/>
        <v>5.1195140000000004E-3</v>
      </c>
      <c r="E2825" s="6">
        <f t="shared" si="89"/>
        <v>0.15297107832000001</v>
      </c>
    </row>
    <row r="2826" spans="1:5" x14ac:dyDescent="0.25">
      <c r="A2826" s="1">
        <v>43673.583333333336</v>
      </c>
      <c r="B2826" s="2">
        <v>32.01</v>
      </c>
      <c r="C2826">
        <v>6.180402</v>
      </c>
      <c r="D2826">
        <f t="shared" si="88"/>
        <v>6.1804019999999998E-3</v>
      </c>
      <c r="E2826" s="6">
        <f t="shared" si="89"/>
        <v>0.19783466801999999</v>
      </c>
    </row>
    <row r="2827" spans="1:5" x14ac:dyDescent="0.25">
      <c r="A2827" s="1">
        <v>43673.625</v>
      </c>
      <c r="B2827" s="2">
        <v>35.18</v>
      </c>
      <c r="C2827">
        <v>6.5153249999999998</v>
      </c>
      <c r="D2827">
        <f t="shared" si="88"/>
        <v>6.5153249999999998E-3</v>
      </c>
      <c r="E2827" s="6">
        <f t="shared" si="89"/>
        <v>0.2292091335</v>
      </c>
    </row>
    <row r="2828" spans="1:5" x14ac:dyDescent="0.25">
      <c r="A2828" s="1">
        <v>43673.666666666664</v>
      </c>
      <c r="B2828" s="2">
        <v>39.020000000000003</v>
      </c>
      <c r="C2828">
        <v>5.5176300000000005</v>
      </c>
      <c r="D2828">
        <f t="shared" si="88"/>
        <v>5.5176300000000008E-3</v>
      </c>
      <c r="E2828" s="6">
        <f t="shared" si="89"/>
        <v>0.21529792260000005</v>
      </c>
    </row>
    <row r="2829" spans="1:5" x14ac:dyDescent="0.25">
      <c r="A2829" s="1">
        <v>43673.708333333336</v>
      </c>
      <c r="B2829" s="2">
        <v>39.15</v>
      </c>
      <c r="C2829">
        <v>4.1399840000000001</v>
      </c>
      <c r="D2829">
        <f t="shared" si="88"/>
        <v>4.1399840000000002E-3</v>
      </c>
      <c r="E2829" s="6">
        <f t="shared" si="89"/>
        <v>0.16208037359999999</v>
      </c>
    </row>
    <row r="2830" spans="1:5" x14ac:dyDescent="0.25">
      <c r="A2830" s="1">
        <v>43673.75</v>
      </c>
      <c r="B2830" s="2">
        <v>34.369999999999997</v>
      </c>
      <c r="C2830">
        <v>2.42957</v>
      </c>
      <c r="D2830">
        <f t="shared" si="88"/>
        <v>2.4295699999999998E-3</v>
      </c>
      <c r="E2830" s="6">
        <f t="shared" si="89"/>
        <v>8.3504320899999984E-2</v>
      </c>
    </row>
    <row r="2831" spans="1:5" x14ac:dyDescent="0.25">
      <c r="A2831" s="1">
        <v>43673.791666666664</v>
      </c>
      <c r="B2831" s="2">
        <v>30.42</v>
      </c>
      <c r="C2831">
        <v>0.70953900000000003</v>
      </c>
      <c r="D2831">
        <f t="shared" si="88"/>
        <v>7.0953900000000002E-4</v>
      </c>
      <c r="E2831" s="6">
        <f t="shared" si="89"/>
        <v>2.158417638E-2</v>
      </c>
    </row>
    <row r="2832" spans="1:5" x14ac:dyDescent="0.25">
      <c r="A2832" s="1">
        <v>43673.833333333336</v>
      </c>
      <c r="B2832" s="2">
        <v>27.78</v>
      </c>
      <c r="C2832">
        <v>6.7028000000000004E-2</v>
      </c>
      <c r="D2832">
        <f t="shared" si="88"/>
        <v>6.7028000000000009E-5</v>
      </c>
      <c r="E2832" s="6">
        <f t="shared" si="89"/>
        <v>1.8620378400000003E-3</v>
      </c>
    </row>
    <row r="2833" spans="1:5" x14ac:dyDescent="0.25">
      <c r="A2833" s="1">
        <v>43673.875</v>
      </c>
      <c r="B2833" s="2">
        <v>25.35</v>
      </c>
      <c r="C2833">
        <v>0</v>
      </c>
      <c r="D2833">
        <f t="shared" si="88"/>
        <v>0</v>
      </c>
      <c r="E2833" s="6">
        <f t="shared" si="89"/>
        <v>0</v>
      </c>
    </row>
    <row r="2834" spans="1:5" x14ac:dyDescent="0.25">
      <c r="A2834" s="1">
        <v>43673.916666666664</v>
      </c>
      <c r="B2834" s="2">
        <v>22.87</v>
      </c>
      <c r="C2834">
        <v>0</v>
      </c>
      <c r="D2834">
        <f t="shared" si="88"/>
        <v>0</v>
      </c>
      <c r="E2834" s="6">
        <f t="shared" si="89"/>
        <v>0</v>
      </c>
    </row>
    <row r="2835" spans="1:5" x14ac:dyDescent="0.25">
      <c r="A2835" s="1">
        <v>43673.958333333336</v>
      </c>
      <c r="B2835" s="2">
        <v>21.01</v>
      </c>
      <c r="C2835">
        <v>0</v>
      </c>
      <c r="D2835">
        <f t="shared" si="88"/>
        <v>0</v>
      </c>
      <c r="E2835" s="6">
        <f t="shared" si="89"/>
        <v>0</v>
      </c>
    </row>
    <row r="2836" spans="1:5" x14ac:dyDescent="0.25">
      <c r="A2836" s="1">
        <v>43674</v>
      </c>
      <c r="B2836" s="2">
        <v>19.18</v>
      </c>
      <c r="C2836">
        <v>0</v>
      </c>
      <c r="D2836">
        <f t="shared" si="88"/>
        <v>0</v>
      </c>
      <c r="E2836" s="6">
        <f t="shared" si="89"/>
        <v>0</v>
      </c>
    </row>
    <row r="2837" spans="1:5" x14ac:dyDescent="0.25">
      <c r="A2837" s="1">
        <v>43674.041666666664</v>
      </c>
      <c r="B2837" s="2">
        <v>18.38</v>
      </c>
      <c r="C2837">
        <v>0</v>
      </c>
      <c r="D2837">
        <f t="shared" si="88"/>
        <v>0</v>
      </c>
      <c r="E2837" s="6">
        <f t="shared" si="89"/>
        <v>0</v>
      </c>
    </row>
    <row r="2838" spans="1:5" x14ac:dyDescent="0.25">
      <c r="A2838" s="1">
        <v>43674.083333333336</v>
      </c>
      <c r="B2838" s="2">
        <v>16.54</v>
      </c>
      <c r="C2838">
        <v>0</v>
      </c>
      <c r="D2838">
        <f t="shared" si="88"/>
        <v>0</v>
      </c>
      <c r="E2838" s="6">
        <f t="shared" si="89"/>
        <v>0</v>
      </c>
    </row>
    <row r="2839" spans="1:5" x14ac:dyDescent="0.25">
      <c r="A2839" s="1">
        <v>43674.125</v>
      </c>
      <c r="B2839" s="2">
        <v>14.96</v>
      </c>
      <c r="C2839">
        <v>0</v>
      </c>
      <c r="D2839">
        <f t="shared" si="88"/>
        <v>0</v>
      </c>
      <c r="E2839" s="6">
        <f t="shared" si="89"/>
        <v>0</v>
      </c>
    </row>
    <row r="2840" spans="1:5" x14ac:dyDescent="0.25">
      <c r="A2840" s="1">
        <v>43674.166666666664</v>
      </c>
      <c r="B2840" s="2">
        <v>14.65</v>
      </c>
      <c r="C2840">
        <v>0</v>
      </c>
      <c r="D2840">
        <f t="shared" si="88"/>
        <v>0</v>
      </c>
      <c r="E2840" s="6">
        <f t="shared" si="89"/>
        <v>0</v>
      </c>
    </row>
    <row r="2841" spans="1:5" x14ac:dyDescent="0.25">
      <c r="A2841" s="1">
        <v>43674.208333333336</v>
      </c>
      <c r="B2841" s="2">
        <v>13.99</v>
      </c>
      <c r="C2841">
        <v>0</v>
      </c>
      <c r="D2841">
        <f t="shared" si="88"/>
        <v>0</v>
      </c>
      <c r="E2841" s="6">
        <f t="shared" si="89"/>
        <v>0</v>
      </c>
    </row>
    <row r="2842" spans="1:5" x14ac:dyDescent="0.25">
      <c r="A2842" s="1">
        <v>43674.25</v>
      </c>
      <c r="B2842" s="2">
        <v>13.31</v>
      </c>
      <c r="C2842">
        <v>0</v>
      </c>
      <c r="D2842">
        <f t="shared" si="88"/>
        <v>0</v>
      </c>
      <c r="E2842" s="6">
        <f t="shared" si="89"/>
        <v>0</v>
      </c>
    </row>
    <row r="2843" spans="1:5" x14ac:dyDescent="0.25">
      <c r="A2843" s="1">
        <v>43674.291666666664</v>
      </c>
      <c r="B2843" s="2">
        <v>15.18</v>
      </c>
      <c r="C2843">
        <v>0.467669</v>
      </c>
      <c r="D2843">
        <f t="shared" si="88"/>
        <v>4.6766899999999998E-4</v>
      </c>
      <c r="E2843" s="6">
        <f t="shared" si="89"/>
        <v>7.0992154199999999E-3</v>
      </c>
    </row>
    <row r="2844" spans="1:5" x14ac:dyDescent="0.25">
      <c r="A2844" s="1">
        <v>43674.333333333336</v>
      </c>
      <c r="B2844" s="2">
        <v>19.25</v>
      </c>
      <c r="C2844">
        <v>1.2955300000000001</v>
      </c>
      <c r="D2844">
        <f t="shared" si="88"/>
        <v>1.29553E-3</v>
      </c>
      <c r="E2844" s="6">
        <f t="shared" si="89"/>
        <v>2.49389525E-2</v>
      </c>
    </row>
    <row r="2845" spans="1:5" x14ac:dyDescent="0.25">
      <c r="A2845" s="1">
        <v>43674.375</v>
      </c>
      <c r="B2845" s="2">
        <v>21.9</v>
      </c>
      <c r="C2845">
        <v>2.1723020000000002</v>
      </c>
      <c r="D2845">
        <f t="shared" si="88"/>
        <v>2.1723020000000001E-3</v>
      </c>
      <c r="E2845" s="6">
        <f t="shared" si="89"/>
        <v>4.7573413799999999E-2</v>
      </c>
    </row>
    <row r="2846" spans="1:5" x14ac:dyDescent="0.25">
      <c r="A2846" s="1">
        <v>43674.416666666664</v>
      </c>
      <c r="B2846" s="2">
        <v>24.06</v>
      </c>
      <c r="C2846">
        <v>4.5460750000000001</v>
      </c>
      <c r="D2846">
        <f t="shared" si="88"/>
        <v>4.5460750000000001E-3</v>
      </c>
      <c r="E2846" s="6">
        <f t="shared" si="89"/>
        <v>0.1093785645</v>
      </c>
    </row>
    <row r="2847" spans="1:5" x14ac:dyDescent="0.25">
      <c r="A2847" s="1">
        <v>43674.458333333336</v>
      </c>
      <c r="B2847" s="2">
        <v>27.1</v>
      </c>
      <c r="C2847">
        <v>4.6144480000000003</v>
      </c>
      <c r="D2847">
        <f t="shared" si="88"/>
        <v>4.6144480000000002E-3</v>
      </c>
      <c r="E2847" s="6">
        <f t="shared" si="89"/>
        <v>0.1250515408</v>
      </c>
    </row>
    <row r="2848" spans="1:5" x14ac:dyDescent="0.25">
      <c r="A2848" s="1">
        <v>43674.5</v>
      </c>
      <c r="B2848" s="2">
        <v>29.57</v>
      </c>
      <c r="C2848">
        <v>5.7777969999999996</v>
      </c>
      <c r="D2848">
        <f t="shared" si="88"/>
        <v>5.7777969999999994E-3</v>
      </c>
      <c r="E2848" s="6">
        <f t="shared" si="89"/>
        <v>0.17084945728999998</v>
      </c>
    </row>
    <row r="2849" spans="1:5" x14ac:dyDescent="0.25">
      <c r="A2849" s="1">
        <v>43674.541666666664</v>
      </c>
      <c r="B2849" s="2">
        <v>31.9</v>
      </c>
      <c r="C2849">
        <v>7.2749649999999999</v>
      </c>
      <c r="D2849">
        <f t="shared" si="88"/>
        <v>7.2749649999999996E-3</v>
      </c>
      <c r="E2849" s="6">
        <f t="shared" si="89"/>
        <v>0.23207138349999998</v>
      </c>
    </row>
    <row r="2850" spans="1:5" x14ac:dyDescent="0.25">
      <c r="A2850" s="1">
        <v>43674.583333333336</v>
      </c>
      <c r="B2850" s="2">
        <v>35.86</v>
      </c>
      <c r="C2850">
        <v>7.0886369999999994</v>
      </c>
      <c r="D2850">
        <f t="shared" si="88"/>
        <v>7.0886369999999992E-3</v>
      </c>
      <c r="E2850" s="6">
        <f t="shared" si="89"/>
        <v>0.25419852281999999</v>
      </c>
    </row>
    <row r="2851" spans="1:5" x14ac:dyDescent="0.25">
      <c r="A2851" s="1">
        <v>43674.625</v>
      </c>
      <c r="B2851" s="2">
        <v>40.880000000000003</v>
      </c>
      <c r="C2851">
        <v>6.53226</v>
      </c>
      <c r="D2851">
        <f t="shared" si="88"/>
        <v>6.5322599999999998E-3</v>
      </c>
      <c r="E2851" s="6">
        <f t="shared" si="89"/>
        <v>0.26703878879999998</v>
      </c>
    </row>
    <row r="2852" spans="1:5" x14ac:dyDescent="0.25">
      <c r="A2852" s="1">
        <v>43674.666666666664</v>
      </c>
      <c r="B2852" s="2">
        <v>44.78</v>
      </c>
      <c r="C2852">
        <v>5.5443310000000006</v>
      </c>
      <c r="D2852">
        <f t="shared" si="88"/>
        <v>5.5443310000000004E-3</v>
      </c>
      <c r="E2852" s="6">
        <f t="shared" si="89"/>
        <v>0.24827514218000002</v>
      </c>
    </row>
    <row r="2853" spans="1:5" x14ac:dyDescent="0.25">
      <c r="A2853" s="1">
        <v>43674.708333333336</v>
      </c>
      <c r="B2853" s="2">
        <v>47.49</v>
      </c>
      <c r="C2853">
        <v>4.1570020000000003</v>
      </c>
      <c r="D2853">
        <f t="shared" si="88"/>
        <v>4.1570019999999999E-3</v>
      </c>
      <c r="E2853" s="6">
        <f t="shared" si="89"/>
        <v>0.19741602497999999</v>
      </c>
    </row>
    <row r="2854" spans="1:5" x14ac:dyDescent="0.25">
      <c r="A2854" s="1">
        <v>43674.75</v>
      </c>
      <c r="B2854" s="2">
        <v>39.83</v>
      </c>
      <c r="C2854">
        <v>2.4304479999999997</v>
      </c>
      <c r="D2854">
        <f t="shared" si="88"/>
        <v>2.4304479999999995E-3</v>
      </c>
      <c r="E2854" s="6">
        <f t="shared" si="89"/>
        <v>9.6804743839999971E-2</v>
      </c>
    </row>
    <row r="2855" spans="1:5" x14ac:dyDescent="0.25">
      <c r="A2855" s="1">
        <v>43674.791666666664</v>
      </c>
      <c r="B2855" s="2">
        <v>33.65</v>
      </c>
      <c r="C2855">
        <v>0.77141300000000002</v>
      </c>
      <c r="D2855">
        <f t="shared" si="88"/>
        <v>7.7141299999999998E-4</v>
      </c>
      <c r="E2855" s="6">
        <f t="shared" si="89"/>
        <v>2.5958047449999997E-2</v>
      </c>
    </row>
    <row r="2856" spans="1:5" x14ac:dyDescent="0.25">
      <c r="A2856" s="1">
        <v>43674.833333333336</v>
      </c>
      <c r="B2856" s="2">
        <v>32.78</v>
      </c>
      <c r="C2856">
        <v>2.9475000000000001E-2</v>
      </c>
      <c r="D2856">
        <f t="shared" si="88"/>
        <v>2.9475000000000002E-5</v>
      </c>
      <c r="E2856" s="6">
        <f t="shared" si="89"/>
        <v>9.6619050000000008E-4</v>
      </c>
    </row>
    <row r="2857" spans="1:5" x14ac:dyDescent="0.25">
      <c r="A2857" s="1">
        <v>43674.875</v>
      </c>
      <c r="B2857" s="2">
        <v>29.35</v>
      </c>
      <c r="C2857">
        <v>0</v>
      </c>
      <c r="D2857">
        <f t="shared" si="88"/>
        <v>0</v>
      </c>
      <c r="E2857" s="6">
        <f t="shared" si="89"/>
        <v>0</v>
      </c>
    </row>
    <row r="2858" spans="1:5" x14ac:dyDescent="0.25">
      <c r="A2858" s="1">
        <v>43674.916666666664</v>
      </c>
      <c r="B2858" s="2">
        <v>24.65</v>
      </c>
      <c r="C2858">
        <v>0</v>
      </c>
      <c r="D2858">
        <f t="shared" si="88"/>
        <v>0</v>
      </c>
      <c r="E2858" s="6">
        <f t="shared" si="89"/>
        <v>0</v>
      </c>
    </row>
    <row r="2859" spans="1:5" x14ac:dyDescent="0.25">
      <c r="A2859" s="1">
        <v>43674.958333333336</v>
      </c>
      <c r="B2859" s="2">
        <v>22.5</v>
      </c>
      <c r="C2859">
        <v>0</v>
      </c>
      <c r="D2859">
        <f t="shared" si="88"/>
        <v>0</v>
      </c>
      <c r="E2859" s="6">
        <f t="shared" si="89"/>
        <v>0</v>
      </c>
    </row>
    <row r="2860" spans="1:5" x14ac:dyDescent="0.25">
      <c r="A2860" s="1">
        <v>43675</v>
      </c>
      <c r="B2860" s="2">
        <v>20.45</v>
      </c>
      <c r="C2860">
        <v>0</v>
      </c>
      <c r="D2860">
        <f t="shared" si="88"/>
        <v>0</v>
      </c>
      <c r="E2860" s="6">
        <f t="shared" si="89"/>
        <v>0</v>
      </c>
    </row>
    <row r="2861" spans="1:5" x14ac:dyDescent="0.25">
      <c r="A2861" s="1">
        <v>43675.041666666664</v>
      </c>
      <c r="B2861" s="2">
        <v>19.420000000000002</v>
      </c>
      <c r="C2861">
        <v>0</v>
      </c>
      <c r="D2861">
        <f t="shared" si="88"/>
        <v>0</v>
      </c>
      <c r="E2861" s="6">
        <f t="shared" si="89"/>
        <v>0</v>
      </c>
    </row>
    <row r="2862" spans="1:5" x14ac:dyDescent="0.25">
      <c r="A2862" s="1">
        <v>43675.083333333336</v>
      </c>
      <c r="B2862" s="2">
        <v>18.09</v>
      </c>
      <c r="C2862">
        <v>0</v>
      </c>
      <c r="D2862">
        <f t="shared" si="88"/>
        <v>0</v>
      </c>
      <c r="E2862" s="6">
        <f t="shared" si="89"/>
        <v>0</v>
      </c>
    </row>
    <row r="2863" spans="1:5" x14ac:dyDescent="0.25">
      <c r="A2863" s="1">
        <v>43675.125</v>
      </c>
      <c r="B2863" s="2">
        <v>16.350000000000001</v>
      </c>
      <c r="C2863">
        <v>0</v>
      </c>
      <c r="D2863">
        <f t="shared" si="88"/>
        <v>0</v>
      </c>
      <c r="E2863" s="6">
        <f t="shared" si="89"/>
        <v>0</v>
      </c>
    </row>
    <row r="2864" spans="1:5" x14ac:dyDescent="0.25">
      <c r="A2864" s="1">
        <v>43675.166666666664</v>
      </c>
      <c r="B2864" s="2">
        <v>15.69</v>
      </c>
      <c r="C2864">
        <v>0</v>
      </c>
      <c r="D2864">
        <f t="shared" si="88"/>
        <v>0</v>
      </c>
      <c r="E2864" s="6">
        <f t="shared" si="89"/>
        <v>0</v>
      </c>
    </row>
    <row r="2865" spans="1:5" x14ac:dyDescent="0.25">
      <c r="A2865" s="1">
        <v>43675.208333333336</v>
      </c>
      <c r="B2865" s="2">
        <v>18.079999999999998</v>
      </c>
      <c r="C2865">
        <v>0</v>
      </c>
      <c r="D2865">
        <f t="shared" si="88"/>
        <v>0</v>
      </c>
      <c r="E2865" s="6">
        <f t="shared" si="89"/>
        <v>0</v>
      </c>
    </row>
    <row r="2866" spans="1:5" x14ac:dyDescent="0.25">
      <c r="A2866" s="1">
        <v>43675.25</v>
      </c>
      <c r="B2866" s="2">
        <v>19.48</v>
      </c>
      <c r="C2866">
        <v>0</v>
      </c>
      <c r="D2866">
        <f t="shared" si="88"/>
        <v>0</v>
      </c>
      <c r="E2866" s="6">
        <f t="shared" si="89"/>
        <v>0</v>
      </c>
    </row>
    <row r="2867" spans="1:5" x14ac:dyDescent="0.25">
      <c r="A2867" s="1">
        <v>43675.291666666664</v>
      </c>
      <c r="B2867" s="2">
        <v>20.57</v>
      </c>
      <c r="C2867">
        <v>0.46313199999999999</v>
      </c>
      <c r="D2867">
        <f t="shared" si="88"/>
        <v>4.63132E-4</v>
      </c>
      <c r="E2867" s="6">
        <f t="shared" si="89"/>
        <v>9.5266252399999994E-3</v>
      </c>
    </row>
    <row r="2868" spans="1:5" x14ac:dyDescent="0.25">
      <c r="A2868" s="1">
        <v>43675.333333333336</v>
      </c>
      <c r="B2868" s="2">
        <v>22.99</v>
      </c>
      <c r="C2868">
        <v>1.976553</v>
      </c>
      <c r="D2868">
        <f t="shared" si="88"/>
        <v>1.9765529999999998E-3</v>
      </c>
      <c r="E2868" s="6">
        <f t="shared" si="89"/>
        <v>4.544095346999999E-2</v>
      </c>
    </row>
    <row r="2869" spans="1:5" x14ac:dyDescent="0.25">
      <c r="A2869" s="1">
        <v>43675.375</v>
      </c>
      <c r="B2869" s="2">
        <v>26.08</v>
      </c>
      <c r="C2869">
        <v>3.773196</v>
      </c>
      <c r="D2869">
        <f t="shared" si="88"/>
        <v>3.7731959999999999E-3</v>
      </c>
      <c r="E2869" s="6">
        <f t="shared" si="89"/>
        <v>9.8404951679999991E-2</v>
      </c>
    </row>
    <row r="2870" spans="1:5" x14ac:dyDescent="0.25">
      <c r="A2870" s="1">
        <v>43675.416666666664</v>
      </c>
      <c r="B2870" s="2">
        <v>30.81</v>
      </c>
      <c r="C2870">
        <v>5.3075469999999996</v>
      </c>
      <c r="D2870">
        <f t="shared" si="88"/>
        <v>5.3075469999999993E-3</v>
      </c>
      <c r="E2870" s="6">
        <f t="shared" si="89"/>
        <v>0.16352552306999998</v>
      </c>
    </row>
    <row r="2871" spans="1:5" x14ac:dyDescent="0.25">
      <c r="A2871" s="1">
        <v>43675.458333333336</v>
      </c>
      <c r="B2871" s="2">
        <v>34.96</v>
      </c>
      <c r="C2871">
        <v>6.3958849999999998</v>
      </c>
      <c r="D2871">
        <f t="shared" si="88"/>
        <v>6.3958849999999996E-3</v>
      </c>
      <c r="E2871" s="6">
        <f t="shared" si="89"/>
        <v>0.2236001396</v>
      </c>
    </row>
    <row r="2872" spans="1:5" x14ac:dyDescent="0.25">
      <c r="A2872" s="1">
        <v>43675.5</v>
      </c>
      <c r="B2872" s="2">
        <v>39.31</v>
      </c>
      <c r="C2872">
        <v>7.0485619999999995</v>
      </c>
      <c r="D2872">
        <f t="shared" si="88"/>
        <v>7.0485619999999995E-3</v>
      </c>
      <c r="E2872" s="6">
        <f t="shared" si="89"/>
        <v>0.27707897222</v>
      </c>
    </row>
    <row r="2873" spans="1:5" x14ac:dyDescent="0.25">
      <c r="A2873" s="1">
        <v>43675.541666666664</v>
      </c>
      <c r="B2873" s="2">
        <v>43.89</v>
      </c>
      <c r="C2873">
        <v>6.3898819999999992</v>
      </c>
      <c r="D2873">
        <f t="shared" si="88"/>
        <v>6.3898819999999995E-3</v>
      </c>
      <c r="E2873" s="6">
        <f t="shared" si="89"/>
        <v>0.28045192097999999</v>
      </c>
    </row>
    <row r="2874" spans="1:5" x14ac:dyDescent="0.25">
      <c r="A2874" s="1">
        <v>43675.583333333336</v>
      </c>
      <c r="B2874" s="2">
        <v>50.38</v>
      </c>
      <c r="C2874">
        <v>6.3222200000000006</v>
      </c>
      <c r="D2874">
        <f t="shared" si="88"/>
        <v>6.3222200000000008E-3</v>
      </c>
      <c r="E2874" s="6">
        <f t="shared" si="89"/>
        <v>0.31851344360000006</v>
      </c>
    </row>
    <row r="2875" spans="1:5" x14ac:dyDescent="0.25">
      <c r="A2875" s="1">
        <v>43675.625</v>
      </c>
      <c r="B2875" s="2">
        <v>56.06</v>
      </c>
      <c r="C2875">
        <v>5.9069399999999996</v>
      </c>
      <c r="D2875">
        <f t="shared" si="88"/>
        <v>5.9069399999999994E-3</v>
      </c>
      <c r="E2875" s="6">
        <f t="shared" si="89"/>
        <v>0.33114305639999997</v>
      </c>
    </row>
    <row r="2876" spans="1:5" x14ac:dyDescent="0.25">
      <c r="A2876" s="1">
        <v>43675.666666666664</v>
      </c>
      <c r="B2876" s="2">
        <v>60.98</v>
      </c>
      <c r="C2876">
        <v>5.0957079999999992</v>
      </c>
      <c r="D2876">
        <f t="shared" si="88"/>
        <v>5.0957079999999991E-3</v>
      </c>
      <c r="E2876" s="6">
        <f t="shared" si="89"/>
        <v>0.31073627383999991</v>
      </c>
    </row>
    <row r="2877" spans="1:5" x14ac:dyDescent="0.25">
      <c r="A2877" s="1">
        <v>43675.708333333336</v>
      </c>
      <c r="B2877" s="2">
        <v>59.53</v>
      </c>
      <c r="C2877">
        <v>3.6595219999999999</v>
      </c>
      <c r="D2877">
        <f t="shared" si="88"/>
        <v>3.6595220000000001E-3</v>
      </c>
      <c r="E2877" s="6">
        <f t="shared" si="89"/>
        <v>0.21785134466</v>
      </c>
    </row>
    <row r="2878" spans="1:5" x14ac:dyDescent="0.25">
      <c r="A2878" s="1">
        <v>43675.75</v>
      </c>
      <c r="B2878" s="2">
        <v>48.87</v>
      </c>
      <c r="C2878">
        <v>2.182026</v>
      </c>
      <c r="D2878">
        <f t="shared" si="88"/>
        <v>2.1820260000000001E-3</v>
      </c>
      <c r="E2878" s="6">
        <f t="shared" si="89"/>
        <v>0.10663561062</v>
      </c>
    </row>
    <row r="2879" spans="1:5" x14ac:dyDescent="0.25">
      <c r="A2879" s="1">
        <v>43675.791666666664</v>
      </c>
      <c r="B2879" s="2">
        <v>41.48</v>
      </c>
      <c r="C2879">
        <v>0.68949800000000006</v>
      </c>
      <c r="D2879">
        <f t="shared" si="88"/>
        <v>6.8949800000000009E-4</v>
      </c>
      <c r="E2879" s="6">
        <f t="shared" si="89"/>
        <v>2.8600377040000003E-2</v>
      </c>
    </row>
    <row r="2880" spans="1:5" x14ac:dyDescent="0.25">
      <c r="A2880" s="1">
        <v>43675.833333333336</v>
      </c>
      <c r="B2880" s="2">
        <v>36.6</v>
      </c>
      <c r="C2880">
        <v>2.2057E-2</v>
      </c>
      <c r="D2880">
        <f t="shared" si="88"/>
        <v>2.2056999999999999E-5</v>
      </c>
      <c r="E2880" s="6">
        <f t="shared" si="89"/>
        <v>8.0728620000000001E-4</v>
      </c>
    </row>
    <row r="2881" spans="1:5" x14ac:dyDescent="0.25">
      <c r="A2881" s="1">
        <v>43675.875</v>
      </c>
      <c r="B2881" s="2">
        <v>31.63</v>
      </c>
      <c r="C2881">
        <v>0</v>
      </c>
      <c r="D2881">
        <f t="shared" si="88"/>
        <v>0</v>
      </c>
      <c r="E2881" s="6">
        <f t="shared" si="89"/>
        <v>0</v>
      </c>
    </row>
    <row r="2882" spans="1:5" x14ac:dyDescent="0.25">
      <c r="A2882" s="1">
        <v>43675.916666666664</v>
      </c>
      <c r="B2882" s="2">
        <v>26.8</v>
      </c>
      <c r="C2882">
        <v>0</v>
      </c>
      <c r="D2882">
        <f t="shared" si="88"/>
        <v>0</v>
      </c>
      <c r="E2882" s="6">
        <f t="shared" si="89"/>
        <v>0</v>
      </c>
    </row>
    <row r="2883" spans="1:5" x14ac:dyDescent="0.25">
      <c r="A2883" s="1">
        <v>43675.958333333336</v>
      </c>
      <c r="B2883" s="2">
        <v>23.27</v>
      </c>
      <c r="C2883">
        <v>0</v>
      </c>
      <c r="D2883">
        <f t="shared" si="88"/>
        <v>0</v>
      </c>
      <c r="E2883" s="6">
        <f t="shared" si="89"/>
        <v>0</v>
      </c>
    </row>
    <row r="2884" spans="1:5" x14ac:dyDescent="0.25">
      <c r="A2884" s="1">
        <v>43676</v>
      </c>
      <c r="B2884" s="2">
        <v>21.44</v>
      </c>
      <c r="C2884">
        <v>0</v>
      </c>
      <c r="D2884">
        <f t="shared" si="88"/>
        <v>0</v>
      </c>
      <c r="E2884" s="6">
        <f t="shared" si="89"/>
        <v>0</v>
      </c>
    </row>
    <row r="2885" spans="1:5" x14ac:dyDescent="0.25">
      <c r="A2885" s="1">
        <v>43676.041666666664</v>
      </c>
      <c r="B2885" s="2">
        <v>19.97</v>
      </c>
      <c r="C2885">
        <v>0</v>
      </c>
      <c r="D2885">
        <f t="shared" si="88"/>
        <v>0</v>
      </c>
      <c r="E2885" s="6">
        <f t="shared" si="89"/>
        <v>0</v>
      </c>
    </row>
    <row r="2886" spans="1:5" x14ac:dyDescent="0.25">
      <c r="A2886" s="1">
        <v>43676.083333333336</v>
      </c>
      <c r="B2886" s="2">
        <v>19.04</v>
      </c>
      <c r="C2886">
        <v>0</v>
      </c>
      <c r="D2886">
        <f t="shared" ref="D2886:D2949" si="90">C2886/1000</f>
        <v>0</v>
      </c>
      <c r="E2886" s="6">
        <f t="shared" ref="E2886:E2949" si="91">D2886*B2886</f>
        <v>0</v>
      </c>
    </row>
    <row r="2887" spans="1:5" x14ac:dyDescent="0.25">
      <c r="A2887" s="1">
        <v>43676.125</v>
      </c>
      <c r="B2887" s="2">
        <v>18.350000000000001</v>
      </c>
      <c r="C2887">
        <v>0</v>
      </c>
      <c r="D2887">
        <f t="shared" si="90"/>
        <v>0</v>
      </c>
      <c r="E2887" s="6">
        <f t="shared" si="91"/>
        <v>0</v>
      </c>
    </row>
    <row r="2888" spans="1:5" x14ac:dyDescent="0.25">
      <c r="A2888" s="1">
        <v>43676.166666666664</v>
      </c>
      <c r="B2888" s="2">
        <v>18.28</v>
      </c>
      <c r="C2888">
        <v>0</v>
      </c>
      <c r="D2888">
        <f t="shared" si="90"/>
        <v>0</v>
      </c>
      <c r="E2888" s="6">
        <f t="shared" si="91"/>
        <v>0</v>
      </c>
    </row>
    <row r="2889" spans="1:5" x14ac:dyDescent="0.25">
      <c r="A2889" s="1">
        <v>43676.208333333336</v>
      </c>
      <c r="B2889" s="2">
        <v>19.12</v>
      </c>
      <c r="C2889">
        <v>0</v>
      </c>
      <c r="D2889">
        <f t="shared" si="90"/>
        <v>0</v>
      </c>
      <c r="E2889" s="6">
        <f t="shared" si="91"/>
        <v>0</v>
      </c>
    </row>
    <row r="2890" spans="1:5" x14ac:dyDescent="0.25">
      <c r="A2890" s="1">
        <v>43676.25</v>
      </c>
      <c r="B2890" s="2">
        <v>20.14</v>
      </c>
      <c r="C2890">
        <v>0</v>
      </c>
      <c r="D2890">
        <f t="shared" si="90"/>
        <v>0</v>
      </c>
      <c r="E2890" s="6">
        <f t="shared" si="91"/>
        <v>0</v>
      </c>
    </row>
    <row r="2891" spans="1:5" x14ac:dyDescent="0.25">
      <c r="A2891" s="1">
        <v>43676.291666666664</v>
      </c>
      <c r="B2891" s="2">
        <v>21.67</v>
      </c>
      <c r="C2891">
        <v>0.479491</v>
      </c>
      <c r="D2891">
        <f t="shared" si="90"/>
        <v>4.7949100000000002E-4</v>
      </c>
      <c r="E2891" s="6">
        <f t="shared" si="91"/>
        <v>1.0390569970000001E-2</v>
      </c>
    </row>
    <row r="2892" spans="1:5" x14ac:dyDescent="0.25">
      <c r="A2892" s="1">
        <v>43676.333333333336</v>
      </c>
      <c r="B2892" s="2">
        <v>23.05</v>
      </c>
      <c r="C2892">
        <v>0.779497</v>
      </c>
      <c r="D2892">
        <f t="shared" si="90"/>
        <v>7.7949699999999998E-4</v>
      </c>
      <c r="E2892" s="6">
        <f t="shared" si="91"/>
        <v>1.796740585E-2</v>
      </c>
    </row>
    <row r="2893" spans="1:5" x14ac:dyDescent="0.25">
      <c r="A2893" s="1">
        <v>43676.375</v>
      </c>
      <c r="B2893" s="2">
        <v>25.79</v>
      </c>
      <c r="C2893">
        <v>1.610252</v>
      </c>
      <c r="D2893">
        <f t="shared" si="90"/>
        <v>1.610252E-3</v>
      </c>
      <c r="E2893" s="6">
        <f t="shared" si="91"/>
        <v>4.152839908E-2</v>
      </c>
    </row>
    <row r="2894" spans="1:5" x14ac:dyDescent="0.25">
      <c r="A2894" s="1">
        <v>43676.416666666664</v>
      </c>
      <c r="B2894" s="2">
        <v>29.31</v>
      </c>
      <c r="C2894">
        <v>3.682788</v>
      </c>
      <c r="D2894">
        <f t="shared" si="90"/>
        <v>3.6827879999999998E-3</v>
      </c>
      <c r="E2894" s="6">
        <f t="shared" si="91"/>
        <v>0.10794251627999998</v>
      </c>
    </row>
    <row r="2895" spans="1:5" x14ac:dyDescent="0.25">
      <c r="A2895" s="1">
        <v>43676.458333333336</v>
      </c>
      <c r="B2895" s="2">
        <v>32.49</v>
      </c>
      <c r="C2895">
        <v>2.7840310000000001</v>
      </c>
      <c r="D2895">
        <f t="shared" si="90"/>
        <v>2.7840310000000002E-3</v>
      </c>
      <c r="E2895" s="6">
        <f t="shared" si="91"/>
        <v>9.0453167190000017E-2</v>
      </c>
    </row>
    <row r="2896" spans="1:5" x14ac:dyDescent="0.25">
      <c r="A2896" s="1">
        <v>43676.5</v>
      </c>
      <c r="B2896" s="2">
        <v>34.6</v>
      </c>
      <c r="C2896">
        <v>4.7762320000000003</v>
      </c>
      <c r="D2896">
        <f t="shared" si="90"/>
        <v>4.776232E-3</v>
      </c>
      <c r="E2896" s="6">
        <f t="shared" si="91"/>
        <v>0.16525762720000001</v>
      </c>
    </row>
    <row r="2897" spans="1:5" x14ac:dyDescent="0.25">
      <c r="A2897" s="1">
        <v>43676.541666666664</v>
      </c>
      <c r="B2897" s="2">
        <v>37.93</v>
      </c>
      <c r="C2897">
        <v>3.1373099999999998</v>
      </c>
      <c r="D2897">
        <f t="shared" si="90"/>
        <v>3.1373099999999999E-3</v>
      </c>
      <c r="E2897" s="6">
        <f t="shared" si="91"/>
        <v>0.1189981683</v>
      </c>
    </row>
    <row r="2898" spans="1:5" x14ac:dyDescent="0.25">
      <c r="A2898" s="1">
        <v>43676.583333333336</v>
      </c>
      <c r="B2898" s="2">
        <v>44.03</v>
      </c>
      <c r="C2898">
        <v>1.3174000000000001</v>
      </c>
      <c r="D2898">
        <f t="shared" si="90"/>
        <v>1.3174E-3</v>
      </c>
      <c r="E2898" s="6">
        <f t="shared" si="91"/>
        <v>5.8005122000000006E-2</v>
      </c>
    </row>
    <row r="2899" spans="1:5" x14ac:dyDescent="0.25">
      <c r="A2899" s="1">
        <v>43676.625</v>
      </c>
      <c r="B2899" s="2">
        <v>43.17</v>
      </c>
      <c r="C2899">
        <v>1.963465</v>
      </c>
      <c r="D2899">
        <f t="shared" si="90"/>
        <v>1.9634650000000002E-3</v>
      </c>
      <c r="E2899" s="6">
        <f t="shared" si="91"/>
        <v>8.4762784050000012E-2</v>
      </c>
    </row>
    <row r="2900" spans="1:5" x14ac:dyDescent="0.25">
      <c r="A2900" s="1">
        <v>43676.666666666664</v>
      </c>
      <c r="B2900" s="2">
        <v>46.86</v>
      </c>
      <c r="C2900">
        <v>3.5969530000000001</v>
      </c>
      <c r="D2900">
        <f t="shared" si="90"/>
        <v>3.596953E-3</v>
      </c>
      <c r="E2900" s="6">
        <f t="shared" si="91"/>
        <v>0.16855321758</v>
      </c>
    </row>
    <row r="2901" spans="1:5" x14ac:dyDescent="0.25">
      <c r="A2901" s="1">
        <v>43676.708333333336</v>
      </c>
      <c r="B2901" s="2">
        <v>45.45</v>
      </c>
      <c r="C2901">
        <v>2.182601</v>
      </c>
      <c r="D2901">
        <f t="shared" si="90"/>
        <v>2.1826010000000002E-3</v>
      </c>
      <c r="E2901" s="6">
        <f t="shared" si="91"/>
        <v>9.9199215450000017E-2</v>
      </c>
    </row>
    <row r="2902" spans="1:5" x14ac:dyDescent="0.25">
      <c r="A2902" s="1">
        <v>43676.75</v>
      </c>
      <c r="B2902" s="2">
        <v>36.47</v>
      </c>
      <c r="C2902">
        <v>0.31061700000000003</v>
      </c>
      <c r="D2902">
        <f t="shared" si="90"/>
        <v>3.1061700000000001E-4</v>
      </c>
      <c r="E2902" s="6">
        <f t="shared" si="91"/>
        <v>1.132820199E-2</v>
      </c>
    </row>
    <row r="2903" spans="1:5" x14ac:dyDescent="0.25">
      <c r="A2903" s="1">
        <v>43676.791666666664</v>
      </c>
      <c r="B2903" s="2">
        <v>32.07</v>
      </c>
      <c r="C2903">
        <v>0.79192600000000002</v>
      </c>
      <c r="D2903">
        <f t="shared" si="90"/>
        <v>7.9192599999999998E-4</v>
      </c>
      <c r="E2903" s="6">
        <f t="shared" si="91"/>
        <v>2.5397066819999998E-2</v>
      </c>
    </row>
    <row r="2904" spans="1:5" x14ac:dyDescent="0.25">
      <c r="A2904" s="1">
        <v>43676.833333333336</v>
      </c>
      <c r="B2904" s="2">
        <v>30.22</v>
      </c>
      <c r="C2904">
        <v>1.5140000000000001E-2</v>
      </c>
      <c r="D2904">
        <f t="shared" si="90"/>
        <v>1.5140000000000001E-5</v>
      </c>
      <c r="E2904" s="6">
        <f t="shared" si="91"/>
        <v>4.5753079999999999E-4</v>
      </c>
    </row>
    <row r="2905" spans="1:5" x14ac:dyDescent="0.25">
      <c r="A2905" s="1">
        <v>43676.875</v>
      </c>
      <c r="B2905" s="2">
        <v>27.29</v>
      </c>
      <c r="C2905">
        <v>0</v>
      </c>
      <c r="D2905">
        <f t="shared" si="90"/>
        <v>0</v>
      </c>
      <c r="E2905" s="6">
        <f t="shared" si="91"/>
        <v>0</v>
      </c>
    </row>
    <row r="2906" spans="1:5" x14ac:dyDescent="0.25">
      <c r="A2906" s="1">
        <v>43676.916666666664</v>
      </c>
      <c r="B2906" s="2">
        <v>23.96</v>
      </c>
      <c r="C2906">
        <v>0</v>
      </c>
      <c r="D2906">
        <f t="shared" si="90"/>
        <v>0</v>
      </c>
      <c r="E2906" s="6">
        <f t="shared" si="91"/>
        <v>0</v>
      </c>
    </row>
    <row r="2907" spans="1:5" x14ac:dyDescent="0.25">
      <c r="A2907" s="1">
        <v>43676.958333333336</v>
      </c>
      <c r="B2907" s="2">
        <v>21.38</v>
      </c>
      <c r="C2907">
        <v>0</v>
      </c>
      <c r="D2907">
        <f t="shared" si="90"/>
        <v>0</v>
      </c>
      <c r="E2907" s="6">
        <f t="shared" si="91"/>
        <v>0</v>
      </c>
    </row>
    <row r="2908" spans="1:5" x14ac:dyDescent="0.25">
      <c r="A2908" s="1">
        <v>43677</v>
      </c>
      <c r="B2908" s="2">
        <v>20.84</v>
      </c>
      <c r="C2908">
        <v>0</v>
      </c>
      <c r="D2908">
        <f t="shared" si="90"/>
        <v>0</v>
      </c>
      <c r="E2908" s="6">
        <f t="shared" si="91"/>
        <v>0</v>
      </c>
    </row>
    <row r="2909" spans="1:5" x14ac:dyDescent="0.25">
      <c r="A2909" s="1">
        <v>43677.041666666664</v>
      </c>
      <c r="B2909" s="2">
        <v>19.579999999999998</v>
      </c>
      <c r="C2909">
        <v>0</v>
      </c>
      <c r="D2909">
        <f t="shared" si="90"/>
        <v>0</v>
      </c>
      <c r="E2909" s="6">
        <f t="shared" si="91"/>
        <v>0</v>
      </c>
    </row>
    <row r="2910" spans="1:5" x14ac:dyDescent="0.25">
      <c r="A2910" s="1">
        <v>43677.083333333336</v>
      </c>
      <c r="B2910" s="2">
        <v>18.28</v>
      </c>
      <c r="C2910">
        <v>0</v>
      </c>
      <c r="D2910">
        <f t="shared" si="90"/>
        <v>0</v>
      </c>
      <c r="E2910" s="6">
        <f t="shared" si="91"/>
        <v>0</v>
      </c>
    </row>
    <row r="2911" spans="1:5" x14ac:dyDescent="0.25">
      <c r="A2911" s="1">
        <v>43677.125</v>
      </c>
      <c r="B2911" s="2">
        <v>17.239999999999998</v>
      </c>
      <c r="C2911">
        <v>0</v>
      </c>
      <c r="D2911">
        <f t="shared" si="90"/>
        <v>0</v>
      </c>
      <c r="E2911" s="6">
        <f t="shared" si="91"/>
        <v>0</v>
      </c>
    </row>
    <row r="2912" spans="1:5" x14ac:dyDescent="0.25">
      <c r="A2912" s="1">
        <v>43677.166666666664</v>
      </c>
      <c r="B2912" s="2">
        <v>17.32</v>
      </c>
      <c r="C2912">
        <v>0</v>
      </c>
      <c r="D2912">
        <f t="shared" si="90"/>
        <v>0</v>
      </c>
      <c r="E2912" s="6">
        <f t="shared" si="91"/>
        <v>0</v>
      </c>
    </row>
    <row r="2913" spans="1:5" x14ac:dyDescent="0.25">
      <c r="A2913" s="1">
        <v>43677.208333333336</v>
      </c>
      <c r="B2913" s="2">
        <v>18.91</v>
      </c>
      <c r="C2913">
        <v>0</v>
      </c>
      <c r="D2913">
        <f t="shared" si="90"/>
        <v>0</v>
      </c>
      <c r="E2913" s="6">
        <f t="shared" si="91"/>
        <v>0</v>
      </c>
    </row>
    <row r="2914" spans="1:5" x14ac:dyDescent="0.25">
      <c r="A2914" s="1">
        <v>43677.25</v>
      </c>
      <c r="B2914" s="2">
        <v>19.68</v>
      </c>
      <c r="C2914">
        <v>0</v>
      </c>
      <c r="D2914">
        <f t="shared" si="90"/>
        <v>0</v>
      </c>
      <c r="E2914" s="6">
        <f t="shared" si="91"/>
        <v>0</v>
      </c>
    </row>
    <row r="2915" spans="1:5" x14ac:dyDescent="0.25">
      <c r="A2915" s="1">
        <v>43677.291666666664</v>
      </c>
      <c r="B2915" s="2">
        <v>20.149999999999999</v>
      </c>
      <c r="C2915">
        <v>0.41133600000000003</v>
      </c>
      <c r="D2915">
        <f t="shared" si="90"/>
        <v>4.1133600000000005E-4</v>
      </c>
      <c r="E2915" s="6">
        <f t="shared" si="91"/>
        <v>8.2884203999999996E-3</v>
      </c>
    </row>
    <row r="2916" spans="1:5" x14ac:dyDescent="0.25">
      <c r="A2916" s="1">
        <v>43677.333333333336</v>
      </c>
      <c r="B2916" s="2">
        <v>21.44</v>
      </c>
      <c r="C2916">
        <v>0.24459800000000001</v>
      </c>
      <c r="D2916">
        <f t="shared" si="90"/>
        <v>2.4459800000000001E-4</v>
      </c>
      <c r="E2916" s="6">
        <f t="shared" si="91"/>
        <v>5.2441811200000001E-3</v>
      </c>
    </row>
    <row r="2917" spans="1:5" x14ac:dyDescent="0.25">
      <c r="A2917" s="1">
        <v>43677.375</v>
      </c>
      <c r="B2917" s="2">
        <v>23.48</v>
      </c>
      <c r="C2917">
        <v>2.009776</v>
      </c>
      <c r="D2917">
        <f t="shared" si="90"/>
        <v>2.009776E-3</v>
      </c>
      <c r="E2917" s="6">
        <f t="shared" si="91"/>
        <v>4.718954048E-2</v>
      </c>
    </row>
    <row r="2918" spans="1:5" x14ac:dyDescent="0.25">
      <c r="A2918" s="1">
        <v>43677.416666666664</v>
      </c>
      <c r="B2918" s="2">
        <v>26.86</v>
      </c>
      <c r="C2918">
        <v>0.65455999999999992</v>
      </c>
      <c r="D2918">
        <f t="shared" si="90"/>
        <v>6.5455999999999989E-4</v>
      </c>
      <c r="E2918" s="6">
        <f t="shared" si="91"/>
        <v>1.7581481599999997E-2</v>
      </c>
    </row>
    <row r="2919" spans="1:5" x14ac:dyDescent="0.25">
      <c r="A2919" s="1">
        <v>43677.458333333336</v>
      </c>
      <c r="B2919" s="2">
        <v>30.84</v>
      </c>
      <c r="C2919">
        <v>2.5042289999999996</v>
      </c>
      <c r="D2919">
        <f t="shared" si="90"/>
        <v>2.5042289999999997E-3</v>
      </c>
      <c r="E2919" s="6">
        <f t="shared" si="91"/>
        <v>7.7230422359999995E-2</v>
      </c>
    </row>
    <row r="2920" spans="1:5" x14ac:dyDescent="0.25">
      <c r="A2920" s="1">
        <v>43677.5</v>
      </c>
      <c r="B2920" s="2">
        <v>30.07</v>
      </c>
      <c r="C2920">
        <v>3.0794360000000003</v>
      </c>
      <c r="D2920">
        <f t="shared" si="90"/>
        <v>3.0794360000000005E-3</v>
      </c>
      <c r="E2920" s="6">
        <f t="shared" si="91"/>
        <v>9.2598640520000011E-2</v>
      </c>
    </row>
    <row r="2921" spans="1:5" x14ac:dyDescent="0.25">
      <c r="A2921" s="1">
        <v>43677.541666666664</v>
      </c>
      <c r="B2921" s="2">
        <v>32.72</v>
      </c>
      <c r="C2921">
        <v>5.3858459999999999</v>
      </c>
      <c r="D2921">
        <f t="shared" si="90"/>
        <v>5.3858459999999997E-3</v>
      </c>
      <c r="E2921" s="6">
        <f t="shared" si="91"/>
        <v>0.17622488111999998</v>
      </c>
    </row>
    <row r="2922" spans="1:5" x14ac:dyDescent="0.25">
      <c r="A2922" s="1">
        <v>43677.583333333336</v>
      </c>
      <c r="B2922" s="2">
        <v>34.119999999999997</v>
      </c>
      <c r="C2922">
        <v>5.8568050000000005</v>
      </c>
      <c r="D2922">
        <f t="shared" si="90"/>
        <v>5.8568050000000005E-3</v>
      </c>
      <c r="E2922" s="6">
        <f t="shared" si="91"/>
        <v>0.19983418659999999</v>
      </c>
    </row>
    <row r="2923" spans="1:5" x14ac:dyDescent="0.25">
      <c r="A2923" s="1">
        <v>43677.625</v>
      </c>
      <c r="B2923" s="2">
        <v>35.18</v>
      </c>
      <c r="C2923">
        <v>6.572057</v>
      </c>
      <c r="D2923">
        <f t="shared" si="90"/>
        <v>6.5720570000000001E-3</v>
      </c>
      <c r="E2923" s="6">
        <f t="shared" si="91"/>
        <v>0.23120496526000001</v>
      </c>
    </row>
    <row r="2924" spans="1:5" x14ac:dyDescent="0.25">
      <c r="A2924" s="1">
        <v>43677.666666666664</v>
      </c>
      <c r="B2924" s="2">
        <v>37.33</v>
      </c>
      <c r="C2924">
        <v>5.6019909999999999</v>
      </c>
      <c r="D2924">
        <f t="shared" si="90"/>
        <v>5.6019909999999997E-3</v>
      </c>
      <c r="E2924" s="6">
        <f t="shared" si="91"/>
        <v>0.20912232402999997</v>
      </c>
    </row>
    <row r="2925" spans="1:5" x14ac:dyDescent="0.25">
      <c r="A2925" s="1">
        <v>43677.708333333336</v>
      </c>
      <c r="B2925" s="2">
        <v>36.020000000000003</v>
      </c>
      <c r="C2925">
        <v>4.2148280000000007</v>
      </c>
      <c r="D2925">
        <f t="shared" si="90"/>
        <v>4.2148280000000003E-3</v>
      </c>
      <c r="E2925" s="6">
        <f t="shared" si="91"/>
        <v>0.15181810456000003</v>
      </c>
    </row>
    <row r="2926" spans="1:5" x14ac:dyDescent="0.25">
      <c r="A2926" s="1">
        <v>43677.75</v>
      </c>
      <c r="B2926" s="2">
        <v>30.32</v>
      </c>
      <c r="C2926">
        <v>2.4578139999999999</v>
      </c>
      <c r="D2926">
        <f t="shared" si="90"/>
        <v>2.457814E-3</v>
      </c>
      <c r="E2926" s="6">
        <f t="shared" si="91"/>
        <v>7.4520920480000002E-2</v>
      </c>
    </row>
    <row r="2927" spans="1:5" x14ac:dyDescent="0.25">
      <c r="A2927" s="1">
        <v>43677.791666666664</v>
      </c>
      <c r="B2927" s="2">
        <v>27.82</v>
      </c>
      <c r="C2927">
        <v>0.74972400000000006</v>
      </c>
      <c r="D2927">
        <f t="shared" si="90"/>
        <v>7.4972400000000001E-4</v>
      </c>
      <c r="E2927" s="6">
        <f t="shared" si="91"/>
        <v>2.0857321679999999E-2</v>
      </c>
    </row>
    <row r="2928" spans="1:5" x14ac:dyDescent="0.25">
      <c r="A2928" s="1">
        <v>43677.833333333336</v>
      </c>
      <c r="B2928" s="2">
        <v>26.24</v>
      </c>
      <c r="C2928">
        <v>2.3393999999999998E-2</v>
      </c>
      <c r="D2928">
        <f t="shared" si="90"/>
        <v>2.3393999999999997E-5</v>
      </c>
      <c r="E2928" s="6">
        <f t="shared" si="91"/>
        <v>6.1385855999999983E-4</v>
      </c>
    </row>
    <row r="2929" spans="1:5" x14ac:dyDescent="0.25">
      <c r="A2929" s="1">
        <v>43677.875</v>
      </c>
      <c r="B2929" s="2">
        <v>23.79</v>
      </c>
      <c r="C2929">
        <v>0</v>
      </c>
      <c r="D2929">
        <f t="shared" si="90"/>
        <v>0</v>
      </c>
      <c r="E2929" s="6">
        <f t="shared" si="91"/>
        <v>0</v>
      </c>
    </row>
    <row r="2930" spans="1:5" x14ac:dyDescent="0.25">
      <c r="A2930" s="1">
        <v>43677.916666666664</v>
      </c>
      <c r="B2930" s="2">
        <v>21.97</v>
      </c>
      <c r="C2930">
        <v>0</v>
      </c>
      <c r="D2930">
        <f t="shared" si="90"/>
        <v>0</v>
      </c>
      <c r="E2930" s="6">
        <f t="shared" si="91"/>
        <v>0</v>
      </c>
    </row>
    <row r="2931" spans="1:5" x14ac:dyDescent="0.25">
      <c r="A2931" s="1">
        <v>43677.958333333336</v>
      </c>
      <c r="B2931" s="2">
        <v>20.420000000000002</v>
      </c>
      <c r="C2931">
        <v>0</v>
      </c>
      <c r="D2931">
        <f t="shared" si="90"/>
        <v>0</v>
      </c>
      <c r="E2931" s="6">
        <f t="shared" si="91"/>
        <v>0</v>
      </c>
    </row>
    <row r="2932" spans="1:5" x14ac:dyDescent="0.25">
      <c r="A2932" s="1">
        <v>43678</v>
      </c>
      <c r="B2932" s="2">
        <v>19.600000000000001</v>
      </c>
      <c r="C2932">
        <v>0</v>
      </c>
      <c r="D2932">
        <f t="shared" si="90"/>
        <v>0</v>
      </c>
      <c r="E2932" s="6">
        <f t="shared" si="91"/>
        <v>0</v>
      </c>
    </row>
    <row r="2933" spans="1:5" x14ac:dyDescent="0.25">
      <c r="A2933" s="1">
        <v>43678.041666666664</v>
      </c>
      <c r="B2933" s="2">
        <v>18.75</v>
      </c>
      <c r="C2933">
        <v>0</v>
      </c>
      <c r="D2933">
        <f t="shared" si="90"/>
        <v>0</v>
      </c>
      <c r="E2933" s="6">
        <f t="shared" si="91"/>
        <v>0</v>
      </c>
    </row>
    <row r="2934" spans="1:5" x14ac:dyDescent="0.25">
      <c r="A2934" s="1">
        <v>43678.083333333336</v>
      </c>
      <c r="B2934" s="2">
        <v>17.72</v>
      </c>
      <c r="C2934">
        <v>0</v>
      </c>
      <c r="D2934">
        <f t="shared" si="90"/>
        <v>0</v>
      </c>
      <c r="E2934" s="6">
        <f t="shared" si="91"/>
        <v>0</v>
      </c>
    </row>
    <row r="2935" spans="1:5" x14ac:dyDescent="0.25">
      <c r="A2935" s="1">
        <v>43678.125</v>
      </c>
      <c r="B2935" s="2">
        <v>16.739999999999998</v>
      </c>
      <c r="C2935">
        <v>0</v>
      </c>
      <c r="D2935">
        <f t="shared" si="90"/>
        <v>0</v>
      </c>
      <c r="E2935" s="6">
        <f t="shared" si="91"/>
        <v>0</v>
      </c>
    </row>
    <row r="2936" spans="1:5" x14ac:dyDescent="0.25">
      <c r="A2936" s="1">
        <v>43678.166666666664</v>
      </c>
      <c r="B2936" s="2">
        <v>17.12</v>
      </c>
      <c r="C2936">
        <v>0</v>
      </c>
      <c r="D2936">
        <f t="shared" si="90"/>
        <v>0</v>
      </c>
      <c r="E2936" s="6">
        <f t="shared" si="91"/>
        <v>0</v>
      </c>
    </row>
    <row r="2937" spans="1:5" x14ac:dyDescent="0.25">
      <c r="A2937" s="1">
        <v>43678.208333333336</v>
      </c>
      <c r="B2937" s="2">
        <v>19.14</v>
      </c>
      <c r="C2937">
        <v>0</v>
      </c>
      <c r="D2937">
        <f t="shared" si="90"/>
        <v>0</v>
      </c>
      <c r="E2937" s="6">
        <f t="shared" si="91"/>
        <v>0</v>
      </c>
    </row>
    <row r="2938" spans="1:5" x14ac:dyDescent="0.25">
      <c r="A2938" s="1">
        <v>43678.25</v>
      </c>
      <c r="B2938" s="2">
        <v>20.149999999999999</v>
      </c>
      <c r="C2938">
        <v>0</v>
      </c>
      <c r="D2938">
        <f t="shared" si="90"/>
        <v>0</v>
      </c>
      <c r="E2938" s="6">
        <f t="shared" si="91"/>
        <v>0</v>
      </c>
    </row>
    <row r="2939" spans="1:5" x14ac:dyDescent="0.25">
      <c r="A2939" s="1">
        <v>43678.291666666664</v>
      </c>
      <c r="B2939" s="2">
        <v>21.62</v>
      </c>
      <c r="C2939">
        <v>0.39395200000000002</v>
      </c>
      <c r="D2939">
        <f t="shared" si="90"/>
        <v>3.9395200000000004E-4</v>
      </c>
      <c r="E2939" s="6">
        <f t="shared" si="91"/>
        <v>8.517242240000002E-3</v>
      </c>
    </row>
    <row r="2940" spans="1:5" x14ac:dyDescent="0.25">
      <c r="A2940" s="1">
        <v>43678.333333333336</v>
      </c>
      <c r="B2940" s="2">
        <v>22.67</v>
      </c>
      <c r="C2940">
        <v>1.8331230000000001</v>
      </c>
      <c r="D2940">
        <f t="shared" si="90"/>
        <v>1.8331230000000001E-3</v>
      </c>
      <c r="E2940" s="6">
        <f t="shared" si="91"/>
        <v>4.1556898410000008E-2</v>
      </c>
    </row>
    <row r="2941" spans="1:5" x14ac:dyDescent="0.25">
      <c r="A2941" s="1">
        <v>43678.375</v>
      </c>
      <c r="B2941" s="2">
        <v>24.34</v>
      </c>
      <c r="C2941">
        <v>3.565105</v>
      </c>
      <c r="D2941">
        <f t="shared" si="90"/>
        <v>3.5651049999999998E-3</v>
      </c>
      <c r="E2941" s="6">
        <f t="shared" si="91"/>
        <v>8.6774655699999995E-2</v>
      </c>
    </row>
    <row r="2942" spans="1:5" x14ac:dyDescent="0.25">
      <c r="A2942" s="1">
        <v>43678.416666666664</v>
      </c>
      <c r="B2942" s="2">
        <v>28.21</v>
      </c>
      <c r="C2942">
        <v>5.0647200000000003</v>
      </c>
      <c r="D2942">
        <f t="shared" si="90"/>
        <v>5.06472E-3</v>
      </c>
      <c r="E2942" s="6">
        <f t="shared" si="91"/>
        <v>0.14287575120000001</v>
      </c>
    </row>
    <row r="2943" spans="1:5" x14ac:dyDescent="0.25">
      <c r="A2943" s="1">
        <v>43678.458333333336</v>
      </c>
      <c r="B2943" s="2">
        <v>33.11</v>
      </c>
      <c r="C2943">
        <v>5.4889299999999999</v>
      </c>
      <c r="D2943">
        <f t="shared" si="90"/>
        <v>5.4889299999999995E-3</v>
      </c>
      <c r="E2943" s="6">
        <f t="shared" si="91"/>
        <v>0.18173847229999998</v>
      </c>
    </row>
    <row r="2944" spans="1:5" x14ac:dyDescent="0.25">
      <c r="A2944" s="1">
        <v>43678.5</v>
      </c>
      <c r="B2944" s="2">
        <v>33.31</v>
      </c>
      <c r="C2944">
        <v>6.0534829999999999</v>
      </c>
      <c r="D2944">
        <f t="shared" si="90"/>
        <v>6.0534830000000001E-3</v>
      </c>
      <c r="E2944" s="6">
        <f t="shared" si="91"/>
        <v>0.20164151873000002</v>
      </c>
    </row>
    <row r="2945" spans="1:5" x14ac:dyDescent="0.25">
      <c r="A2945" s="1">
        <v>43678.541666666664</v>
      </c>
      <c r="B2945" s="2">
        <v>35.83</v>
      </c>
      <c r="C2945">
        <v>5.9755870000000009</v>
      </c>
      <c r="D2945">
        <f t="shared" si="90"/>
        <v>5.975587000000001E-3</v>
      </c>
      <c r="E2945" s="6">
        <f t="shared" si="91"/>
        <v>0.21410528221000003</v>
      </c>
    </row>
    <row r="2946" spans="1:5" x14ac:dyDescent="0.25">
      <c r="A2946" s="1">
        <v>43678.583333333336</v>
      </c>
      <c r="B2946" s="2">
        <v>39.5</v>
      </c>
      <c r="C2946">
        <v>5.7079070000000005</v>
      </c>
      <c r="D2946">
        <f t="shared" si="90"/>
        <v>5.7079070000000008E-3</v>
      </c>
      <c r="E2946" s="6">
        <f t="shared" si="91"/>
        <v>0.22546232650000003</v>
      </c>
    </row>
    <row r="2947" spans="1:5" x14ac:dyDescent="0.25">
      <c r="A2947" s="1">
        <v>43678.625</v>
      </c>
      <c r="B2947" s="2">
        <v>40.770000000000003</v>
      </c>
      <c r="C2947">
        <v>3.072085</v>
      </c>
      <c r="D2947">
        <f t="shared" si="90"/>
        <v>3.072085E-3</v>
      </c>
      <c r="E2947" s="6">
        <f t="shared" si="91"/>
        <v>0.12524890545</v>
      </c>
    </row>
    <row r="2948" spans="1:5" x14ac:dyDescent="0.25">
      <c r="A2948" s="1">
        <v>43678.666666666664</v>
      </c>
      <c r="B2948" s="2">
        <v>45.6</v>
      </c>
      <c r="C2948">
        <v>0.87576999999999994</v>
      </c>
      <c r="D2948">
        <f t="shared" si="90"/>
        <v>8.7576999999999989E-4</v>
      </c>
      <c r="E2948" s="6">
        <f t="shared" si="91"/>
        <v>3.9935111999999995E-2</v>
      </c>
    </row>
    <row r="2949" spans="1:5" x14ac:dyDescent="0.25">
      <c r="A2949" s="1">
        <v>43678.708333333336</v>
      </c>
      <c r="B2949" s="2">
        <v>44.69</v>
      </c>
      <c r="C2949">
        <v>2.2131829999999999</v>
      </c>
      <c r="D2949">
        <f t="shared" si="90"/>
        <v>2.2131830000000001E-3</v>
      </c>
      <c r="E2949" s="6">
        <f t="shared" si="91"/>
        <v>9.8907148269999995E-2</v>
      </c>
    </row>
    <row r="2950" spans="1:5" x14ac:dyDescent="0.25">
      <c r="A2950" s="1">
        <v>43678.75</v>
      </c>
      <c r="B2950" s="2">
        <v>37.01</v>
      </c>
      <c r="C2950">
        <v>0.21512200000000001</v>
      </c>
      <c r="D2950">
        <f t="shared" ref="D2950:D3013" si="92">C2950/1000</f>
        <v>2.1512200000000002E-4</v>
      </c>
      <c r="E2950" s="6">
        <f t="shared" ref="E2950:E3013" si="93">D2950*B2950</f>
        <v>7.9616652200000006E-3</v>
      </c>
    </row>
    <row r="2951" spans="1:5" x14ac:dyDescent="0.25">
      <c r="A2951" s="1">
        <v>43678.791666666664</v>
      </c>
      <c r="B2951" s="2">
        <v>33.6</v>
      </c>
      <c r="C2951">
        <v>0.74709700000000001</v>
      </c>
      <c r="D2951">
        <f t="shared" si="92"/>
        <v>7.4709700000000006E-4</v>
      </c>
      <c r="E2951" s="6">
        <f t="shared" si="93"/>
        <v>2.5102459200000003E-2</v>
      </c>
    </row>
    <row r="2952" spans="1:5" x14ac:dyDescent="0.25">
      <c r="A2952" s="1">
        <v>43678.833333333336</v>
      </c>
      <c r="B2952" s="2">
        <v>31.95</v>
      </c>
      <c r="C2952">
        <v>0</v>
      </c>
      <c r="D2952">
        <f t="shared" si="92"/>
        <v>0</v>
      </c>
      <c r="E2952" s="6">
        <f t="shared" si="93"/>
        <v>0</v>
      </c>
    </row>
    <row r="2953" spans="1:5" x14ac:dyDescent="0.25">
      <c r="A2953" s="1">
        <v>43678.875</v>
      </c>
      <c r="B2953" s="2">
        <v>28.89</v>
      </c>
      <c r="C2953">
        <v>0</v>
      </c>
      <c r="D2953">
        <f t="shared" si="92"/>
        <v>0</v>
      </c>
      <c r="E2953" s="6">
        <f t="shared" si="93"/>
        <v>0</v>
      </c>
    </row>
    <row r="2954" spans="1:5" x14ac:dyDescent="0.25">
      <c r="A2954" s="1">
        <v>43678.916666666664</v>
      </c>
      <c r="B2954" s="2">
        <v>24.38</v>
      </c>
      <c r="C2954">
        <v>0</v>
      </c>
      <c r="D2954">
        <f t="shared" si="92"/>
        <v>0</v>
      </c>
      <c r="E2954" s="6">
        <f t="shared" si="93"/>
        <v>0</v>
      </c>
    </row>
    <row r="2955" spans="1:5" x14ac:dyDescent="0.25">
      <c r="A2955" s="1">
        <v>43678.958333333336</v>
      </c>
      <c r="B2955" s="2">
        <v>21.79</v>
      </c>
      <c r="C2955">
        <v>0</v>
      </c>
      <c r="D2955">
        <f t="shared" si="92"/>
        <v>0</v>
      </c>
      <c r="E2955" s="6">
        <f t="shared" si="93"/>
        <v>0</v>
      </c>
    </row>
    <row r="2956" spans="1:5" x14ac:dyDescent="0.25">
      <c r="A2956" s="1">
        <v>43679</v>
      </c>
      <c r="B2956" s="2">
        <v>19.829999999999998</v>
      </c>
      <c r="C2956">
        <v>0</v>
      </c>
      <c r="D2956">
        <f t="shared" si="92"/>
        <v>0</v>
      </c>
      <c r="E2956" s="6">
        <f t="shared" si="93"/>
        <v>0</v>
      </c>
    </row>
    <row r="2957" spans="1:5" x14ac:dyDescent="0.25">
      <c r="A2957" s="1">
        <v>43679.041666666664</v>
      </c>
      <c r="B2957" s="2">
        <v>18.75</v>
      </c>
      <c r="C2957">
        <v>0</v>
      </c>
      <c r="D2957">
        <f t="shared" si="92"/>
        <v>0</v>
      </c>
      <c r="E2957" s="6">
        <f t="shared" si="93"/>
        <v>0</v>
      </c>
    </row>
    <row r="2958" spans="1:5" x14ac:dyDescent="0.25">
      <c r="A2958" s="1">
        <v>43679.083333333336</v>
      </c>
      <c r="B2958" s="2">
        <v>17.89</v>
      </c>
      <c r="C2958">
        <v>0</v>
      </c>
      <c r="D2958">
        <f t="shared" si="92"/>
        <v>0</v>
      </c>
      <c r="E2958" s="6">
        <f t="shared" si="93"/>
        <v>0</v>
      </c>
    </row>
    <row r="2959" spans="1:5" x14ac:dyDescent="0.25">
      <c r="A2959" s="1">
        <v>43679.125</v>
      </c>
      <c r="B2959" s="2">
        <v>16.43</v>
      </c>
      <c r="C2959">
        <v>0</v>
      </c>
      <c r="D2959">
        <f t="shared" si="92"/>
        <v>0</v>
      </c>
      <c r="E2959" s="6">
        <f t="shared" si="93"/>
        <v>0</v>
      </c>
    </row>
    <row r="2960" spans="1:5" x14ac:dyDescent="0.25">
      <c r="A2960" s="1">
        <v>43679.166666666664</v>
      </c>
      <c r="B2960" s="2">
        <v>17.48</v>
      </c>
      <c r="C2960">
        <v>0</v>
      </c>
      <c r="D2960">
        <f t="shared" si="92"/>
        <v>0</v>
      </c>
      <c r="E2960" s="6">
        <f t="shared" si="93"/>
        <v>0</v>
      </c>
    </row>
    <row r="2961" spans="1:5" x14ac:dyDescent="0.25">
      <c r="A2961" s="1">
        <v>43679.208333333336</v>
      </c>
      <c r="B2961" s="2">
        <v>19.239999999999998</v>
      </c>
      <c r="C2961">
        <v>0</v>
      </c>
      <c r="D2961">
        <f t="shared" si="92"/>
        <v>0</v>
      </c>
      <c r="E2961" s="6">
        <f t="shared" si="93"/>
        <v>0</v>
      </c>
    </row>
    <row r="2962" spans="1:5" x14ac:dyDescent="0.25">
      <c r="A2962" s="1">
        <v>43679.25</v>
      </c>
      <c r="B2962" s="2">
        <v>20.61</v>
      </c>
      <c r="C2962">
        <v>0</v>
      </c>
      <c r="D2962">
        <f t="shared" si="92"/>
        <v>0</v>
      </c>
      <c r="E2962" s="6">
        <f t="shared" si="93"/>
        <v>0</v>
      </c>
    </row>
    <row r="2963" spans="1:5" x14ac:dyDescent="0.25">
      <c r="A2963" s="1">
        <v>43679.291666666664</v>
      </c>
      <c r="B2963" s="2">
        <v>21.55</v>
      </c>
      <c r="C2963">
        <v>0.24282300000000001</v>
      </c>
      <c r="D2963">
        <f t="shared" si="92"/>
        <v>2.42823E-4</v>
      </c>
      <c r="E2963" s="6">
        <f t="shared" si="93"/>
        <v>5.2328356499999999E-3</v>
      </c>
    </row>
    <row r="2964" spans="1:5" x14ac:dyDescent="0.25">
      <c r="A2964" s="1">
        <v>43679.333333333336</v>
      </c>
      <c r="B2964" s="2">
        <v>22.27</v>
      </c>
      <c r="C2964">
        <v>0.83448699999999998</v>
      </c>
      <c r="D2964">
        <f t="shared" si="92"/>
        <v>8.3448699999999997E-4</v>
      </c>
      <c r="E2964" s="6">
        <f t="shared" si="93"/>
        <v>1.8584025489999999E-2</v>
      </c>
    </row>
    <row r="2965" spans="1:5" x14ac:dyDescent="0.25">
      <c r="A2965" s="1">
        <v>43679.375</v>
      </c>
      <c r="B2965" s="2">
        <v>24.69</v>
      </c>
      <c r="C2965">
        <v>1.5140820000000001</v>
      </c>
      <c r="D2965">
        <f t="shared" si="92"/>
        <v>1.5140820000000001E-3</v>
      </c>
      <c r="E2965" s="6">
        <f t="shared" si="93"/>
        <v>3.7382684580000006E-2</v>
      </c>
    </row>
    <row r="2966" spans="1:5" x14ac:dyDescent="0.25">
      <c r="A2966" s="1">
        <v>43679.416666666664</v>
      </c>
      <c r="B2966" s="2">
        <v>29.16</v>
      </c>
      <c r="C2966">
        <v>3.5708169999999999</v>
      </c>
      <c r="D2966">
        <f t="shared" si="92"/>
        <v>3.570817E-3</v>
      </c>
      <c r="E2966" s="6">
        <f t="shared" si="93"/>
        <v>0.10412502372</v>
      </c>
    </row>
    <row r="2967" spans="1:5" x14ac:dyDescent="0.25">
      <c r="A2967" s="1">
        <v>43679.458333333336</v>
      </c>
      <c r="B2967" s="2">
        <v>33.61</v>
      </c>
      <c r="C2967">
        <v>3.4336350000000002</v>
      </c>
      <c r="D2967">
        <f t="shared" si="92"/>
        <v>3.4336350000000004E-3</v>
      </c>
      <c r="E2967" s="6">
        <f t="shared" si="93"/>
        <v>0.11540447235000001</v>
      </c>
    </row>
    <row r="2968" spans="1:5" x14ac:dyDescent="0.25">
      <c r="A2968" s="1">
        <v>43679.5</v>
      </c>
      <c r="B2968" s="2">
        <v>34.29</v>
      </c>
      <c r="C2968">
        <v>5.7716560000000001</v>
      </c>
      <c r="D2968">
        <f t="shared" si="92"/>
        <v>5.771656E-3</v>
      </c>
      <c r="E2968" s="6">
        <f t="shared" si="93"/>
        <v>0.19791008424000001</v>
      </c>
    </row>
    <row r="2969" spans="1:5" x14ac:dyDescent="0.25">
      <c r="A2969" s="1">
        <v>43679.541666666664</v>
      </c>
      <c r="B2969" s="2">
        <v>35.450000000000003</v>
      </c>
      <c r="C2969">
        <v>1.286368</v>
      </c>
      <c r="D2969">
        <f t="shared" si="92"/>
        <v>1.286368E-3</v>
      </c>
      <c r="E2969" s="6">
        <f t="shared" si="93"/>
        <v>4.56017456E-2</v>
      </c>
    </row>
    <row r="2970" spans="1:5" x14ac:dyDescent="0.25">
      <c r="A2970" s="1">
        <v>43679.583333333336</v>
      </c>
      <c r="B2970" s="2">
        <v>37.94</v>
      </c>
      <c r="C2970">
        <v>1.5968099999999998</v>
      </c>
      <c r="D2970">
        <f t="shared" si="92"/>
        <v>1.5968099999999999E-3</v>
      </c>
      <c r="E2970" s="6">
        <f t="shared" si="93"/>
        <v>6.0582971399999991E-2</v>
      </c>
    </row>
    <row r="2971" spans="1:5" x14ac:dyDescent="0.25">
      <c r="A2971" s="1">
        <v>43679.625</v>
      </c>
      <c r="B2971" s="2">
        <v>42.6</v>
      </c>
      <c r="C2971">
        <v>4.2561059999999999</v>
      </c>
      <c r="D2971">
        <f t="shared" si="92"/>
        <v>4.256106E-3</v>
      </c>
      <c r="E2971" s="6">
        <f t="shared" si="93"/>
        <v>0.18131011560000002</v>
      </c>
    </row>
    <row r="2972" spans="1:5" x14ac:dyDescent="0.25">
      <c r="A2972" s="1">
        <v>43679.666666666664</v>
      </c>
      <c r="B2972" s="2">
        <v>44.39</v>
      </c>
      <c r="C2972">
        <v>4.9778410000000006</v>
      </c>
      <c r="D2972">
        <f t="shared" si="92"/>
        <v>4.9778410000000002E-3</v>
      </c>
      <c r="E2972" s="6">
        <f t="shared" si="93"/>
        <v>0.22096636199</v>
      </c>
    </row>
    <row r="2973" spans="1:5" x14ac:dyDescent="0.25">
      <c r="A2973" s="1">
        <v>43679.708333333336</v>
      </c>
      <c r="B2973" s="2">
        <v>40.450000000000003</v>
      </c>
      <c r="C2973">
        <v>3.7029810000000003</v>
      </c>
      <c r="D2973">
        <f t="shared" si="92"/>
        <v>3.7029810000000002E-3</v>
      </c>
      <c r="E2973" s="6">
        <f t="shared" si="93"/>
        <v>0.14978558145000001</v>
      </c>
    </row>
    <row r="2974" spans="1:5" x14ac:dyDescent="0.25">
      <c r="A2974" s="1">
        <v>43679.75</v>
      </c>
      <c r="B2974" s="2">
        <v>35.65</v>
      </c>
      <c r="C2974">
        <v>2.29698</v>
      </c>
      <c r="D2974">
        <f t="shared" si="92"/>
        <v>2.2969800000000001E-3</v>
      </c>
      <c r="E2974" s="6">
        <f t="shared" si="93"/>
        <v>8.1887337000000004E-2</v>
      </c>
    </row>
    <row r="2975" spans="1:5" x14ac:dyDescent="0.25">
      <c r="A2975" s="1">
        <v>43679.791666666664</v>
      </c>
      <c r="B2975" s="2">
        <v>32.49</v>
      </c>
      <c r="C2975">
        <v>0.69995000000000007</v>
      </c>
      <c r="D2975">
        <f t="shared" si="92"/>
        <v>6.9995000000000007E-4</v>
      </c>
      <c r="E2975" s="6">
        <f t="shared" si="93"/>
        <v>2.2741375500000004E-2</v>
      </c>
    </row>
    <row r="2976" spans="1:5" x14ac:dyDescent="0.25">
      <c r="A2976" s="1">
        <v>43679.833333333336</v>
      </c>
      <c r="B2976" s="2">
        <v>29.52</v>
      </c>
      <c r="C2976">
        <v>0</v>
      </c>
      <c r="D2976">
        <f t="shared" si="92"/>
        <v>0</v>
      </c>
      <c r="E2976" s="6">
        <f t="shared" si="93"/>
        <v>0</v>
      </c>
    </row>
    <row r="2977" spans="1:5" x14ac:dyDescent="0.25">
      <c r="A2977" s="1">
        <v>43679.875</v>
      </c>
      <c r="B2977" s="2">
        <v>27.2</v>
      </c>
      <c r="C2977">
        <v>0</v>
      </c>
      <c r="D2977">
        <f t="shared" si="92"/>
        <v>0</v>
      </c>
      <c r="E2977" s="6">
        <f t="shared" si="93"/>
        <v>0</v>
      </c>
    </row>
    <row r="2978" spans="1:5" x14ac:dyDescent="0.25">
      <c r="A2978" s="1">
        <v>43679.916666666664</v>
      </c>
      <c r="B2978" s="2">
        <v>23.27</v>
      </c>
      <c r="C2978">
        <v>0</v>
      </c>
      <c r="D2978">
        <f t="shared" si="92"/>
        <v>0</v>
      </c>
      <c r="E2978" s="6">
        <f t="shared" si="93"/>
        <v>0</v>
      </c>
    </row>
    <row r="2979" spans="1:5" x14ac:dyDescent="0.25">
      <c r="A2979" s="1">
        <v>43679.958333333336</v>
      </c>
      <c r="B2979" s="2">
        <v>20.66</v>
      </c>
      <c r="C2979">
        <v>0</v>
      </c>
      <c r="D2979">
        <f t="shared" si="92"/>
        <v>0</v>
      </c>
      <c r="E2979" s="6">
        <f t="shared" si="93"/>
        <v>0</v>
      </c>
    </row>
    <row r="2980" spans="1:5" x14ac:dyDescent="0.25">
      <c r="A2980" s="1">
        <v>43680</v>
      </c>
      <c r="B2980" s="2">
        <v>19.88</v>
      </c>
      <c r="C2980">
        <v>0</v>
      </c>
      <c r="D2980">
        <f t="shared" si="92"/>
        <v>0</v>
      </c>
      <c r="E2980" s="6">
        <f t="shared" si="93"/>
        <v>0</v>
      </c>
    </row>
    <row r="2981" spans="1:5" x14ac:dyDescent="0.25">
      <c r="A2981" s="1">
        <v>43680.041666666664</v>
      </c>
      <c r="B2981" s="2">
        <v>19.48</v>
      </c>
      <c r="C2981">
        <v>0</v>
      </c>
      <c r="D2981">
        <f t="shared" si="92"/>
        <v>0</v>
      </c>
      <c r="E2981" s="6">
        <f t="shared" si="93"/>
        <v>0</v>
      </c>
    </row>
    <row r="2982" spans="1:5" x14ac:dyDescent="0.25">
      <c r="A2982" s="1">
        <v>43680.083333333336</v>
      </c>
      <c r="B2982" s="2">
        <v>18.440000000000001</v>
      </c>
      <c r="C2982">
        <v>0</v>
      </c>
      <c r="D2982">
        <f t="shared" si="92"/>
        <v>0</v>
      </c>
      <c r="E2982" s="6">
        <f t="shared" si="93"/>
        <v>0</v>
      </c>
    </row>
    <row r="2983" spans="1:5" x14ac:dyDescent="0.25">
      <c r="A2983" s="1">
        <v>43680.125</v>
      </c>
      <c r="B2983" s="2">
        <v>18</v>
      </c>
      <c r="C2983">
        <v>0</v>
      </c>
      <c r="D2983">
        <f t="shared" si="92"/>
        <v>0</v>
      </c>
      <c r="E2983" s="6">
        <f t="shared" si="93"/>
        <v>0</v>
      </c>
    </row>
    <row r="2984" spans="1:5" x14ac:dyDescent="0.25">
      <c r="A2984" s="1">
        <v>43680.166666666664</v>
      </c>
      <c r="B2984" s="2">
        <v>17.62</v>
      </c>
      <c r="C2984">
        <v>0</v>
      </c>
      <c r="D2984">
        <f t="shared" si="92"/>
        <v>0</v>
      </c>
      <c r="E2984" s="6">
        <f t="shared" si="93"/>
        <v>0</v>
      </c>
    </row>
    <row r="2985" spans="1:5" x14ac:dyDescent="0.25">
      <c r="A2985" s="1">
        <v>43680.208333333336</v>
      </c>
      <c r="B2985" s="2">
        <v>18.059999999999999</v>
      </c>
      <c r="C2985">
        <v>0</v>
      </c>
      <c r="D2985">
        <f t="shared" si="92"/>
        <v>0</v>
      </c>
      <c r="E2985" s="6">
        <f t="shared" si="93"/>
        <v>0</v>
      </c>
    </row>
    <row r="2986" spans="1:5" x14ac:dyDescent="0.25">
      <c r="A2986" s="1">
        <v>43680.25</v>
      </c>
      <c r="B2986" s="2">
        <v>18.54</v>
      </c>
      <c r="C2986">
        <v>0</v>
      </c>
      <c r="D2986">
        <f t="shared" si="92"/>
        <v>0</v>
      </c>
      <c r="E2986" s="6">
        <f t="shared" si="93"/>
        <v>0</v>
      </c>
    </row>
    <row r="2987" spans="1:5" x14ac:dyDescent="0.25">
      <c r="A2987" s="1">
        <v>43680.291666666664</v>
      </c>
      <c r="B2987" s="2">
        <v>18.920000000000002</v>
      </c>
      <c r="C2987">
        <v>0.38292599999999999</v>
      </c>
      <c r="D2987">
        <f t="shared" si="92"/>
        <v>3.8292600000000001E-4</v>
      </c>
      <c r="E2987" s="6">
        <f t="shared" si="93"/>
        <v>7.2449599200000011E-3</v>
      </c>
    </row>
    <row r="2988" spans="1:5" x14ac:dyDescent="0.25">
      <c r="A2988" s="1">
        <v>43680.333333333336</v>
      </c>
      <c r="B2988" s="2">
        <v>20.12</v>
      </c>
      <c r="C2988">
        <v>0.93308199999999997</v>
      </c>
      <c r="D2988">
        <f t="shared" si="92"/>
        <v>9.3308200000000001E-4</v>
      </c>
      <c r="E2988" s="6">
        <f t="shared" si="93"/>
        <v>1.877360984E-2</v>
      </c>
    </row>
    <row r="2989" spans="1:5" x14ac:dyDescent="0.25">
      <c r="A2989" s="1">
        <v>43680.375</v>
      </c>
      <c r="B2989" s="2">
        <v>22.08</v>
      </c>
      <c r="C2989">
        <v>2.313148</v>
      </c>
      <c r="D2989">
        <f t="shared" si="92"/>
        <v>2.3131480000000001E-3</v>
      </c>
      <c r="E2989" s="6">
        <f t="shared" si="93"/>
        <v>5.1074307839999999E-2</v>
      </c>
    </row>
    <row r="2990" spans="1:5" x14ac:dyDescent="0.25">
      <c r="A2990" s="1">
        <v>43680.416666666664</v>
      </c>
      <c r="B2990" s="2">
        <v>24.08</v>
      </c>
      <c r="C2990">
        <v>5.1071620000000006</v>
      </c>
      <c r="D2990">
        <f t="shared" si="92"/>
        <v>5.107162000000001E-3</v>
      </c>
      <c r="E2990" s="6">
        <f t="shared" si="93"/>
        <v>0.12298046096000001</v>
      </c>
    </row>
    <row r="2991" spans="1:5" x14ac:dyDescent="0.25">
      <c r="A2991" s="1">
        <v>43680.458333333336</v>
      </c>
      <c r="B2991" s="2">
        <v>27.26</v>
      </c>
      <c r="C2991">
        <v>4.562907</v>
      </c>
      <c r="D2991">
        <f t="shared" si="92"/>
        <v>4.5629069999999997E-3</v>
      </c>
      <c r="E2991" s="6">
        <f t="shared" si="93"/>
        <v>0.12438484481999999</v>
      </c>
    </row>
    <row r="2992" spans="1:5" x14ac:dyDescent="0.25">
      <c r="A2992" s="1">
        <v>43680.5</v>
      </c>
      <c r="B2992" s="2">
        <v>29.92</v>
      </c>
      <c r="C2992">
        <v>5.6344159999999999</v>
      </c>
      <c r="D2992">
        <f t="shared" si="92"/>
        <v>5.6344159999999997E-3</v>
      </c>
      <c r="E2992" s="6">
        <f t="shared" si="93"/>
        <v>0.16858172671999999</v>
      </c>
    </row>
    <row r="2993" spans="1:5" x14ac:dyDescent="0.25">
      <c r="A2993" s="1">
        <v>43680.541666666664</v>
      </c>
      <c r="B2993" s="2">
        <v>31</v>
      </c>
      <c r="C2993">
        <v>3.1830979999999998</v>
      </c>
      <c r="D2993">
        <f t="shared" si="92"/>
        <v>3.1830979999999997E-3</v>
      </c>
      <c r="E2993" s="6">
        <f t="shared" si="93"/>
        <v>9.8676037999999994E-2</v>
      </c>
    </row>
    <row r="2994" spans="1:5" x14ac:dyDescent="0.25">
      <c r="A2994" s="1">
        <v>43680.583333333336</v>
      </c>
      <c r="B2994" s="2">
        <v>32.85</v>
      </c>
      <c r="C2994">
        <v>6.8848969999999996</v>
      </c>
      <c r="D2994">
        <f t="shared" si="92"/>
        <v>6.8848969999999992E-3</v>
      </c>
      <c r="E2994" s="6">
        <f t="shared" si="93"/>
        <v>0.22616886644999998</v>
      </c>
    </row>
    <row r="2995" spans="1:5" x14ac:dyDescent="0.25">
      <c r="A2995" s="1">
        <v>43680.625</v>
      </c>
      <c r="B2995" s="2">
        <v>34.880000000000003</v>
      </c>
      <c r="C2995">
        <v>4.0373380000000001</v>
      </c>
      <c r="D2995">
        <f t="shared" si="92"/>
        <v>4.0373379999999997E-3</v>
      </c>
      <c r="E2995" s="6">
        <f t="shared" si="93"/>
        <v>0.14082234943999999</v>
      </c>
    </row>
    <row r="2996" spans="1:5" x14ac:dyDescent="0.25">
      <c r="A2996" s="1">
        <v>43680.666666666664</v>
      </c>
      <c r="B2996" s="2">
        <v>39.21</v>
      </c>
      <c r="C2996">
        <v>4.8134410000000001</v>
      </c>
      <c r="D2996">
        <f t="shared" si="92"/>
        <v>4.8134409999999999E-3</v>
      </c>
      <c r="E2996" s="6">
        <f t="shared" si="93"/>
        <v>0.18873502161</v>
      </c>
    </row>
    <row r="2997" spans="1:5" x14ac:dyDescent="0.25">
      <c r="A2997" s="1">
        <v>43680.708333333336</v>
      </c>
      <c r="B2997" s="2">
        <v>39.51</v>
      </c>
      <c r="C2997">
        <v>3.8935309999999999</v>
      </c>
      <c r="D2997">
        <f t="shared" si="92"/>
        <v>3.893531E-3</v>
      </c>
      <c r="E2997" s="6">
        <f t="shared" si="93"/>
        <v>0.15383340980999999</v>
      </c>
    </row>
    <row r="2998" spans="1:5" x14ac:dyDescent="0.25">
      <c r="A2998" s="1">
        <v>43680.75</v>
      </c>
      <c r="B2998" s="2">
        <v>34.43</v>
      </c>
      <c r="C2998">
        <v>2.2174659999999999</v>
      </c>
      <c r="D2998">
        <f t="shared" si="92"/>
        <v>2.217466E-3</v>
      </c>
      <c r="E2998" s="6">
        <f t="shared" si="93"/>
        <v>7.6347354379999996E-2</v>
      </c>
    </row>
    <row r="2999" spans="1:5" x14ac:dyDescent="0.25">
      <c r="A2999" s="1">
        <v>43680.791666666664</v>
      </c>
      <c r="B2999" s="2">
        <v>31.36</v>
      </c>
      <c r="C2999">
        <v>0.67210400000000003</v>
      </c>
      <c r="D2999">
        <f t="shared" si="92"/>
        <v>6.7210400000000008E-4</v>
      </c>
      <c r="E2999" s="6">
        <f t="shared" si="93"/>
        <v>2.1077181440000002E-2</v>
      </c>
    </row>
    <row r="3000" spans="1:5" x14ac:dyDescent="0.25">
      <c r="A3000" s="1">
        <v>43680.833333333336</v>
      </c>
      <c r="B3000" s="2">
        <v>30.01</v>
      </c>
      <c r="C3000">
        <v>0</v>
      </c>
      <c r="D3000">
        <f t="shared" si="92"/>
        <v>0</v>
      </c>
      <c r="E3000" s="6">
        <f t="shared" si="93"/>
        <v>0</v>
      </c>
    </row>
    <row r="3001" spans="1:5" x14ac:dyDescent="0.25">
      <c r="A3001" s="1">
        <v>43680.875</v>
      </c>
      <c r="B3001" s="2">
        <v>27.35</v>
      </c>
      <c r="C3001">
        <v>0</v>
      </c>
      <c r="D3001">
        <f t="shared" si="92"/>
        <v>0</v>
      </c>
      <c r="E3001" s="6">
        <f t="shared" si="93"/>
        <v>0</v>
      </c>
    </row>
    <row r="3002" spans="1:5" x14ac:dyDescent="0.25">
      <c r="A3002" s="1">
        <v>43680.916666666664</v>
      </c>
      <c r="B3002" s="2">
        <v>23.97</v>
      </c>
      <c r="C3002">
        <v>0</v>
      </c>
      <c r="D3002">
        <f t="shared" si="92"/>
        <v>0</v>
      </c>
      <c r="E3002" s="6">
        <f t="shared" si="93"/>
        <v>0</v>
      </c>
    </row>
    <row r="3003" spans="1:5" x14ac:dyDescent="0.25">
      <c r="A3003" s="1">
        <v>43680.958333333336</v>
      </c>
      <c r="B3003" s="2">
        <v>21.6</v>
      </c>
      <c r="C3003">
        <v>0</v>
      </c>
      <c r="D3003">
        <f t="shared" si="92"/>
        <v>0</v>
      </c>
      <c r="E3003" s="6">
        <f t="shared" si="93"/>
        <v>0</v>
      </c>
    </row>
    <row r="3004" spans="1:5" x14ac:dyDescent="0.25">
      <c r="A3004" s="1">
        <v>43681</v>
      </c>
      <c r="B3004" s="2">
        <v>20.52</v>
      </c>
      <c r="C3004">
        <v>0</v>
      </c>
      <c r="D3004">
        <f t="shared" si="92"/>
        <v>0</v>
      </c>
      <c r="E3004" s="6">
        <f t="shared" si="93"/>
        <v>0</v>
      </c>
    </row>
    <row r="3005" spans="1:5" x14ac:dyDescent="0.25">
      <c r="A3005" s="1">
        <v>43681.041666666664</v>
      </c>
      <c r="B3005" s="2">
        <v>18.89</v>
      </c>
      <c r="C3005">
        <v>0</v>
      </c>
      <c r="D3005">
        <f t="shared" si="92"/>
        <v>0</v>
      </c>
      <c r="E3005" s="6">
        <f t="shared" si="93"/>
        <v>0</v>
      </c>
    </row>
    <row r="3006" spans="1:5" x14ac:dyDescent="0.25">
      <c r="A3006" s="1">
        <v>43681.083333333336</v>
      </c>
      <c r="B3006" s="2">
        <v>17.850000000000001</v>
      </c>
      <c r="C3006">
        <v>0</v>
      </c>
      <c r="D3006">
        <f t="shared" si="92"/>
        <v>0</v>
      </c>
      <c r="E3006" s="6">
        <f t="shared" si="93"/>
        <v>0</v>
      </c>
    </row>
    <row r="3007" spans="1:5" x14ac:dyDescent="0.25">
      <c r="A3007" s="1">
        <v>43681.125</v>
      </c>
      <c r="B3007" s="2">
        <v>17.29</v>
      </c>
      <c r="C3007">
        <v>0</v>
      </c>
      <c r="D3007">
        <f t="shared" si="92"/>
        <v>0</v>
      </c>
      <c r="E3007" s="6">
        <f t="shared" si="93"/>
        <v>0</v>
      </c>
    </row>
    <row r="3008" spans="1:5" x14ac:dyDescent="0.25">
      <c r="A3008" s="1">
        <v>43681.166666666664</v>
      </c>
      <c r="B3008" s="2">
        <v>16.28</v>
      </c>
      <c r="C3008">
        <v>0</v>
      </c>
      <c r="D3008">
        <f t="shared" si="92"/>
        <v>0</v>
      </c>
      <c r="E3008" s="6">
        <f t="shared" si="93"/>
        <v>0</v>
      </c>
    </row>
    <row r="3009" spans="1:5" x14ac:dyDescent="0.25">
      <c r="A3009" s="1">
        <v>43681.208333333336</v>
      </c>
      <c r="B3009" s="2">
        <v>16.07</v>
      </c>
      <c r="C3009">
        <v>0</v>
      </c>
      <c r="D3009">
        <f t="shared" si="92"/>
        <v>0</v>
      </c>
      <c r="E3009" s="6">
        <f t="shared" si="93"/>
        <v>0</v>
      </c>
    </row>
    <row r="3010" spans="1:5" x14ac:dyDescent="0.25">
      <c r="A3010" s="1">
        <v>43681.25</v>
      </c>
      <c r="B3010" s="2">
        <v>15.67</v>
      </c>
      <c r="C3010">
        <v>0</v>
      </c>
      <c r="D3010">
        <f t="shared" si="92"/>
        <v>0</v>
      </c>
      <c r="E3010" s="6">
        <f t="shared" si="93"/>
        <v>0</v>
      </c>
    </row>
    <row r="3011" spans="1:5" x14ac:dyDescent="0.25">
      <c r="A3011" s="1">
        <v>43681.291666666664</v>
      </c>
      <c r="B3011" s="2">
        <v>17.05</v>
      </c>
      <c r="C3011">
        <v>0.41322300000000001</v>
      </c>
      <c r="D3011">
        <f t="shared" si="92"/>
        <v>4.13223E-4</v>
      </c>
      <c r="E3011" s="6">
        <f t="shared" si="93"/>
        <v>7.0454521500000001E-3</v>
      </c>
    </row>
    <row r="3012" spans="1:5" x14ac:dyDescent="0.25">
      <c r="A3012" s="1">
        <v>43681.333333333336</v>
      </c>
      <c r="B3012" s="2">
        <v>19.71</v>
      </c>
      <c r="C3012">
        <v>1.7813910000000002</v>
      </c>
      <c r="D3012">
        <f t="shared" si="92"/>
        <v>1.7813910000000002E-3</v>
      </c>
      <c r="E3012" s="6">
        <f t="shared" si="93"/>
        <v>3.5111216610000003E-2</v>
      </c>
    </row>
    <row r="3013" spans="1:5" x14ac:dyDescent="0.25">
      <c r="A3013" s="1">
        <v>43681.375</v>
      </c>
      <c r="B3013" s="2">
        <v>21.48</v>
      </c>
      <c r="C3013">
        <v>3.5128980000000003</v>
      </c>
      <c r="D3013">
        <f t="shared" si="92"/>
        <v>3.5128980000000004E-3</v>
      </c>
      <c r="E3013" s="6">
        <f t="shared" si="93"/>
        <v>7.5457049040000015E-2</v>
      </c>
    </row>
    <row r="3014" spans="1:5" x14ac:dyDescent="0.25">
      <c r="A3014" s="1">
        <v>43681.416666666664</v>
      </c>
      <c r="B3014" s="2">
        <v>23.5</v>
      </c>
      <c r="C3014">
        <v>5.0236040000000006</v>
      </c>
      <c r="D3014">
        <f t="shared" ref="D3014:D3077" si="94">C3014/1000</f>
        <v>5.023604000000001E-3</v>
      </c>
      <c r="E3014" s="6">
        <f t="shared" ref="E3014:E3077" si="95">D3014*B3014</f>
        <v>0.11805469400000002</v>
      </c>
    </row>
    <row r="3015" spans="1:5" x14ac:dyDescent="0.25">
      <c r="A3015" s="1">
        <v>43681.458333333336</v>
      </c>
      <c r="B3015" s="2">
        <v>26.31</v>
      </c>
      <c r="C3015">
        <v>6.1131009999999995</v>
      </c>
      <c r="D3015">
        <f t="shared" si="94"/>
        <v>6.1131009999999993E-3</v>
      </c>
      <c r="E3015" s="6">
        <f t="shared" si="95"/>
        <v>0.16083568730999998</v>
      </c>
    </row>
    <row r="3016" spans="1:5" x14ac:dyDescent="0.25">
      <c r="A3016" s="1">
        <v>43681.5</v>
      </c>
      <c r="B3016" s="2">
        <v>29.08</v>
      </c>
      <c r="C3016">
        <v>6.7436530000000001</v>
      </c>
      <c r="D3016">
        <f t="shared" si="94"/>
        <v>6.7436530000000005E-3</v>
      </c>
      <c r="E3016" s="6">
        <f t="shared" si="95"/>
        <v>0.19610542923999999</v>
      </c>
    </row>
    <row r="3017" spans="1:5" x14ac:dyDescent="0.25">
      <c r="A3017" s="1">
        <v>43681.541666666664</v>
      </c>
      <c r="B3017" s="2">
        <v>32.74</v>
      </c>
      <c r="C3017">
        <v>5.7781520000000004</v>
      </c>
      <c r="D3017">
        <f t="shared" si="94"/>
        <v>5.7781520000000008E-3</v>
      </c>
      <c r="E3017" s="6">
        <f t="shared" si="95"/>
        <v>0.18917669648000005</v>
      </c>
    </row>
    <row r="3018" spans="1:5" x14ac:dyDescent="0.25">
      <c r="A3018" s="1">
        <v>43681.583333333336</v>
      </c>
      <c r="B3018" s="2">
        <v>35.17</v>
      </c>
      <c r="C3018">
        <v>3.8110839999999997</v>
      </c>
      <c r="D3018">
        <f t="shared" si="94"/>
        <v>3.8110839999999997E-3</v>
      </c>
      <c r="E3018" s="6">
        <f t="shared" si="95"/>
        <v>0.13403582427999999</v>
      </c>
    </row>
    <row r="3019" spans="1:5" x14ac:dyDescent="0.25">
      <c r="A3019" s="1">
        <v>43681.625</v>
      </c>
      <c r="B3019" s="2">
        <v>37.54</v>
      </c>
      <c r="C3019">
        <v>6.3047449999999996</v>
      </c>
      <c r="D3019">
        <f t="shared" si="94"/>
        <v>6.3047449999999996E-3</v>
      </c>
      <c r="E3019" s="6">
        <f t="shared" si="95"/>
        <v>0.23668012729999999</v>
      </c>
    </row>
    <row r="3020" spans="1:5" x14ac:dyDescent="0.25">
      <c r="A3020" s="1">
        <v>43681.666666666664</v>
      </c>
      <c r="B3020" s="2">
        <v>43</v>
      </c>
      <c r="C3020">
        <v>5.2591869999999998</v>
      </c>
      <c r="D3020">
        <f t="shared" si="94"/>
        <v>5.2591870000000002E-3</v>
      </c>
      <c r="E3020" s="6">
        <f t="shared" si="95"/>
        <v>0.22614504100000002</v>
      </c>
    </row>
    <row r="3021" spans="1:5" x14ac:dyDescent="0.25">
      <c r="A3021" s="1">
        <v>43681.708333333336</v>
      </c>
      <c r="B3021" s="2">
        <v>44.77</v>
      </c>
      <c r="C3021">
        <v>0.58907100000000001</v>
      </c>
      <c r="D3021">
        <f t="shared" si="94"/>
        <v>5.8907100000000004E-4</v>
      </c>
      <c r="E3021" s="6">
        <f t="shared" si="95"/>
        <v>2.6372708670000005E-2</v>
      </c>
    </row>
    <row r="3022" spans="1:5" x14ac:dyDescent="0.25">
      <c r="A3022" s="1">
        <v>43681.75</v>
      </c>
      <c r="B3022" s="2">
        <v>37.08</v>
      </c>
      <c r="C3022">
        <v>0.46290499999999996</v>
      </c>
      <c r="D3022">
        <f t="shared" si="94"/>
        <v>4.6290499999999995E-4</v>
      </c>
      <c r="E3022" s="6">
        <f t="shared" si="95"/>
        <v>1.7164517399999996E-2</v>
      </c>
    </row>
    <row r="3023" spans="1:5" x14ac:dyDescent="0.25">
      <c r="A3023" s="1">
        <v>43681.791666666664</v>
      </c>
      <c r="B3023" s="2">
        <v>33.450000000000003</v>
      </c>
      <c r="C3023">
        <v>0.16778700000000002</v>
      </c>
      <c r="D3023">
        <f t="shared" si="94"/>
        <v>1.6778700000000003E-4</v>
      </c>
      <c r="E3023" s="6">
        <f t="shared" si="95"/>
        <v>5.6124751500000016E-3</v>
      </c>
    </row>
    <row r="3024" spans="1:5" x14ac:dyDescent="0.25">
      <c r="A3024" s="1">
        <v>43681.833333333336</v>
      </c>
      <c r="B3024" s="2">
        <v>32.159999999999997</v>
      </c>
      <c r="C3024">
        <v>0</v>
      </c>
      <c r="D3024">
        <f t="shared" si="94"/>
        <v>0</v>
      </c>
      <c r="E3024" s="6">
        <f t="shared" si="95"/>
        <v>0</v>
      </c>
    </row>
    <row r="3025" spans="1:5" x14ac:dyDescent="0.25">
      <c r="A3025" s="1">
        <v>43681.875</v>
      </c>
      <c r="B3025" s="2">
        <v>28.09</v>
      </c>
      <c r="C3025">
        <v>0</v>
      </c>
      <c r="D3025">
        <f t="shared" si="94"/>
        <v>0</v>
      </c>
      <c r="E3025" s="6">
        <f t="shared" si="95"/>
        <v>0</v>
      </c>
    </row>
    <row r="3026" spans="1:5" x14ac:dyDescent="0.25">
      <c r="A3026" s="1">
        <v>43681.916666666664</v>
      </c>
      <c r="B3026" s="2">
        <v>23.9</v>
      </c>
      <c r="C3026">
        <v>0</v>
      </c>
      <c r="D3026">
        <f t="shared" si="94"/>
        <v>0</v>
      </c>
      <c r="E3026" s="6">
        <f t="shared" si="95"/>
        <v>0</v>
      </c>
    </row>
    <row r="3027" spans="1:5" x14ac:dyDescent="0.25">
      <c r="A3027" s="1">
        <v>43681.958333333336</v>
      </c>
      <c r="B3027" s="2">
        <v>22.13</v>
      </c>
      <c r="C3027">
        <v>0</v>
      </c>
      <c r="D3027">
        <f t="shared" si="94"/>
        <v>0</v>
      </c>
      <c r="E3027" s="6">
        <f t="shared" si="95"/>
        <v>0</v>
      </c>
    </row>
    <row r="3028" spans="1:5" x14ac:dyDescent="0.25">
      <c r="A3028" s="1">
        <v>43682</v>
      </c>
      <c r="B3028" s="2">
        <v>19.64</v>
      </c>
      <c r="C3028">
        <v>0</v>
      </c>
      <c r="D3028">
        <f t="shared" si="94"/>
        <v>0</v>
      </c>
      <c r="E3028" s="6">
        <f t="shared" si="95"/>
        <v>0</v>
      </c>
    </row>
    <row r="3029" spans="1:5" x14ac:dyDescent="0.25">
      <c r="A3029" s="1">
        <v>43682.041666666664</v>
      </c>
      <c r="B3029" s="2">
        <v>19.059999999999999</v>
      </c>
      <c r="C3029">
        <v>0</v>
      </c>
      <c r="D3029">
        <f t="shared" si="94"/>
        <v>0</v>
      </c>
      <c r="E3029" s="6">
        <f t="shared" si="95"/>
        <v>0</v>
      </c>
    </row>
    <row r="3030" spans="1:5" x14ac:dyDescent="0.25">
      <c r="A3030" s="1">
        <v>43682.083333333336</v>
      </c>
      <c r="B3030" s="2">
        <v>17.28</v>
      </c>
      <c r="C3030">
        <v>0</v>
      </c>
      <c r="D3030">
        <f t="shared" si="94"/>
        <v>0</v>
      </c>
      <c r="E3030" s="6">
        <f t="shared" si="95"/>
        <v>0</v>
      </c>
    </row>
    <row r="3031" spans="1:5" x14ac:dyDescent="0.25">
      <c r="A3031" s="1">
        <v>43682.125</v>
      </c>
      <c r="B3031" s="2">
        <v>16.55</v>
      </c>
      <c r="C3031">
        <v>0</v>
      </c>
      <c r="D3031">
        <f t="shared" si="94"/>
        <v>0</v>
      </c>
      <c r="E3031" s="6">
        <f t="shared" si="95"/>
        <v>0</v>
      </c>
    </row>
    <row r="3032" spans="1:5" x14ac:dyDescent="0.25">
      <c r="A3032" s="1">
        <v>43682.166666666664</v>
      </c>
      <c r="B3032" s="2">
        <v>16.64</v>
      </c>
      <c r="C3032">
        <v>0</v>
      </c>
      <c r="D3032">
        <f t="shared" si="94"/>
        <v>0</v>
      </c>
      <c r="E3032" s="6">
        <f t="shared" si="95"/>
        <v>0</v>
      </c>
    </row>
    <row r="3033" spans="1:5" x14ac:dyDescent="0.25">
      <c r="A3033" s="1">
        <v>43682.208333333336</v>
      </c>
      <c r="B3033" s="2">
        <v>17.64</v>
      </c>
      <c r="C3033">
        <v>0</v>
      </c>
      <c r="D3033">
        <f t="shared" si="94"/>
        <v>0</v>
      </c>
      <c r="E3033" s="6">
        <f t="shared" si="95"/>
        <v>0</v>
      </c>
    </row>
    <row r="3034" spans="1:5" x14ac:dyDescent="0.25">
      <c r="A3034" s="1">
        <v>43682.25</v>
      </c>
      <c r="B3034" s="2">
        <v>19.87</v>
      </c>
      <c r="C3034">
        <v>0</v>
      </c>
      <c r="D3034">
        <f t="shared" si="94"/>
        <v>0</v>
      </c>
      <c r="E3034" s="6">
        <f t="shared" si="95"/>
        <v>0</v>
      </c>
    </row>
    <row r="3035" spans="1:5" x14ac:dyDescent="0.25">
      <c r="A3035" s="1">
        <v>43682.291666666664</v>
      </c>
      <c r="B3035" s="2">
        <v>20.57</v>
      </c>
      <c r="C3035">
        <v>0.37218699999999999</v>
      </c>
      <c r="D3035">
        <f t="shared" si="94"/>
        <v>3.7218700000000001E-4</v>
      </c>
      <c r="E3035" s="6">
        <f t="shared" si="95"/>
        <v>7.65588659E-3</v>
      </c>
    </row>
    <row r="3036" spans="1:5" x14ac:dyDescent="0.25">
      <c r="A3036" s="1">
        <v>43682.333333333336</v>
      </c>
      <c r="B3036" s="2">
        <v>22.88</v>
      </c>
      <c r="C3036">
        <v>1.375675</v>
      </c>
      <c r="D3036">
        <f t="shared" si="94"/>
        <v>1.375675E-3</v>
      </c>
      <c r="E3036" s="6">
        <f t="shared" si="95"/>
        <v>3.1475443999999998E-2</v>
      </c>
    </row>
    <row r="3037" spans="1:5" x14ac:dyDescent="0.25">
      <c r="A3037" s="1">
        <v>43682.375</v>
      </c>
      <c r="B3037" s="2">
        <v>26.52</v>
      </c>
      <c r="C3037">
        <v>2.3057479999999999</v>
      </c>
      <c r="D3037">
        <f t="shared" si="94"/>
        <v>2.3057479999999998E-3</v>
      </c>
      <c r="E3037" s="6">
        <f t="shared" si="95"/>
        <v>6.1148436959999997E-2</v>
      </c>
    </row>
    <row r="3038" spans="1:5" x14ac:dyDescent="0.25">
      <c r="A3038" s="1">
        <v>43682.416666666664</v>
      </c>
      <c r="B3038" s="2">
        <v>29.15</v>
      </c>
      <c r="C3038">
        <v>4.1153750000000002</v>
      </c>
      <c r="D3038">
        <f t="shared" si="94"/>
        <v>4.1153750000000001E-3</v>
      </c>
      <c r="E3038" s="6">
        <f t="shared" si="95"/>
        <v>0.11996318124999999</v>
      </c>
    </row>
    <row r="3039" spans="1:5" x14ac:dyDescent="0.25">
      <c r="A3039" s="1">
        <v>43682.458333333336</v>
      </c>
      <c r="B3039" s="2">
        <v>33.86</v>
      </c>
      <c r="C3039">
        <v>4.7479480000000001</v>
      </c>
      <c r="D3039">
        <f t="shared" si="94"/>
        <v>4.7479480000000001E-3</v>
      </c>
      <c r="E3039" s="6">
        <f t="shared" si="95"/>
        <v>0.16076551927999999</v>
      </c>
    </row>
    <row r="3040" spans="1:5" x14ac:dyDescent="0.25">
      <c r="A3040" s="1">
        <v>43682.5</v>
      </c>
      <c r="B3040" s="2">
        <v>37.19</v>
      </c>
      <c r="C3040">
        <v>4.7134070000000001</v>
      </c>
      <c r="D3040">
        <f t="shared" si="94"/>
        <v>4.7134070000000002E-3</v>
      </c>
      <c r="E3040" s="6">
        <f t="shared" si="95"/>
        <v>0.17529160632999999</v>
      </c>
    </row>
    <row r="3041" spans="1:5" x14ac:dyDescent="0.25">
      <c r="A3041" s="1">
        <v>43682.541666666664</v>
      </c>
      <c r="B3041" s="2">
        <v>40.35</v>
      </c>
      <c r="C3041">
        <v>3.9072770000000001</v>
      </c>
      <c r="D3041">
        <f t="shared" si="94"/>
        <v>3.9072769999999998E-3</v>
      </c>
      <c r="E3041" s="6">
        <f t="shared" si="95"/>
        <v>0.15765862694999999</v>
      </c>
    </row>
    <row r="3042" spans="1:5" x14ac:dyDescent="0.25">
      <c r="A3042" s="1">
        <v>43682.583333333336</v>
      </c>
      <c r="B3042" s="2">
        <v>49.78</v>
      </c>
      <c r="C3042">
        <v>6.8859840000000005</v>
      </c>
      <c r="D3042">
        <f t="shared" si="94"/>
        <v>6.8859840000000004E-3</v>
      </c>
      <c r="E3042" s="6">
        <f t="shared" si="95"/>
        <v>0.34278428352000001</v>
      </c>
    </row>
    <row r="3043" spans="1:5" x14ac:dyDescent="0.25">
      <c r="A3043" s="1">
        <v>43682.625</v>
      </c>
      <c r="B3043" s="2">
        <v>56.2</v>
      </c>
      <c r="C3043">
        <v>6.2576890000000001</v>
      </c>
      <c r="D3043">
        <f t="shared" si="94"/>
        <v>6.2576890000000003E-3</v>
      </c>
      <c r="E3043" s="6">
        <f t="shared" si="95"/>
        <v>0.35168212180000002</v>
      </c>
    </row>
    <row r="3044" spans="1:5" x14ac:dyDescent="0.25">
      <c r="A3044" s="1">
        <v>43682.666666666664</v>
      </c>
      <c r="B3044" s="2">
        <v>61.47</v>
      </c>
      <c r="C3044">
        <v>5.2997079999999999</v>
      </c>
      <c r="D3044">
        <f t="shared" si="94"/>
        <v>5.2997080000000002E-3</v>
      </c>
      <c r="E3044" s="6">
        <f t="shared" si="95"/>
        <v>0.32577305076000002</v>
      </c>
    </row>
    <row r="3045" spans="1:5" x14ac:dyDescent="0.25">
      <c r="A3045" s="1">
        <v>43682.708333333336</v>
      </c>
      <c r="B3045" s="2">
        <v>59.35</v>
      </c>
      <c r="C3045">
        <v>3.945487</v>
      </c>
      <c r="D3045">
        <f t="shared" si="94"/>
        <v>3.9454870000000001E-3</v>
      </c>
      <c r="E3045" s="6">
        <f t="shared" si="95"/>
        <v>0.23416465345000001</v>
      </c>
    </row>
    <row r="3046" spans="1:5" x14ac:dyDescent="0.25">
      <c r="A3046" s="1">
        <v>43682.75</v>
      </c>
      <c r="B3046" s="2">
        <v>45.23</v>
      </c>
      <c r="C3046">
        <v>2.2429939999999999</v>
      </c>
      <c r="D3046">
        <f t="shared" si="94"/>
        <v>2.2429939999999999E-3</v>
      </c>
      <c r="E3046" s="6">
        <f t="shared" si="95"/>
        <v>0.10145061861999999</v>
      </c>
    </row>
    <row r="3047" spans="1:5" x14ac:dyDescent="0.25">
      <c r="A3047" s="1">
        <v>43682.791666666664</v>
      </c>
      <c r="B3047" s="2">
        <v>38.159999999999997</v>
      </c>
      <c r="C3047">
        <v>0.63010599999999994</v>
      </c>
      <c r="D3047">
        <f t="shared" si="94"/>
        <v>6.3010599999999996E-4</v>
      </c>
      <c r="E3047" s="6">
        <f t="shared" si="95"/>
        <v>2.4044844959999995E-2</v>
      </c>
    </row>
    <row r="3048" spans="1:5" x14ac:dyDescent="0.25">
      <c r="A3048" s="1">
        <v>43682.833333333336</v>
      </c>
      <c r="B3048" s="2">
        <v>39.799999999999997</v>
      </c>
      <c r="C3048">
        <v>0</v>
      </c>
      <c r="D3048">
        <f t="shared" si="94"/>
        <v>0</v>
      </c>
      <c r="E3048" s="6">
        <f t="shared" si="95"/>
        <v>0</v>
      </c>
    </row>
    <row r="3049" spans="1:5" x14ac:dyDescent="0.25">
      <c r="A3049" s="1">
        <v>43682.875</v>
      </c>
      <c r="B3049" s="2">
        <v>31.12</v>
      </c>
      <c r="C3049">
        <v>0</v>
      </c>
      <c r="D3049">
        <f t="shared" si="94"/>
        <v>0</v>
      </c>
      <c r="E3049" s="6">
        <f t="shared" si="95"/>
        <v>0</v>
      </c>
    </row>
    <row r="3050" spans="1:5" x14ac:dyDescent="0.25">
      <c r="A3050" s="1">
        <v>43682.916666666664</v>
      </c>
      <c r="B3050" s="2">
        <v>26.63</v>
      </c>
      <c r="C3050">
        <v>0</v>
      </c>
      <c r="D3050">
        <f t="shared" si="94"/>
        <v>0</v>
      </c>
      <c r="E3050" s="6">
        <f t="shared" si="95"/>
        <v>0</v>
      </c>
    </row>
    <row r="3051" spans="1:5" x14ac:dyDescent="0.25">
      <c r="A3051" s="1">
        <v>43682.958333333336</v>
      </c>
      <c r="B3051" s="2">
        <v>22.72</v>
      </c>
      <c r="C3051">
        <v>0</v>
      </c>
      <c r="D3051">
        <f t="shared" si="94"/>
        <v>0</v>
      </c>
      <c r="E3051" s="6">
        <f t="shared" si="95"/>
        <v>0</v>
      </c>
    </row>
    <row r="3052" spans="1:5" x14ac:dyDescent="0.25">
      <c r="A3052" s="1">
        <v>43683</v>
      </c>
      <c r="B3052" s="2">
        <v>20.52</v>
      </c>
      <c r="C3052">
        <v>0</v>
      </c>
      <c r="D3052">
        <f t="shared" si="94"/>
        <v>0</v>
      </c>
      <c r="E3052" s="6">
        <f t="shared" si="95"/>
        <v>0</v>
      </c>
    </row>
    <row r="3053" spans="1:5" x14ac:dyDescent="0.25">
      <c r="A3053" s="1">
        <v>43683.041666666664</v>
      </c>
      <c r="B3053" s="2">
        <v>19.75</v>
      </c>
      <c r="C3053">
        <v>0</v>
      </c>
      <c r="D3053">
        <f t="shared" si="94"/>
        <v>0</v>
      </c>
      <c r="E3053" s="6">
        <f t="shared" si="95"/>
        <v>0</v>
      </c>
    </row>
    <row r="3054" spans="1:5" x14ac:dyDescent="0.25">
      <c r="A3054" s="1">
        <v>43683.083333333336</v>
      </c>
      <c r="B3054" s="2">
        <v>17.28</v>
      </c>
      <c r="C3054">
        <v>0</v>
      </c>
      <c r="D3054">
        <f t="shared" si="94"/>
        <v>0</v>
      </c>
      <c r="E3054" s="6">
        <f t="shared" si="95"/>
        <v>0</v>
      </c>
    </row>
    <row r="3055" spans="1:5" x14ac:dyDescent="0.25">
      <c r="A3055" s="1">
        <v>43683.125</v>
      </c>
      <c r="B3055" s="2">
        <v>16.53</v>
      </c>
      <c r="C3055">
        <v>0</v>
      </c>
      <c r="D3055">
        <f t="shared" si="94"/>
        <v>0</v>
      </c>
      <c r="E3055" s="6">
        <f t="shared" si="95"/>
        <v>0</v>
      </c>
    </row>
    <row r="3056" spans="1:5" x14ac:dyDescent="0.25">
      <c r="A3056" s="1">
        <v>43683.166666666664</v>
      </c>
      <c r="B3056" s="2">
        <v>16.79</v>
      </c>
      <c r="C3056">
        <v>0</v>
      </c>
      <c r="D3056">
        <f t="shared" si="94"/>
        <v>0</v>
      </c>
      <c r="E3056" s="6">
        <f t="shared" si="95"/>
        <v>0</v>
      </c>
    </row>
    <row r="3057" spans="1:5" x14ac:dyDescent="0.25">
      <c r="A3057" s="1">
        <v>43683.208333333336</v>
      </c>
      <c r="B3057" s="2">
        <v>18.43</v>
      </c>
      <c r="C3057">
        <v>0</v>
      </c>
      <c r="D3057">
        <f t="shared" si="94"/>
        <v>0</v>
      </c>
      <c r="E3057" s="6">
        <f t="shared" si="95"/>
        <v>0</v>
      </c>
    </row>
    <row r="3058" spans="1:5" x14ac:dyDescent="0.25">
      <c r="A3058" s="1">
        <v>43683.25</v>
      </c>
      <c r="B3058" s="2">
        <v>20.05</v>
      </c>
      <c r="C3058">
        <v>0</v>
      </c>
      <c r="D3058">
        <f t="shared" si="94"/>
        <v>0</v>
      </c>
      <c r="E3058" s="6">
        <f t="shared" si="95"/>
        <v>0</v>
      </c>
    </row>
    <row r="3059" spans="1:5" x14ac:dyDescent="0.25">
      <c r="A3059" s="1">
        <v>43683.291666666664</v>
      </c>
      <c r="B3059" s="2">
        <v>20.85</v>
      </c>
      <c r="C3059">
        <v>0.34998800000000002</v>
      </c>
      <c r="D3059">
        <f t="shared" si="94"/>
        <v>3.4998800000000002E-4</v>
      </c>
      <c r="E3059" s="6">
        <f t="shared" si="95"/>
        <v>7.2972498000000007E-3</v>
      </c>
    </row>
    <row r="3060" spans="1:5" x14ac:dyDescent="0.25">
      <c r="A3060" s="1">
        <v>43683.333333333336</v>
      </c>
      <c r="B3060" s="2">
        <v>22.54</v>
      </c>
      <c r="C3060">
        <v>1.679006</v>
      </c>
      <c r="D3060">
        <f t="shared" si="94"/>
        <v>1.679006E-3</v>
      </c>
      <c r="E3060" s="6">
        <f t="shared" si="95"/>
        <v>3.784479524E-2</v>
      </c>
    </row>
    <row r="3061" spans="1:5" x14ac:dyDescent="0.25">
      <c r="A3061" s="1">
        <v>43683.375</v>
      </c>
      <c r="B3061" s="2">
        <v>26.33</v>
      </c>
      <c r="C3061">
        <v>3.5634420000000002</v>
      </c>
      <c r="D3061">
        <f t="shared" si="94"/>
        <v>3.5634420000000004E-3</v>
      </c>
      <c r="E3061" s="6">
        <f t="shared" si="95"/>
        <v>9.3825427860000005E-2</v>
      </c>
    </row>
    <row r="3062" spans="1:5" x14ac:dyDescent="0.25">
      <c r="A3062" s="1">
        <v>43683.416666666664</v>
      </c>
      <c r="B3062" s="2">
        <v>29.31</v>
      </c>
      <c r="C3062">
        <v>3.6065329999999998</v>
      </c>
      <c r="D3062">
        <f t="shared" si="94"/>
        <v>3.6065329999999999E-3</v>
      </c>
      <c r="E3062" s="6">
        <f t="shared" si="95"/>
        <v>0.10570748223</v>
      </c>
    </row>
    <row r="3063" spans="1:5" x14ac:dyDescent="0.25">
      <c r="A3063" s="1">
        <v>43683.458333333336</v>
      </c>
      <c r="B3063" s="2">
        <v>32.590000000000003</v>
      </c>
      <c r="C3063">
        <v>4.7340659999999994</v>
      </c>
      <c r="D3063">
        <f t="shared" si="94"/>
        <v>4.7340659999999994E-3</v>
      </c>
      <c r="E3063" s="6">
        <f t="shared" si="95"/>
        <v>0.15428321094</v>
      </c>
    </row>
    <row r="3064" spans="1:5" x14ac:dyDescent="0.25">
      <c r="A3064" s="1">
        <v>43683.5</v>
      </c>
      <c r="B3064" s="2">
        <v>34.979999999999997</v>
      </c>
      <c r="C3064">
        <v>3.8772089999999997</v>
      </c>
      <c r="D3064">
        <f t="shared" si="94"/>
        <v>3.8772089999999995E-3</v>
      </c>
      <c r="E3064" s="6">
        <f t="shared" si="95"/>
        <v>0.13562477081999996</v>
      </c>
    </row>
    <row r="3065" spans="1:5" x14ac:dyDescent="0.25">
      <c r="A3065" s="1">
        <v>43683.541666666664</v>
      </c>
      <c r="B3065" s="2">
        <v>37.44</v>
      </c>
      <c r="C3065">
        <v>7.0379769999999997</v>
      </c>
      <c r="D3065">
        <f t="shared" si="94"/>
        <v>7.0379769999999999E-3</v>
      </c>
      <c r="E3065" s="6">
        <f t="shared" si="95"/>
        <v>0.26350185888</v>
      </c>
    </row>
    <row r="3066" spans="1:5" x14ac:dyDescent="0.25">
      <c r="A3066" s="1">
        <v>43683.583333333336</v>
      </c>
      <c r="B3066" s="2">
        <v>42.95</v>
      </c>
      <c r="C3066">
        <v>3.2133949999999998</v>
      </c>
      <c r="D3066">
        <f t="shared" si="94"/>
        <v>3.213395E-3</v>
      </c>
      <c r="E3066" s="6">
        <f t="shared" si="95"/>
        <v>0.13801531525000002</v>
      </c>
    </row>
    <row r="3067" spans="1:5" x14ac:dyDescent="0.25">
      <c r="A3067" s="1">
        <v>43683.625</v>
      </c>
      <c r="B3067" s="2">
        <v>44.52</v>
      </c>
      <c r="C3067">
        <v>4.5615759999999996</v>
      </c>
      <c r="D3067">
        <f t="shared" si="94"/>
        <v>4.5615759999999995E-3</v>
      </c>
      <c r="E3067" s="6">
        <f t="shared" si="95"/>
        <v>0.20308136352</v>
      </c>
    </row>
    <row r="3068" spans="1:5" x14ac:dyDescent="0.25">
      <c r="A3068" s="1">
        <v>43683.666666666664</v>
      </c>
      <c r="B3068" s="2">
        <v>48.36</v>
      </c>
      <c r="C3068">
        <v>0.48342399999999996</v>
      </c>
      <c r="D3068">
        <f t="shared" si="94"/>
        <v>4.8342399999999998E-4</v>
      </c>
      <c r="E3068" s="6">
        <f t="shared" si="95"/>
        <v>2.3378384639999999E-2</v>
      </c>
    </row>
    <row r="3069" spans="1:5" x14ac:dyDescent="0.25">
      <c r="A3069" s="1">
        <v>43683.708333333336</v>
      </c>
      <c r="B3069" s="2">
        <v>44.66</v>
      </c>
      <c r="C3069">
        <v>0.779497</v>
      </c>
      <c r="D3069">
        <f t="shared" si="94"/>
        <v>7.7949699999999998E-4</v>
      </c>
      <c r="E3069" s="6">
        <f t="shared" si="95"/>
        <v>3.4812336019999994E-2</v>
      </c>
    </row>
    <row r="3070" spans="1:5" x14ac:dyDescent="0.25">
      <c r="A3070" s="1">
        <v>43683.75</v>
      </c>
      <c r="B3070" s="2">
        <v>39.33</v>
      </c>
      <c r="C3070">
        <v>1.311717</v>
      </c>
      <c r="D3070">
        <f t="shared" si="94"/>
        <v>1.311717E-3</v>
      </c>
      <c r="E3070" s="6">
        <f t="shared" si="95"/>
        <v>5.1589829609999999E-2</v>
      </c>
    </row>
    <row r="3071" spans="1:5" x14ac:dyDescent="0.25">
      <c r="A3071" s="1">
        <v>43683.791666666664</v>
      </c>
      <c r="B3071" s="2">
        <v>33.659999999999997</v>
      </c>
      <c r="C3071">
        <v>0.50323399999999996</v>
      </c>
      <c r="D3071">
        <f t="shared" si="94"/>
        <v>5.0323399999999997E-4</v>
      </c>
      <c r="E3071" s="6">
        <f t="shared" si="95"/>
        <v>1.6938856439999997E-2</v>
      </c>
    </row>
    <row r="3072" spans="1:5" x14ac:dyDescent="0.25">
      <c r="A3072" s="1">
        <v>43683.833333333336</v>
      </c>
      <c r="B3072" s="2">
        <v>33.71</v>
      </c>
      <c r="C3072">
        <v>0</v>
      </c>
      <c r="D3072">
        <f t="shared" si="94"/>
        <v>0</v>
      </c>
      <c r="E3072" s="6">
        <f t="shared" si="95"/>
        <v>0</v>
      </c>
    </row>
    <row r="3073" spans="1:5" x14ac:dyDescent="0.25">
      <c r="A3073" s="1">
        <v>43683.875</v>
      </c>
      <c r="B3073" s="2">
        <v>29.71</v>
      </c>
      <c r="C3073">
        <v>0</v>
      </c>
      <c r="D3073">
        <f t="shared" si="94"/>
        <v>0</v>
      </c>
      <c r="E3073" s="6">
        <f t="shared" si="95"/>
        <v>0</v>
      </c>
    </row>
    <row r="3074" spans="1:5" x14ac:dyDescent="0.25">
      <c r="A3074" s="1">
        <v>43683.916666666664</v>
      </c>
      <c r="B3074" s="2">
        <v>24.8</v>
      </c>
      <c r="C3074">
        <v>0</v>
      </c>
      <c r="D3074">
        <f t="shared" si="94"/>
        <v>0</v>
      </c>
      <c r="E3074" s="6">
        <f t="shared" si="95"/>
        <v>0</v>
      </c>
    </row>
    <row r="3075" spans="1:5" x14ac:dyDescent="0.25">
      <c r="A3075" s="1">
        <v>43683.958333333336</v>
      </c>
      <c r="B3075" s="2">
        <v>22.67</v>
      </c>
      <c r="C3075">
        <v>0</v>
      </c>
      <c r="D3075">
        <f t="shared" si="94"/>
        <v>0</v>
      </c>
      <c r="E3075" s="6">
        <f t="shared" si="95"/>
        <v>0</v>
      </c>
    </row>
    <row r="3076" spans="1:5" x14ac:dyDescent="0.25">
      <c r="A3076" s="1">
        <v>43684</v>
      </c>
      <c r="B3076" s="2">
        <v>19.8</v>
      </c>
      <c r="C3076">
        <v>0</v>
      </c>
      <c r="D3076">
        <f t="shared" si="94"/>
        <v>0</v>
      </c>
      <c r="E3076" s="6">
        <f t="shared" si="95"/>
        <v>0</v>
      </c>
    </row>
    <row r="3077" spans="1:5" x14ac:dyDescent="0.25">
      <c r="A3077" s="1">
        <v>43684.041666666664</v>
      </c>
      <c r="B3077" s="2">
        <v>18.93</v>
      </c>
      <c r="C3077">
        <v>0</v>
      </c>
      <c r="D3077">
        <f t="shared" si="94"/>
        <v>0</v>
      </c>
      <c r="E3077" s="6">
        <f t="shared" si="95"/>
        <v>0</v>
      </c>
    </row>
    <row r="3078" spans="1:5" x14ac:dyDescent="0.25">
      <c r="A3078" s="1">
        <v>43684.083333333336</v>
      </c>
      <c r="B3078" s="2">
        <v>17.52</v>
      </c>
      <c r="C3078">
        <v>0</v>
      </c>
      <c r="D3078">
        <f t="shared" ref="D3078:D3141" si="96">C3078/1000</f>
        <v>0</v>
      </c>
      <c r="E3078" s="6">
        <f t="shared" ref="E3078:E3141" si="97">D3078*B3078</f>
        <v>0</v>
      </c>
    </row>
    <row r="3079" spans="1:5" x14ac:dyDescent="0.25">
      <c r="A3079" s="1">
        <v>43684.125</v>
      </c>
      <c r="B3079" s="2">
        <v>16.48</v>
      </c>
      <c r="C3079">
        <v>0</v>
      </c>
      <c r="D3079">
        <f t="shared" si="96"/>
        <v>0</v>
      </c>
      <c r="E3079" s="6">
        <f t="shared" si="97"/>
        <v>0</v>
      </c>
    </row>
    <row r="3080" spans="1:5" x14ac:dyDescent="0.25">
      <c r="A3080" s="1">
        <v>43684.166666666664</v>
      </c>
      <c r="B3080" s="2">
        <v>16.510000000000002</v>
      </c>
      <c r="C3080">
        <v>0</v>
      </c>
      <c r="D3080">
        <f t="shared" si="96"/>
        <v>0</v>
      </c>
      <c r="E3080" s="6">
        <f t="shared" si="97"/>
        <v>0</v>
      </c>
    </row>
    <row r="3081" spans="1:5" x14ac:dyDescent="0.25">
      <c r="A3081" s="1">
        <v>43684.208333333336</v>
      </c>
      <c r="B3081" s="2">
        <v>18.45</v>
      </c>
      <c r="C3081">
        <v>0</v>
      </c>
      <c r="D3081">
        <f t="shared" si="96"/>
        <v>0</v>
      </c>
      <c r="E3081" s="6">
        <f t="shared" si="97"/>
        <v>0</v>
      </c>
    </row>
    <row r="3082" spans="1:5" x14ac:dyDescent="0.25">
      <c r="A3082" s="1">
        <v>43684.25</v>
      </c>
      <c r="B3082" s="2">
        <v>19.510000000000002</v>
      </c>
      <c r="C3082">
        <v>0</v>
      </c>
      <c r="D3082">
        <f t="shared" si="96"/>
        <v>0</v>
      </c>
      <c r="E3082" s="6">
        <f t="shared" si="97"/>
        <v>0</v>
      </c>
    </row>
    <row r="3083" spans="1:5" x14ac:dyDescent="0.25">
      <c r="A3083" s="1">
        <v>43684.291666666664</v>
      </c>
      <c r="B3083" s="2">
        <v>20.13</v>
      </c>
      <c r="C3083">
        <v>0.36121599999999998</v>
      </c>
      <c r="D3083">
        <f t="shared" si="96"/>
        <v>3.6121599999999998E-4</v>
      </c>
      <c r="E3083" s="6">
        <f t="shared" si="97"/>
        <v>7.2712780799999996E-3</v>
      </c>
    </row>
    <row r="3084" spans="1:5" x14ac:dyDescent="0.25">
      <c r="A3084" s="1">
        <v>43684.333333333336</v>
      </c>
      <c r="B3084" s="2">
        <v>21.94</v>
      </c>
      <c r="C3084">
        <v>1.3751040000000001</v>
      </c>
      <c r="D3084">
        <f t="shared" si="96"/>
        <v>1.375104E-3</v>
      </c>
      <c r="E3084" s="6">
        <f t="shared" si="97"/>
        <v>3.0169781760000004E-2</v>
      </c>
    </row>
    <row r="3085" spans="1:5" x14ac:dyDescent="0.25">
      <c r="A3085" s="1">
        <v>43684.375</v>
      </c>
      <c r="B3085" s="2">
        <v>24.68</v>
      </c>
      <c r="C3085">
        <v>1.7250650000000001</v>
      </c>
      <c r="D3085">
        <f t="shared" si="96"/>
        <v>1.725065E-3</v>
      </c>
      <c r="E3085" s="6">
        <f t="shared" si="97"/>
        <v>4.2574604199999998E-2</v>
      </c>
    </row>
    <row r="3086" spans="1:5" x14ac:dyDescent="0.25">
      <c r="A3086" s="1">
        <v>43684.416666666664</v>
      </c>
      <c r="B3086" s="2">
        <v>28.3</v>
      </c>
      <c r="C3086">
        <v>3.3790050000000003</v>
      </c>
      <c r="D3086">
        <f t="shared" si="96"/>
        <v>3.3790050000000005E-3</v>
      </c>
      <c r="E3086" s="6">
        <f t="shared" si="97"/>
        <v>9.5625841500000017E-2</v>
      </c>
    </row>
    <row r="3087" spans="1:5" x14ac:dyDescent="0.25">
      <c r="A3087" s="1">
        <v>43684.458333333336</v>
      </c>
      <c r="B3087" s="2">
        <v>31.79</v>
      </c>
      <c r="C3087">
        <v>6.2638190000000007</v>
      </c>
      <c r="D3087">
        <f t="shared" si="96"/>
        <v>6.2638190000000003E-3</v>
      </c>
      <c r="E3087" s="6">
        <f t="shared" si="97"/>
        <v>0.19912680601000002</v>
      </c>
    </row>
    <row r="3088" spans="1:5" x14ac:dyDescent="0.25">
      <c r="A3088" s="1">
        <v>43684.5</v>
      </c>
      <c r="B3088" s="2">
        <v>33.03</v>
      </c>
      <c r="C3088">
        <v>5.5702039999999995</v>
      </c>
      <c r="D3088">
        <f t="shared" si="96"/>
        <v>5.5702039999999996E-3</v>
      </c>
      <c r="E3088" s="6">
        <f t="shared" si="97"/>
        <v>0.18398383811999999</v>
      </c>
    </row>
    <row r="3089" spans="1:5" x14ac:dyDescent="0.25">
      <c r="A3089" s="1">
        <v>43684.541666666664</v>
      </c>
      <c r="B3089" s="2">
        <v>35.14</v>
      </c>
      <c r="C3089">
        <v>7.1003579999999999</v>
      </c>
      <c r="D3089">
        <f t="shared" si="96"/>
        <v>7.1003580000000002E-3</v>
      </c>
      <c r="E3089" s="6">
        <f t="shared" si="97"/>
        <v>0.24950658012000002</v>
      </c>
    </row>
    <row r="3090" spans="1:5" x14ac:dyDescent="0.25">
      <c r="A3090" s="1">
        <v>43684.583333333336</v>
      </c>
      <c r="B3090" s="2">
        <v>37.9</v>
      </c>
      <c r="C3090">
        <v>4.1277629999999998</v>
      </c>
      <c r="D3090">
        <f t="shared" si="96"/>
        <v>4.1277629999999996E-3</v>
      </c>
      <c r="E3090" s="6">
        <f t="shared" si="97"/>
        <v>0.15644221769999997</v>
      </c>
    </row>
    <row r="3091" spans="1:5" x14ac:dyDescent="0.25">
      <c r="A3091" s="1">
        <v>43684.625</v>
      </c>
      <c r="B3091" s="2">
        <v>40.159999999999997</v>
      </c>
      <c r="C3091">
        <v>4.9162540000000003</v>
      </c>
      <c r="D3091">
        <f t="shared" si="96"/>
        <v>4.9162540000000001E-3</v>
      </c>
      <c r="E3091" s="6">
        <f t="shared" si="97"/>
        <v>0.19743676063999999</v>
      </c>
    </row>
    <row r="3092" spans="1:5" x14ac:dyDescent="0.25">
      <c r="A3092" s="1">
        <v>43684.666666666664</v>
      </c>
      <c r="B3092" s="2">
        <v>41.04</v>
      </c>
      <c r="C3092">
        <v>5.3799440000000001</v>
      </c>
      <c r="D3092">
        <f t="shared" si="96"/>
        <v>5.3799440000000002E-3</v>
      </c>
      <c r="E3092" s="6">
        <f t="shared" si="97"/>
        <v>0.22079290175999999</v>
      </c>
    </row>
    <row r="3093" spans="1:5" x14ac:dyDescent="0.25">
      <c r="A3093" s="1">
        <v>43684.708333333336</v>
      </c>
      <c r="B3093" s="2">
        <v>37.99</v>
      </c>
      <c r="C3093">
        <v>3.0713409999999999</v>
      </c>
      <c r="D3093">
        <f t="shared" si="96"/>
        <v>3.071341E-3</v>
      </c>
      <c r="E3093" s="6">
        <f t="shared" si="97"/>
        <v>0.11668024459000001</v>
      </c>
    </row>
    <row r="3094" spans="1:5" x14ac:dyDescent="0.25">
      <c r="A3094" s="1">
        <v>43684.75</v>
      </c>
      <c r="B3094" s="2">
        <v>33.83</v>
      </c>
      <c r="C3094">
        <v>0.36696600000000001</v>
      </c>
      <c r="D3094">
        <f t="shared" si="96"/>
        <v>3.6696600000000004E-4</v>
      </c>
      <c r="E3094" s="6">
        <f t="shared" si="97"/>
        <v>1.2414459780000001E-2</v>
      </c>
    </row>
    <row r="3095" spans="1:5" x14ac:dyDescent="0.25">
      <c r="A3095" s="1">
        <v>43684.791666666664</v>
      </c>
      <c r="B3095" s="2">
        <v>31.52</v>
      </c>
      <c r="C3095">
        <v>0.12621299999999999</v>
      </c>
      <c r="D3095">
        <f t="shared" si="96"/>
        <v>1.2621299999999999E-4</v>
      </c>
      <c r="E3095" s="6">
        <f t="shared" si="97"/>
        <v>3.9782337599999999E-3</v>
      </c>
    </row>
    <row r="3096" spans="1:5" x14ac:dyDescent="0.25">
      <c r="A3096" s="1">
        <v>43684.833333333336</v>
      </c>
      <c r="B3096" s="2">
        <v>30.81</v>
      </c>
      <c r="C3096">
        <v>0</v>
      </c>
      <c r="D3096">
        <f t="shared" si="96"/>
        <v>0</v>
      </c>
      <c r="E3096" s="6">
        <f t="shared" si="97"/>
        <v>0</v>
      </c>
    </row>
    <row r="3097" spans="1:5" x14ac:dyDescent="0.25">
      <c r="A3097" s="1">
        <v>43684.875</v>
      </c>
      <c r="B3097" s="2">
        <v>27.5</v>
      </c>
      <c r="C3097">
        <v>0</v>
      </c>
      <c r="D3097">
        <f t="shared" si="96"/>
        <v>0</v>
      </c>
      <c r="E3097" s="6">
        <f t="shared" si="97"/>
        <v>0</v>
      </c>
    </row>
    <row r="3098" spans="1:5" x14ac:dyDescent="0.25">
      <c r="A3098" s="1">
        <v>43684.916666666664</v>
      </c>
      <c r="B3098" s="2">
        <v>23.97</v>
      </c>
      <c r="C3098">
        <v>0</v>
      </c>
      <c r="D3098">
        <f t="shared" si="96"/>
        <v>0</v>
      </c>
      <c r="E3098" s="6">
        <f t="shared" si="97"/>
        <v>0</v>
      </c>
    </row>
    <row r="3099" spans="1:5" x14ac:dyDescent="0.25">
      <c r="A3099" s="1">
        <v>43684.958333333336</v>
      </c>
      <c r="B3099" s="2">
        <v>21.21</v>
      </c>
      <c r="C3099">
        <v>0</v>
      </c>
      <c r="D3099">
        <f t="shared" si="96"/>
        <v>0</v>
      </c>
      <c r="E3099" s="6">
        <f t="shared" si="97"/>
        <v>0</v>
      </c>
    </row>
    <row r="3100" spans="1:5" x14ac:dyDescent="0.25">
      <c r="A3100" s="1">
        <v>43685</v>
      </c>
      <c r="B3100" s="2">
        <v>19.37</v>
      </c>
      <c r="C3100">
        <v>0</v>
      </c>
      <c r="D3100">
        <f t="shared" si="96"/>
        <v>0</v>
      </c>
      <c r="E3100" s="6">
        <f t="shared" si="97"/>
        <v>0</v>
      </c>
    </row>
    <row r="3101" spans="1:5" x14ac:dyDescent="0.25">
      <c r="A3101" s="1">
        <v>43685.041666666664</v>
      </c>
      <c r="B3101" s="2">
        <v>18.38</v>
      </c>
      <c r="C3101">
        <v>0</v>
      </c>
      <c r="D3101">
        <f t="shared" si="96"/>
        <v>0</v>
      </c>
      <c r="E3101" s="6">
        <f t="shared" si="97"/>
        <v>0</v>
      </c>
    </row>
    <row r="3102" spans="1:5" x14ac:dyDescent="0.25">
      <c r="A3102" s="1">
        <v>43685.083333333336</v>
      </c>
      <c r="B3102" s="2">
        <v>16.059999999999999</v>
      </c>
      <c r="C3102">
        <v>0</v>
      </c>
      <c r="D3102">
        <f t="shared" si="96"/>
        <v>0</v>
      </c>
      <c r="E3102" s="6">
        <f t="shared" si="97"/>
        <v>0</v>
      </c>
    </row>
    <row r="3103" spans="1:5" x14ac:dyDescent="0.25">
      <c r="A3103" s="1">
        <v>43685.125</v>
      </c>
      <c r="B3103" s="2">
        <v>15.17</v>
      </c>
      <c r="C3103">
        <v>0</v>
      </c>
      <c r="D3103">
        <f t="shared" si="96"/>
        <v>0</v>
      </c>
      <c r="E3103" s="6">
        <f t="shared" si="97"/>
        <v>0</v>
      </c>
    </row>
    <row r="3104" spans="1:5" x14ac:dyDescent="0.25">
      <c r="A3104" s="1">
        <v>43685.166666666664</v>
      </c>
      <c r="B3104" s="2">
        <v>15.1</v>
      </c>
      <c r="C3104">
        <v>0</v>
      </c>
      <c r="D3104">
        <f t="shared" si="96"/>
        <v>0</v>
      </c>
      <c r="E3104" s="6">
        <f t="shared" si="97"/>
        <v>0</v>
      </c>
    </row>
    <row r="3105" spans="1:5" x14ac:dyDescent="0.25">
      <c r="A3105" s="1">
        <v>43685.208333333336</v>
      </c>
      <c r="B3105" s="2">
        <v>17.34</v>
      </c>
      <c r="C3105">
        <v>0</v>
      </c>
      <c r="D3105">
        <f t="shared" si="96"/>
        <v>0</v>
      </c>
      <c r="E3105" s="6">
        <f t="shared" si="97"/>
        <v>0</v>
      </c>
    </row>
    <row r="3106" spans="1:5" x14ac:dyDescent="0.25">
      <c r="A3106" s="1">
        <v>43685.25</v>
      </c>
      <c r="B3106" s="2">
        <v>19.18</v>
      </c>
      <c r="C3106">
        <v>0</v>
      </c>
      <c r="D3106">
        <f t="shared" si="96"/>
        <v>0</v>
      </c>
      <c r="E3106" s="6">
        <f t="shared" si="97"/>
        <v>0</v>
      </c>
    </row>
    <row r="3107" spans="1:5" x14ac:dyDescent="0.25">
      <c r="A3107" s="1">
        <v>43685.291666666664</v>
      </c>
      <c r="B3107" s="2">
        <v>20.04</v>
      </c>
      <c r="C3107">
        <v>0.24254400000000001</v>
      </c>
      <c r="D3107">
        <f t="shared" si="96"/>
        <v>2.42544E-4</v>
      </c>
      <c r="E3107" s="6">
        <f t="shared" si="97"/>
        <v>4.8605817599999997E-3</v>
      </c>
    </row>
    <row r="3108" spans="1:5" x14ac:dyDescent="0.25">
      <c r="A3108" s="1">
        <v>43685.333333333336</v>
      </c>
      <c r="B3108" s="2">
        <v>21.12</v>
      </c>
      <c r="C3108">
        <v>0.88598399999999999</v>
      </c>
      <c r="D3108">
        <f t="shared" si="96"/>
        <v>8.8598400000000003E-4</v>
      </c>
      <c r="E3108" s="6">
        <f t="shared" si="97"/>
        <v>1.8711982080000002E-2</v>
      </c>
    </row>
    <row r="3109" spans="1:5" x14ac:dyDescent="0.25">
      <c r="A3109" s="1">
        <v>43685.375</v>
      </c>
      <c r="B3109" s="2">
        <v>23.01</v>
      </c>
      <c r="C3109">
        <v>2.4702630000000001</v>
      </c>
      <c r="D3109">
        <f t="shared" si="96"/>
        <v>2.4702629999999999E-3</v>
      </c>
      <c r="E3109" s="6">
        <f t="shared" si="97"/>
        <v>5.6840751629999998E-2</v>
      </c>
    </row>
    <row r="3110" spans="1:5" x14ac:dyDescent="0.25">
      <c r="A3110" s="1">
        <v>43685.416666666664</v>
      </c>
      <c r="B3110" s="2">
        <v>25.37</v>
      </c>
      <c r="C3110">
        <v>2.9726629999999998</v>
      </c>
      <c r="D3110">
        <f t="shared" si="96"/>
        <v>2.972663E-3</v>
      </c>
      <c r="E3110" s="6">
        <f t="shared" si="97"/>
        <v>7.5416460310000002E-2</v>
      </c>
    </row>
    <row r="3111" spans="1:5" x14ac:dyDescent="0.25">
      <c r="A3111" s="1">
        <v>43685.458333333336</v>
      </c>
      <c r="B3111" s="2">
        <v>29.34</v>
      </c>
      <c r="C3111">
        <v>1.87635</v>
      </c>
      <c r="D3111">
        <f t="shared" si="96"/>
        <v>1.8763499999999999E-3</v>
      </c>
      <c r="E3111" s="6">
        <f t="shared" si="97"/>
        <v>5.5052108999999995E-2</v>
      </c>
    </row>
    <row r="3112" spans="1:5" x14ac:dyDescent="0.25">
      <c r="A3112" s="1">
        <v>43685.5</v>
      </c>
      <c r="B3112" s="2">
        <v>30.1</v>
      </c>
      <c r="C3112">
        <v>0.79156300000000002</v>
      </c>
      <c r="D3112">
        <f t="shared" si="96"/>
        <v>7.9156300000000001E-4</v>
      </c>
      <c r="E3112" s="6">
        <f t="shared" si="97"/>
        <v>2.3826046300000001E-2</v>
      </c>
    </row>
    <row r="3113" spans="1:5" x14ac:dyDescent="0.25">
      <c r="A3113" s="1">
        <v>43685.541666666664</v>
      </c>
      <c r="B3113" s="2">
        <v>32.409999999999997</v>
      </c>
      <c r="C3113">
        <v>1.3179380000000001</v>
      </c>
      <c r="D3113">
        <f t="shared" si="96"/>
        <v>1.3179380000000001E-3</v>
      </c>
      <c r="E3113" s="6">
        <f t="shared" si="97"/>
        <v>4.2714370579999994E-2</v>
      </c>
    </row>
    <row r="3114" spans="1:5" x14ac:dyDescent="0.25">
      <c r="A3114" s="1">
        <v>43685.583333333336</v>
      </c>
      <c r="B3114" s="2">
        <v>34.19</v>
      </c>
      <c r="C3114">
        <v>4.0674320000000002</v>
      </c>
      <c r="D3114">
        <f t="shared" si="96"/>
        <v>4.0674320000000002E-3</v>
      </c>
      <c r="E3114" s="6">
        <f t="shared" si="97"/>
        <v>0.13906550007999999</v>
      </c>
    </row>
    <row r="3115" spans="1:5" x14ac:dyDescent="0.25">
      <c r="A3115" s="1">
        <v>43685.625</v>
      </c>
      <c r="B3115" s="2">
        <v>37.08</v>
      </c>
      <c r="C3115">
        <v>2.324236</v>
      </c>
      <c r="D3115">
        <f t="shared" si="96"/>
        <v>2.3242359999999999E-3</v>
      </c>
      <c r="E3115" s="6">
        <f t="shared" si="97"/>
        <v>8.6182670879999992E-2</v>
      </c>
    </row>
    <row r="3116" spans="1:5" x14ac:dyDescent="0.25">
      <c r="A3116" s="1">
        <v>43685.666666666664</v>
      </c>
      <c r="B3116" s="2">
        <v>40.5</v>
      </c>
      <c r="C3116">
        <v>3.5368209999999998</v>
      </c>
      <c r="D3116">
        <f t="shared" si="96"/>
        <v>3.5368209999999999E-3</v>
      </c>
      <c r="E3116" s="6">
        <f t="shared" si="97"/>
        <v>0.1432412505</v>
      </c>
    </row>
    <row r="3117" spans="1:5" x14ac:dyDescent="0.25">
      <c r="A3117" s="1">
        <v>43685.708333333336</v>
      </c>
      <c r="B3117" s="2">
        <v>38.68</v>
      </c>
      <c r="C3117">
        <v>2.725711</v>
      </c>
      <c r="D3117">
        <f t="shared" si="96"/>
        <v>2.725711E-3</v>
      </c>
      <c r="E3117" s="6">
        <f t="shared" si="97"/>
        <v>0.10543050147999999</v>
      </c>
    </row>
    <row r="3118" spans="1:5" x14ac:dyDescent="0.25">
      <c r="A3118" s="1">
        <v>43685.75</v>
      </c>
      <c r="B3118" s="2">
        <v>33.86</v>
      </c>
      <c r="C3118">
        <v>2.1776660000000003</v>
      </c>
      <c r="D3118">
        <f t="shared" si="96"/>
        <v>2.1776660000000004E-3</v>
      </c>
      <c r="E3118" s="6">
        <f t="shared" si="97"/>
        <v>7.3735770760000013E-2</v>
      </c>
    </row>
    <row r="3119" spans="1:5" x14ac:dyDescent="0.25">
      <c r="A3119" s="1">
        <v>43685.791666666664</v>
      </c>
      <c r="B3119" s="2">
        <v>30.66</v>
      </c>
      <c r="C3119">
        <v>0.597163</v>
      </c>
      <c r="D3119">
        <f t="shared" si="96"/>
        <v>5.9716299999999995E-4</v>
      </c>
      <c r="E3119" s="6">
        <f t="shared" si="97"/>
        <v>1.830901758E-2</v>
      </c>
    </row>
    <row r="3120" spans="1:5" x14ac:dyDescent="0.25">
      <c r="A3120" s="1">
        <v>43685.833333333336</v>
      </c>
      <c r="B3120" s="2">
        <v>29.92</v>
      </c>
      <c r="C3120">
        <v>0</v>
      </c>
      <c r="D3120">
        <f t="shared" si="96"/>
        <v>0</v>
      </c>
      <c r="E3120" s="6">
        <f t="shared" si="97"/>
        <v>0</v>
      </c>
    </row>
    <row r="3121" spans="1:5" x14ac:dyDescent="0.25">
      <c r="A3121" s="1">
        <v>43685.875</v>
      </c>
      <c r="B3121" s="2">
        <v>27.9</v>
      </c>
      <c r="C3121">
        <v>0</v>
      </c>
      <c r="D3121">
        <f t="shared" si="96"/>
        <v>0</v>
      </c>
      <c r="E3121" s="6">
        <f t="shared" si="97"/>
        <v>0</v>
      </c>
    </row>
    <row r="3122" spans="1:5" x14ac:dyDescent="0.25">
      <c r="A3122" s="1">
        <v>43685.916666666664</v>
      </c>
      <c r="B3122" s="2">
        <v>23.28</v>
      </c>
      <c r="C3122">
        <v>0</v>
      </c>
      <c r="D3122">
        <f t="shared" si="96"/>
        <v>0</v>
      </c>
      <c r="E3122" s="6">
        <f t="shared" si="97"/>
        <v>0</v>
      </c>
    </row>
    <row r="3123" spans="1:5" x14ac:dyDescent="0.25">
      <c r="A3123" s="1">
        <v>43685.958333333336</v>
      </c>
      <c r="B3123" s="2">
        <v>20.81</v>
      </c>
      <c r="C3123">
        <v>0</v>
      </c>
      <c r="D3123">
        <f t="shared" si="96"/>
        <v>0</v>
      </c>
      <c r="E3123" s="6">
        <f t="shared" si="97"/>
        <v>0</v>
      </c>
    </row>
    <row r="3124" spans="1:5" x14ac:dyDescent="0.25">
      <c r="A3124" s="1">
        <v>43686</v>
      </c>
      <c r="B3124" s="2">
        <v>18.78</v>
      </c>
      <c r="C3124">
        <v>0</v>
      </c>
      <c r="D3124">
        <f t="shared" si="96"/>
        <v>0</v>
      </c>
      <c r="E3124" s="6">
        <f t="shared" si="97"/>
        <v>0</v>
      </c>
    </row>
    <row r="3125" spans="1:5" x14ac:dyDescent="0.25">
      <c r="A3125" s="1">
        <v>43686.041666666664</v>
      </c>
      <c r="B3125" s="2">
        <v>17.45</v>
      </c>
      <c r="C3125">
        <v>0</v>
      </c>
      <c r="D3125">
        <f t="shared" si="96"/>
        <v>0</v>
      </c>
      <c r="E3125" s="6">
        <f t="shared" si="97"/>
        <v>0</v>
      </c>
    </row>
    <row r="3126" spans="1:5" x14ac:dyDescent="0.25">
      <c r="A3126" s="1">
        <v>43686.083333333336</v>
      </c>
      <c r="B3126" s="2">
        <v>15.56</v>
      </c>
      <c r="C3126">
        <v>0</v>
      </c>
      <c r="D3126">
        <f t="shared" si="96"/>
        <v>0</v>
      </c>
      <c r="E3126" s="6">
        <f t="shared" si="97"/>
        <v>0</v>
      </c>
    </row>
    <row r="3127" spans="1:5" x14ac:dyDescent="0.25">
      <c r="A3127" s="1">
        <v>43686.125</v>
      </c>
      <c r="B3127" s="2">
        <v>14.69</v>
      </c>
      <c r="C3127">
        <v>0</v>
      </c>
      <c r="D3127">
        <f t="shared" si="96"/>
        <v>0</v>
      </c>
      <c r="E3127" s="6">
        <f t="shared" si="97"/>
        <v>0</v>
      </c>
    </row>
    <row r="3128" spans="1:5" x14ac:dyDescent="0.25">
      <c r="A3128" s="1">
        <v>43686.166666666664</v>
      </c>
      <c r="B3128" s="2">
        <v>14.57</v>
      </c>
      <c r="C3128">
        <v>0</v>
      </c>
      <c r="D3128">
        <f t="shared" si="96"/>
        <v>0</v>
      </c>
      <c r="E3128" s="6">
        <f t="shared" si="97"/>
        <v>0</v>
      </c>
    </row>
    <row r="3129" spans="1:5" x14ac:dyDescent="0.25">
      <c r="A3129" s="1">
        <v>43686.208333333336</v>
      </c>
      <c r="B3129" s="2">
        <v>16.600000000000001</v>
      </c>
      <c r="C3129">
        <v>0</v>
      </c>
      <c r="D3129">
        <f t="shared" si="96"/>
        <v>0</v>
      </c>
      <c r="E3129" s="6">
        <f t="shared" si="97"/>
        <v>0</v>
      </c>
    </row>
    <row r="3130" spans="1:5" x14ac:dyDescent="0.25">
      <c r="A3130" s="1">
        <v>43686.25</v>
      </c>
      <c r="B3130" s="2">
        <v>19</v>
      </c>
      <c r="C3130">
        <v>0</v>
      </c>
      <c r="D3130">
        <f t="shared" si="96"/>
        <v>0</v>
      </c>
      <c r="E3130" s="6">
        <f t="shared" si="97"/>
        <v>0</v>
      </c>
    </row>
    <row r="3131" spans="1:5" x14ac:dyDescent="0.25">
      <c r="A3131" s="1">
        <v>43686.291666666664</v>
      </c>
      <c r="B3131" s="2">
        <v>19.63</v>
      </c>
      <c r="C3131">
        <v>0.29325899999999999</v>
      </c>
      <c r="D3131">
        <f t="shared" si="96"/>
        <v>2.9325899999999998E-4</v>
      </c>
      <c r="E3131" s="6">
        <f t="shared" si="97"/>
        <v>5.7566741699999991E-3</v>
      </c>
    </row>
    <row r="3132" spans="1:5" x14ac:dyDescent="0.25">
      <c r="A3132" s="1">
        <v>43686.333333333336</v>
      </c>
      <c r="B3132" s="2">
        <v>20.76</v>
      </c>
      <c r="C3132">
        <v>0.93611999999999995</v>
      </c>
      <c r="D3132">
        <f t="shared" si="96"/>
        <v>9.3611999999999992E-4</v>
      </c>
      <c r="E3132" s="6">
        <f t="shared" si="97"/>
        <v>1.9433851200000001E-2</v>
      </c>
    </row>
    <row r="3133" spans="1:5" x14ac:dyDescent="0.25">
      <c r="A3133" s="1">
        <v>43686.375</v>
      </c>
      <c r="B3133" s="2">
        <v>22.64</v>
      </c>
      <c r="C3133">
        <v>3.5810970000000002</v>
      </c>
      <c r="D3133">
        <f t="shared" si="96"/>
        <v>3.5810970000000001E-3</v>
      </c>
      <c r="E3133" s="6">
        <f t="shared" si="97"/>
        <v>8.1076036080000011E-2</v>
      </c>
    </row>
    <row r="3134" spans="1:5" x14ac:dyDescent="0.25">
      <c r="A3134" s="1">
        <v>43686.416666666664</v>
      </c>
      <c r="B3134" s="2">
        <v>24.19</v>
      </c>
      <c r="C3134">
        <v>5.0365820000000001</v>
      </c>
      <c r="D3134">
        <f t="shared" si="96"/>
        <v>5.0365820000000004E-3</v>
      </c>
      <c r="E3134" s="6">
        <f t="shared" si="97"/>
        <v>0.12183491858000002</v>
      </c>
    </row>
    <row r="3135" spans="1:5" x14ac:dyDescent="0.25">
      <c r="A3135" s="1">
        <v>43686.458333333336</v>
      </c>
      <c r="B3135" s="2">
        <v>26.49</v>
      </c>
      <c r="C3135">
        <v>6.1031270000000006</v>
      </c>
      <c r="D3135">
        <f t="shared" si="96"/>
        <v>6.1031270000000007E-3</v>
      </c>
      <c r="E3135" s="6">
        <f t="shared" si="97"/>
        <v>0.16167183423000001</v>
      </c>
    </row>
    <row r="3136" spans="1:5" x14ac:dyDescent="0.25">
      <c r="A3136" s="1">
        <v>43686.5</v>
      </c>
      <c r="B3136" s="2">
        <v>27.07</v>
      </c>
      <c r="C3136">
        <v>5.0409519999999999</v>
      </c>
      <c r="D3136">
        <f t="shared" si="96"/>
        <v>5.0409519999999996E-3</v>
      </c>
      <c r="E3136" s="6">
        <f t="shared" si="97"/>
        <v>0.13645857064</v>
      </c>
    </row>
    <row r="3137" spans="1:5" x14ac:dyDescent="0.25">
      <c r="A3137" s="1">
        <v>43686.541666666664</v>
      </c>
      <c r="B3137" s="2">
        <v>28.17</v>
      </c>
      <c r="C3137">
        <v>5.3900589999999999</v>
      </c>
      <c r="D3137">
        <f t="shared" si="96"/>
        <v>5.390059E-3</v>
      </c>
      <c r="E3137" s="6">
        <f t="shared" si="97"/>
        <v>0.15183796203</v>
      </c>
    </row>
    <row r="3138" spans="1:5" x14ac:dyDescent="0.25">
      <c r="A3138" s="1">
        <v>43686.583333333336</v>
      </c>
      <c r="B3138" s="2">
        <v>29.81</v>
      </c>
      <c r="C3138">
        <v>6.8349020000000005</v>
      </c>
      <c r="D3138">
        <f t="shared" si="96"/>
        <v>6.8349020000000003E-3</v>
      </c>
      <c r="E3138" s="6">
        <f t="shared" si="97"/>
        <v>0.20374842862</v>
      </c>
    </row>
    <row r="3139" spans="1:5" x14ac:dyDescent="0.25">
      <c r="A3139" s="1">
        <v>43686.625</v>
      </c>
      <c r="B3139" s="2">
        <v>30.63</v>
      </c>
      <c r="C3139">
        <v>6.2235389999999997</v>
      </c>
      <c r="D3139">
        <f t="shared" si="96"/>
        <v>6.2235389999999993E-3</v>
      </c>
      <c r="E3139" s="6">
        <f t="shared" si="97"/>
        <v>0.19062699956999998</v>
      </c>
    </row>
    <row r="3140" spans="1:5" x14ac:dyDescent="0.25">
      <c r="A3140" s="1">
        <v>43686.666666666664</v>
      </c>
      <c r="B3140" s="2">
        <v>33.21</v>
      </c>
      <c r="C3140">
        <v>5.2396189999999994</v>
      </c>
      <c r="D3140">
        <f t="shared" si="96"/>
        <v>5.2396189999999992E-3</v>
      </c>
      <c r="E3140" s="6">
        <f t="shared" si="97"/>
        <v>0.17400774698999999</v>
      </c>
    </row>
    <row r="3141" spans="1:5" x14ac:dyDescent="0.25">
      <c r="A3141" s="1">
        <v>43686.708333333336</v>
      </c>
      <c r="B3141" s="2">
        <v>31.49</v>
      </c>
      <c r="C3141">
        <v>2.16751</v>
      </c>
      <c r="D3141">
        <f t="shared" si="96"/>
        <v>2.1675100000000001E-3</v>
      </c>
      <c r="E3141" s="6">
        <f t="shared" si="97"/>
        <v>6.8254889900000004E-2</v>
      </c>
    </row>
    <row r="3142" spans="1:5" x14ac:dyDescent="0.25">
      <c r="A3142" s="1">
        <v>43686.75</v>
      </c>
      <c r="B3142" s="2">
        <v>27.81</v>
      </c>
      <c r="C3142">
        <v>1.943646</v>
      </c>
      <c r="D3142">
        <f t="shared" ref="D3142:D3205" si="98">C3142/1000</f>
        <v>1.943646E-3</v>
      </c>
      <c r="E3142" s="6">
        <f t="shared" ref="E3142:E3205" si="99">D3142*B3142</f>
        <v>5.4052795260000001E-2</v>
      </c>
    </row>
    <row r="3143" spans="1:5" x14ac:dyDescent="0.25">
      <c r="A3143" s="1">
        <v>43686.791666666664</v>
      </c>
      <c r="B3143" s="2">
        <v>26.78</v>
      </c>
      <c r="C3143">
        <v>0.55629700000000004</v>
      </c>
      <c r="D3143">
        <f t="shared" si="98"/>
        <v>5.5629700000000008E-4</v>
      </c>
      <c r="E3143" s="6">
        <f t="shared" si="99"/>
        <v>1.4897633660000003E-2</v>
      </c>
    </row>
    <row r="3144" spans="1:5" x14ac:dyDescent="0.25">
      <c r="A3144" s="1">
        <v>43686.833333333336</v>
      </c>
      <c r="B3144" s="2">
        <v>25.63</v>
      </c>
      <c r="C3144">
        <v>0</v>
      </c>
      <c r="D3144">
        <f t="shared" si="98"/>
        <v>0</v>
      </c>
      <c r="E3144" s="6">
        <f t="shared" si="99"/>
        <v>0</v>
      </c>
    </row>
    <row r="3145" spans="1:5" x14ac:dyDescent="0.25">
      <c r="A3145" s="1">
        <v>43686.875</v>
      </c>
      <c r="B3145" s="2">
        <v>23.56</v>
      </c>
      <c r="C3145">
        <v>0</v>
      </c>
      <c r="D3145">
        <f t="shared" si="98"/>
        <v>0</v>
      </c>
      <c r="E3145" s="6">
        <f t="shared" si="99"/>
        <v>0</v>
      </c>
    </row>
    <row r="3146" spans="1:5" x14ac:dyDescent="0.25">
      <c r="A3146" s="1">
        <v>43686.916666666664</v>
      </c>
      <c r="B3146" s="2">
        <v>21.49</v>
      </c>
      <c r="C3146">
        <v>0</v>
      </c>
      <c r="D3146">
        <f t="shared" si="98"/>
        <v>0</v>
      </c>
      <c r="E3146" s="6">
        <f t="shared" si="99"/>
        <v>0</v>
      </c>
    </row>
    <row r="3147" spans="1:5" x14ac:dyDescent="0.25">
      <c r="A3147" s="1">
        <v>43686.958333333336</v>
      </c>
      <c r="B3147" s="2">
        <v>19.41</v>
      </c>
      <c r="C3147">
        <v>0</v>
      </c>
      <c r="D3147">
        <f t="shared" si="98"/>
        <v>0</v>
      </c>
      <c r="E3147" s="6">
        <f t="shared" si="99"/>
        <v>0</v>
      </c>
    </row>
    <row r="3148" spans="1:5" x14ac:dyDescent="0.25">
      <c r="A3148" s="1">
        <v>43687</v>
      </c>
      <c r="B3148" s="2">
        <v>18.39</v>
      </c>
      <c r="C3148">
        <v>0</v>
      </c>
      <c r="D3148">
        <f t="shared" si="98"/>
        <v>0</v>
      </c>
      <c r="E3148" s="6">
        <f t="shared" si="99"/>
        <v>0</v>
      </c>
    </row>
    <row r="3149" spans="1:5" x14ac:dyDescent="0.25">
      <c r="A3149" s="1">
        <v>43687.041666666664</v>
      </c>
      <c r="B3149" s="2">
        <v>17.29</v>
      </c>
      <c r="C3149">
        <v>0</v>
      </c>
      <c r="D3149">
        <f t="shared" si="98"/>
        <v>0</v>
      </c>
      <c r="E3149" s="6">
        <f t="shared" si="99"/>
        <v>0</v>
      </c>
    </row>
    <row r="3150" spans="1:5" x14ac:dyDescent="0.25">
      <c r="A3150" s="1">
        <v>43687.083333333336</v>
      </c>
      <c r="B3150" s="2">
        <v>16.22</v>
      </c>
      <c r="C3150">
        <v>0</v>
      </c>
      <c r="D3150">
        <f t="shared" si="98"/>
        <v>0</v>
      </c>
      <c r="E3150" s="6">
        <f t="shared" si="99"/>
        <v>0</v>
      </c>
    </row>
    <row r="3151" spans="1:5" x14ac:dyDescent="0.25">
      <c r="A3151" s="1">
        <v>43687.125</v>
      </c>
      <c r="B3151" s="2">
        <v>14.07</v>
      </c>
      <c r="C3151">
        <v>0</v>
      </c>
      <c r="D3151">
        <f t="shared" si="98"/>
        <v>0</v>
      </c>
      <c r="E3151" s="6">
        <f t="shared" si="99"/>
        <v>0</v>
      </c>
    </row>
    <row r="3152" spans="1:5" x14ac:dyDescent="0.25">
      <c r="A3152" s="1">
        <v>43687.166666666664</v>
      </c>
      <c r="B3152" s="2">
        <v>13.41</v>
      </c>
      <c r="C3152">
        <v>0</v>
      </c>
      <c r="D3152">
        <f t="shared" si="98"/>
        <v>0</v>
      </c>
      <c r="E3152" s="6">
        <f t="shared" si="99"/>
        <v>0</v>
      </c>
    </row>
    <row r="3153" spans="1:5" x14ac:dyDescent="0.25">
      <c r="A3153" s="1">
        <v>43687.208333333336</v>
      </c>
      <c r="B3153" s="2">
        <v>13.73</v>
      </c>
      <c r="C3153">
        <v>0</v>
      </c>
      <c r="D3153">
        <f t="shared" si="98"/>
        <v>0</v>
      </c>
      <c r="E3153" s="6">
        <f t="shared" si="99"/>
        <v>0</v>
      </c>
    </row>
    <row r="3154" spans="1:5" x14ac:dyDescent="0.25">
      <c r="A3154" s="1">
        <v>43687.25</v>
      </c>
      <c r="B3154" s="2">
        <v>13.6</v>
      </c>
      <c r="C3154">
        <v>0</v>
      </c>
      <c r="D3154">
        <f t="shared" si="98"/>
        <v>0</v>
      </c>
      <c r="E3154" s="6">
        <f t="shared" si="99"/>
        <v>0</v>
      </c>
    </row>
    <row r="3155" spans="1:5" x14ac:dyDescent="0.25">
      <c r="A3155" s="1">
        <v>43687.291666666664</v>
      </c>
      <c r="B3155" s="2">
        <v>15.25</v>
      </c>
      <c r="C3155">
        <v>0.32646600000000003</v>
      </c>
      <c r="D3155">
        <f t="shared" si="98"/>
        <v>3.2646600000000003E-4</v>
      </c>
      <c r="E3155" s="6">
        <f t="shared" si="99"/>
        <v>4.9786065000000006E-3</v>
      </c>
    </row>
    <row r="3156" spans="1:5" x14ac:dyDescent="0.25">
      <c r="A3156" s="1">
        <v>43687.333333333336</v>
      </c>
      <c r="B3156" s="2">
        <v>17.989999999999998</v>
      </c>
      <c r="C3156">
        <v>1.2556240000000001</v>
      </c>
      <c r="D3156">
        <f t="shared" si="98"/>
        <v>1.2556240000000001E-3</v>
      </c>
      <c r="E3156" s="6">
        <f t="shared" si="99"/>
        <v>2.2588675759999999E-2</v>
      </c>
    </row>
    <row r="3157" spans="1:5" x14ac:dyDescent="0.25">
      <c r="A3157" s="1">
        <v>43687.375</v>
      </c>
      <c r="B3157" s="2">
        <v>19.82</v>
      </c>
      <c r="C3157">
        <v>3.5649380000000002</v>
      </c>
      <c r="D3157">
        <f t="shared" si="98"/>
        <v>3.5649380000000001E-3</v>
      </c>
      <c r="E3157" s="6">
        <f t="shared" si="99"/>
        <v>7.0657071160000001E-2</v>
      </c>
    </row>
    <row r="3158" spans="1:5" x14ac:dyDescent="0.25">
      <c r="A3158" s="1">
        <v>43687.416666666664</v>
      </c>
      <c r="B3158" s="2">
        <v>21.39</v>
      </c>
      <c r="C3158">
        <v>3.1477440000000003</v>
      </c>
      <c r="D3158">
        <f t="shared" si="98"/>
        <v>3.1477440000000005E-3</v>
      </c>
      <c r="E3158" s="6">
        <f t="shared" si="99"/>
        <v>6.7330244160000011E-2</v>
      </c>
    </row>
    <row r="3159" spans="1:5" x14ac:dyDescent="0.25">
      <c r="A3159" s="1">
        <v>43687.458333333336</v>
      </c>
      <c r="B3159" s="2">
        <v>22.73</v>
      </c>
      <c r="C3159">
        <v>4.1305190000000005</v>
      </c>
      <c r="D3159">
        <f t="shared" si="98"/>
        <v>4.1305190000000009E-3</v>
      </c>
      <c r="E3159" s="6">
        <f t="shared" si="99"/>
        <v>9.3886696870000022E-2</v>
      </c>
    </row>
    <row r="3160" spans="1:5" x14ac:dyDescent="0.25">
      <c r="A3160" s="1">
        <v>43687.5</v>
      </c>
      <c r="B3160" s="2">
        <v>23.89</v>
      </c>
      <c r="C3160">
        <v>3.671942</v>
      </c>
      <c r="D3160">
        <f t="shared" si="98"/>
        <v>3.6719420000000001E-3</v>
      </c>
      <c r="E3160" s="6">
        <f t="shared" si="99"/>
        <v>8.7722694380000008E-2</v>
      </c>
    </row>
    <row r="3161" spans="1:5" x14ac:dyDescent="0.25">
      <c r="A3161" s="1">
        <v>43687.541666666664</v>
      </c>
      <c r="B3161" s="2">
        <v>24.6</v>
      </c>
      <c r="C3161">
        <v>7.1932290000000005</v>
      </c>
      <c r="D3161">
        <f t="shared" si="98"/>
        <v>7.1932290000000006E-3</v>
      </c>
      <c r="E3161" s="6">
        <f t="shared" si="99"/>
        <v>0.17695343340000003</v>
      </c>
    </row>
    <row r="3162" spans="1:5" x14ac:dyDescent="0.25">
      <c r="A3162" s="1">
        <v>43687.583333333336</v>
      </c>
      <c r="B3162" s="2">
        <v>26.13</v>
      </c>
      <c r="C3162">
        <v>6.146064</v>
      </c>
      <c r="D3162">
        <f t="shared" si="98"/>
        <v>6.1460639999999997E-3</v>
      </c>
      <c r="E3162" s="6">
        <f t="shared" si="99"/>
        <v>0.16059665231999998</v>
      </c>
    </row>
    <row r="3163" spans="1:5" x14ac:dyDescent="0.25">
      <c r="A3163" s="1">
        <v>43687.625</v>
      </c>
      <c r="B3163" s="2">
        <v>26.32</v>
      </c>
      <c r="C3163">
        <v>4.6994769999999999</v>
      </c>
      <c r="D3163">
        <f t="shared" si="98"/>
        <v>4.6994769999999996E-3</v>
      </c>
      <c r="E3163" s="6">
        <f t="shared" si="99"/>
        <v>0.12369023463999999</v>
      </c>
    </row>
    <row r="3164" spans="1:5" x14ac:dyDescent="0.25">
      <c r="A3164" s="1">
        <v>43687.666666666664</v>
      </c>
      <c r="B3164" s="2">
        <v>28.11</v>
      </c>
      <c r="C3164">
        <v>5.3035630000000005</v>
      </c>
      <c r="D3164">
        <f t="shared" si="98"/>
        <v>5.3035630000000007E-3</v>
      </c>
      <c r="E3164" s="6">
        <f t="shared" si="99"/>
        <v>0.14908315593000002</v>
      </c>
    </row>
    <row r="3165" spans="1:5" x14ac:dyDescent="0.25">
      <c r="A3165" s="1">
        <v>43687.708333333336</v>
      </c>
      <c r="B3165" s="2">
        <v>28.3</v>
      </c>
      <c r="C3165">
        <v>3.8581480000000004</v>
      </c>
      <c r="D3165">
        <f t="shared" si="98"/>
        <v>3.8581480000000005E-3</v>
      </c>
      <c r="E3165" s="6">
        <f t="shared" si="99"/>
        <v>0.10918558840000002</v>
      </c>
    </row>
    <row r="3166" spans="1:5" x14ac:dyDescent="0.25">
      <c r="A3166" s="1">
        <v>43687.75</v>
      </c>
      <c r="B3166" s="2">
        <v>26.43</v>
      </c>
      <c r="C3166">
        <v>2.1395110000000002</v>
      </c>
      <c r="D3166">
        <f t="shared" si="98"/>
        <v>2.1395110000000002E-3</v>
      </c>
      <c r="E3166" s="6">
        <f t="shared" si="99"/>
        <v>5.6547275730000006E-2</v>
      </c>
    </row>
    <row r="3167" spans="1:5" x14ac:dyDescent="0.25">
      <c r="A3167" s="1">
        <v>43687.791666666664</v>
      </c>
      <c r="B3167" s="2">
        <v>25.14</v>
      </c>
      <c r="C3167">
        <v>0.5623769999999999</v>
      </c>
      <c r="D3167">
        <f t="shared" si="98"/>
        <v>5.6237699999999986E-4</v>
      </c>
      <c r="E3167" s="6">
        <f t="shared" si="99"/>
        <v>1.4138157779999997E-2</v>
      </c>
    </row>
    <row r="3168" spans="1:5" x14ac:dyDescent="0.25">
      <c r="A3168" s="1">
        <v>43687.833333333336</v>
      </c>
      <c r="B3168" s="2">
        <v>24.25</v>
      </c>
      <c r="C3168">
        <v>0</v>
      </c>
      <c r="D3168">
        <f t="shared" si="98"/>
        <v>0</v>
      </c>
      <c r="E3168" s="6">
        <f t="shared" si="99"/>
        <v>0</v>
      </c>
    </row>
    <row r="3169" spans="1:5" x14ac:dyDescent="0.25">
      <c r="A3169" s="1">
        <v>43687.875</v>
      </c>
      <c r="B3169" s="2">
        <v>22.66</v>
      </c>
      <c r="C3169">
        <v>0</v>
      </c>
      <c r="D3169">
        <f t="shared" si="98"/>
        <v>0</v>
      </c>
      <c r="E3169" s="6">
        <f t="shared" si="99"/>
        <v>0</v>
      </c>
    </row>
    <row r="3170" spans="1:5" x14ac:dyDescent="0.25">
      <c r="A3170" s="1">
        <v>43687.916666666664</v>
      </c>
      <c r="B3170" s="2">
        <v>20.55</v>
      </c>
      <c r="C3170">
        <v>0</v>
      </c>
      <c r="D3170">
        <f t="shared" si="98"/>
        <v>0</v>
      </c>
      <c r="E3170" s="6">
        <f t="shared" si="99"/>
        <v>0</v>
      </c>
    </row>
    <row r="3171" spans="1:5" x14ac:dyDescent="0.25">
      <c r="A3171" s="1">
        <v>43687.958333333336</v>
      </c>
      <c r="B3171" s="2">
        <v>18.47</v>
      </c>
      <c r="C3171">
        <v>0</v>
      </c>
      <c r="D3171">
        <f t="shared" si="98"/>
        <v>0</v>
      </c>
      <c r="E3171" s="6">
        <f t="shared" si="99"/>
        <v>0</v>
      </c>
    </row>
    <row r="3172" spans="1:5" x14ac:dyDescent="0.25">
      <c r="A3172" s="1">
        <v>43688</v>
      </c>
      <c r="B3172" s="2">
        <v>15.24</v>
      </c>
      <c r="C3172">
        <v>0</v>
      </c>
      <c r="D3172">
        <f t="shared" si="98"/>
        <v>0</v>
      </c>
      <c r="E3172" s="6">
        <f t="shared" si="99"/>
        <v>0</v>
      </c>
    </row>
    <row r="3173" spans="1:5" x14ac:dyDescent="0.25">
      <c r="A3173" s="1">
        <v>43688.041666666664</v>
      </c>
      <c r="B3173" s="2">
        <v>15.13</v>
      </c>
      <c r="C3173">
        <v>0</v>
      </c>
      <c r="D3173">
        <f t="shared" si="98"/>
        <v>0</v>
      </c>
      <c r="E3173" s="6">
        <f t="shared" si="99"/>
        <v>0</v>
      </c>
    </row>
    <row r="3174" spans="1:5" x14ac:dyDescent="0.25">
      <c r="A3174" s="1">
        <v>43688.083333333336</v>
      </c>
      <c r="B3174" s="2">
        <v>13.82</v>
      </c>
      <c r="C3174">
        <v>0</v>
      </c>
      <c r="D3174">
        <f t="shared" si="98"/>
        <v>0</v>
      </c>
      <c r="E3174" s="6">
        <f t="shared" si="99"/>
        <v>0</v>
      </c>
    </row>
    <row r="3175" spans="1:5" x14ac:dyDescent="0.25">
      <c r="A3175" s="1">
        <v>43688.125</v>
      </c>
      <c r="B3175" s="2">
        <v>12.88</v>
      </c>
      <c r="C3175">
        <v>0</v>
      </c>
      <c r="D3175">
        <f t="shared" si="98"/>
        <v>0</v>
      </c>
      <c r="E3175" s="6">
        <f t="shared" si="99"/>
        <v>0</v>
      </c>
    </row>
    <row r="3176" spans="1:5" x14ac:dyDescent="0.25">
      <c r="A3176" s="1">
        <v>43688.166666666664</v>
      </c>
      <c r="B3176" s="2">
        <v>11.85</v>
      </c>
      <c r="C3176">
        <v>0</v>
      </c>
      <c r="D3176">
        <f t="shared" si="98"/>
        <v>0</v>
      </c>
      <c r="E3176" s="6">
        <f t="shared" si="99"/>
        <v>0</v>
      </c>
    </row>
    <row r="3177" spans="1:5" x14ac:dyDescent="0.25">
      <c r="A3177" s="1">
        <v>43688.208333333336</v>
      </c>
      <c r="B3177" s="2">
        <v>11.44</v>
      </c>
      <c r="C3177">
        <v>0</v>
      </c>
      <c r="D3177">
        <f t="shared" si="98"/>
        <v>0</v>
      </c>
      <c r="E3177" s="6">
        <f t="shared" si="99"/>
        <v>0</v>
      </c>
    </row>
    <row r="3178" spans="1:5" x14ac:dyDescent="0.25">
      <c r="A3178" s="1">
        <v>43688.25</v>
      </c>
      <c r="B3178" s="2">
        <v>11.03</v>
      </c>
      <c r="C3178">
        <v>0</v>
      </c>
      <c r="D3178">
        <f t="shared" si="98"/>
        <v>0</v>
      </c>
      <c r="E3178" s="6">
        <f t="shared" si="99"/>
        <v>0</v>
      </c>
    </row>
    <row r="3179" spans="1:5" x14ac:dyDescent="0.25">
      <c r="A3179" s="1">
        <v>43688.291666666664</v>
      </c>
      <c r="B3179" s="2">
        <v>12.54</v>
      </c>
      <c r="C3179">
        <v>0.30183599999999999</v>
      </c>
      <c r="D3179">
        <f t="shared" si="98"/>
        <v>3.0183599999999999E-4</v>
      </c>
      <c r="E3179" s="6">
        <f t="shared" si="99"/>
        <v>3.7850234399999997E-3</v>
      </c>
    </row>
    <row r="3180" spans="1:5" x14ac:dyDescent="0.25">
      <c r="A3180" s="1">
        <v>43688.333333333336</v>
      </c>
      <c r="B3180" s="2">
        <v>15.06</v>
      </c>
      <c r="C3180">
        <v>1.716493</v>
      </c>
      <c r="D3180">
        <f t="shared" si="98"/>
        <v>1.7164930000000001E-3</v>
      </c>
      <c r="E3180" s="6">
        <f t="shared" si="99"/>
        <v>2.5850384580000003E-2</v>
      </c>
    </row>
    <row r="3181" spans="1:5" x14ac:dyDescent="0.25">
      <c r="A3181" s="1">
        <v>43688.375</v>
      </c>
      <c r="B3181" s="2">
        <v>18.559999999999999</v>
      </c>
      <c r="C3181">
        <v>2.6205590000000001</v>
      </c>
      <c r="D3181">
        <f t="shared" si="98"/>
        <v>2.6205590000000002E-3</v>
      </c>
      <c r="E3181" s="6">
        <f t="shared" si="99"/>
        <v>4.8637575039999999E-2</v>
      </c>
    </row>
    <row r="3182" spans="1:5" x14ac:dyDescent="0.25">
      <c r="A3182" s="1">
        <v>43688.416666666664</v>
      </c>
      <c r="B3182" s="2">
        <v>19.95</v>
      </c>
      <c r="C3182">
        <v>5.044054</v>
      </c>
      <c r="D3182">
        <f t="shared" si="98"/>
        <v>5.0440540000000001E-3</v>
      </c>
      <c r="E3182" s="6">
        <f t="shared" si="99"/>
        <v>0.1006288773</v>
      </c>
    </row>
    <row r="3183" spans="1:5" x14ac:dyDescent="0.25">
      <c r="A3183" s="1">
        <v>43688.458333333336</v>
      </c>
      <c r="B3183" s="2">
        <v>21.15</v>
      </c>
      <c r="C3183">
        <v>6.1192419999999998</v>
      </c>
      <c r="D3183">
        <f t="shared" si="98"/>
        <v>6.1192419999999996E-3</v>
      </c>
      <c r="E3183" s="6">
        <f t="shared" si="99"/>
        <v>0.1294219683</v>
      </c>
    </row>
    <row r="3184" spans="1:5" x14ac:dyDescent="0.25">
      <c r="A3184" s="1">
        <v>43688.5</v>
      </c>
      <c r="B3184" s="2">
        <v>22.98</v>
      </c>
      <c r="C3184">
        <v>4.3886130000000003</v>
      </c>
      <c r="D3184">
        <f t="shared" si="98"/>
        <v>4.3886130000000004E-3</v>
      </c>
      <c r="E3184" s="6">
        <f t="shared" si="99"/>
        <v>0.10085032674000001</v>
      </c>
    </row>
    <row r="3185" spans="1:5" x14ac:dyDescent="0.25">
      <c r="A3185" s="1">
        <v>43688.541666666664</v>
      </c>
      <c r="B3185" s="2">
        <v>24.24</v>
      </c>
      <c r="C3185">
        <v>4.9644440000000003</v>
      </c>
      <c r="D3185">
        <f t="shared" si="98"/>
        <v>4.9644440000000001E-3</v>
      </c>
      <c r="E3185" s="6">
        <f t="shared" si="99"/>
        <v>0.12033812256</v>
      </c>
    </row>
    <row r="3186" spans="1:5" x14ac:dyDescent="0.25">
      <c r="A3186" s="1">
        <v>43688.583333333336</v>
      </c>
      <c r="B3186" s="2">
        <v>26.26</v>
      </c>
      <c r="C3186">
        <v>3.4307869999999996</v>
      </c>
      <c r="D3186">
        <f t="shared" si="98"/>
        <v>3.4307869999999994E-3</v>
      </c>
      <c r="E3186" s="6">
        <f t="shared" si="99"/>
        <v>9.0092466619999992E-2</v>
      </c>
    </row>
    <row r="3187" spans="1:5" x14ac:dyDescent="0.25">
      <c r="A3187" s="1">
        <v>43688.625</v>
      </c>
      <c r="B3187" s="2">
        <v>29.16</v>
      </c>
      <c r="C3187">
        <v>5.7216989999999992</v>
      </c>
      <c r="D3187">
        <f t="shared" si="98"/>
        <v>5.7216989999999994E-3</v>
      </c>
      <c r="E3187" s="6">
        <f t="shared" si="99"/>
        <v>0.16684474283999998</v>
      </c>
    </row>
    <row r="3188" spans="1:5" x14ac:dyDescent="0.25">
      <c r="A3188" s="1">
        <v>43688.666666666664</v>
      </c>
      <c r="B3188" s="2">
        <v>31.45</v>
      </c>
      <c r="C3188">
        <v>5.2614830000000001</v>
      </c>
      <c r="D3188">
        <f t="shared" si="98"/>
        <v>5.261483E-3</v>
      </c>
      <c r="E3188" s="6">
        <f t="shared" si="99"/>
        <v>0.16547364035000001</v>
      </c>
    </row>
    <row r="3189" spans="1:5" x14ac:dyDescent="0.25">
      <c r="A3189" s="1">
        <v>43688.708333333336</v>
      </c>
      <c r="B3189" s="2">
        <v>35.72</v>
      </c>
      <c r="C3189">
        <v>3.850797</v>
      </c>
      <c r="D3189">
        <f t="shared" si="98"/>
        <v>3.850797E-3</v>
      </c>
      <c r="E3189" s="6">
        <f t="shared" si="99"/>
        <v>0.13755046884</v>
      </c>
    </row>
    <row r="3190" spans="1:5" x14ac:dyDescent="0.25">
      <c r="A3190" s="1">
        <v>43688.75</v>
      </c>
      <c r="B3190" s="2">
        <v>30.22</v>
      </c>
      <c r="C3190">
        <v>2.1181260000000002</v>
      </c>
      <c r="D3190">
        <f t="shared" si="98"/>
        <v>2.1181260000000001E-3</v>
      </c>
      <c r="E3190" s="6">
        <f t="shared" si="99"/>
        <v>6.4009767719999999E-2</v>
      </c>
    </row>
    <row r="3191" spans="1:5" x14ac:dyDescent="0.25">
      <c r="A3191" s="1">
        <v>43688.791666666664</v>
      </c>
      <c r="B3191" s="2">
        <v>26.28</v>
      </c>
      <c r="C3191">
        <v>0.53070899999999999</v>
      </c>
      <c r="D3191">
        <f t="shared" si="98"/>
        <v>5.3070899999999998E-4</v>
      </c>
      <c r="E3191" s="6">
        <f t="shared" si="99"/>
        <v>1.3947032519999999E-2</v>
      </c>
    </row>
    <row r="3192" spans="1:5" x14ac:dyDescent="0.25">
      <c r="A3192" s="1">
        <v>43688.833333333336</v>
      </c>
      <c r="B3192" s="2">
        <v>25.77</v>
      </c>
      <c r="C3192">
        <v>0</v>
      </c>
      <c r="D3192">
        <f t="shared" si="98"/>
        <v>0</v>
      </c>
      <c r="E3192" s="6">
        <f t="shared" si="99"/>
        <v>0</v>
      </c>
    </row>
    <row r="3193" spans="1:5" x14ac:dyDescent="0.25">
      <c r="A3193" s="1">
        <v>43688.875</v>
      </c>
      <c r="B3193" s="2">
        <v>23.61</v>
      </c>
      <c r="C3193">
        <v>0</v>
      </c>
      <c r="D3193">
        <f t="shared" si="98"/>
        <v>0</v>
      </c>
      <c r="E3193" s="6">
        <f t="shared" si="99"/>
        <v>0</v>
      </c>
    </row>
    <row r="3194" spans="1:5" x14ac:dyDescent="0.25">
      <c r="A3194" s="1">
        <v>43688.916666666664</v>
      </c>
      <c r="B3194" s="2">
        <v>21.72</v>
      </c>
      <c r="C3194">
        <v>0</v>
      </c>
      <c r="D3194">
        <f t="shared" si="98"/>
        <v>0</v>
      </c>
      <c r="E3194" s="6">
        <f t="shared" si="99"/>
        <v>0</v>
      </c>
    </row>
    <row r="3195" spans="1:5" x14ac:dyDescent="0.25">
      <c r="A3195" s="1">
        <v>43688.958333333336</v>
      </c>
      <c r="B3195" s="2">
        <v>19.72</v>
      </c>
      <c r="C3195">
        <v>0</v>
      </c>
      <c r="D3195">
        <f t="shared" si="98"/>
        <v>0</v>
      </c>
      <c r="E3195" s="6">
        <f t="shared" si="99"/>
        <v>0</v>
      </c>
    </row>
    <row r="3196" spans="1:5" x14ac:dyDescent="0.25">
      <c r="A3196" s="1">
        <v>43689</v>
      </c>
      <c r="B3196" s="2">
        <v>17.670000000000002</v>
      </c>
      <c r="C3196">
        <v>0</v>
      </c>
      <c r="D3196">
        <f t="shared" si="98"/>
        <v>0</v>
      </c>
      <c r="E3196" s="6">
        <f t="shared" si="99"/>
        <v>0</v>
      </c>
    </row>
    <row r="3197" spans="1:5" x14ac:dyDescent="0.25">
      <c r="A3197" s="1">
        <v>43689.041666666664</v>
      </c>
      <c r="B3197" s="2">
        <v>15.74</v>
      </c>
      <c r="C3197">
        <v>0</v>
      </c>
      <c r="D3197">
        <f t="shared" si="98"/>
        <v>0</v>
      </c>
      <c r="E3197" s="6">
        <f t="shared" si="99"/>
        <v>0</v>
      </c>
    </row>
    <row r="3198" spans="1:5" x14ac:dyDescent="0.25">
      <c r="A3198" s="1">
        <v>43689.083333333336</v>
      </c>
      <c r="B3198" s="2">
        <v>15.21</v>
      </c>
      <c r="C3198">
        <v>0</v>
      </c>
      <c r="D3198">
        <f t="shared" si="98"/>
        <v>0</v>
      </c>
      <c r="E3198" s="6">
        <f t="shared" si="99"/>
        <v>0</v>
      </c>
    </row>
    <row r="3199" spans="1:5" x14ac:dyDescent="0.25">
      <c r="A3199" s="1">
        <v>43689.125</v>
      </c>
      <c r="B3199" s="2">
        <v>14.15</v>
      </c>
      <c r="C3199">
        <v>0</v>
      </c>
      <c r="D3199">
        <f t="shared" si="98"/>
        <v>0</v>
      </c>
      <c r="E3199" s="6">
        <f t="shared" si="99"/>
        <v>0</v>
      </c>
    </row>
    <row r="3200" spans="1:5" x14ac:dyDescent="0.25">
      <c r="A3200" s="1">
        <v>43689.166666666664</v>
      </c>
      <c r="B3200" s="2">
        <v>14.27</v>
      </c>
      <c r="C3200">
        <v>0</v>
      </c>
      <c r="D3200">
        <f t="shared" si="98"/>
        <v>0</v>
      </c>
      <c r="E3200" s="6">
        <f t="shared" si="99"/>
        <v>0</v>
      </c>
    </row>
    <row r="3201" spans="1:5" x14ac:dyDescent="0.25">
      <c r="A3201" s="1">
        <v>43689.208333333336</v>
      </c>
      <c r="B3201" s="2">
        <v>15.49</v>
      </c>
      <c r="C3201">
        <v>0</v>
      </c>
      <c r="D3201">
        <f t="shared" si="98"/>
        <v>0</v>
      </c>
      <c r="E3201" s="6">
        <f t="shared" si="99"/>
        <v>0</v>
      </c>
    </row>
    <row r="3202" spans="1:5" x14ac:dyDescent="0.25">
      <c r="A3202" s="1">
        <v>43689.25</v>
      </c>
      <c r="B3202" s="2">
        <v>17.86</v>
      </c>
      <c r="C3202">
        <v>0</v>
      </c>
      <c r="D3202">
        <f t="shared" si="98"/>
        <v>0</v>
      </c>
      <c r="E3202" s="6">
        <f t="shared" si="99"/>
        <v>0</v>
      </c>
    </row>
    <row r="3203" spans="1:5" x14ac:dyDescent="0.25">
      <c r="A3203" s="1">
        <v>43689.291666666664</v>
      </c>
      <c r="B3203" s="2">
        <v>19.27</v>
      </c>
      <c r="C3203">
        <v>0.29342499999999999</v>
      </c>
      <c r="D3203">
        <f t="shared" si="98"/>
        <v>2.9342499999999999E-4</v>
      </c>
      <c r="E3203" s="6">
        <f t="shared" si="99"/>
        <v>5.6542997499999994E-3</v>
      </c>
    </row>
    <row r="3204" spans="1:5" x14ac:dyDescent="0.25">
      <c r="A3204" s="1">
        <v>43689.333333333336</v>
      </c>
      <c r="B3204" s="2">
        <v>21.03</v>
      </c>
      <c r="C3204">
        <v>1.7148650000000001</v>
      </c>
      <c r="D3204">
        <f t="shared" si="98"/>
        <v>1.7148650000000001E-3</v>
      </c>
      <c r="E3204" s="6">
        <f t="shared" si="99"/>
        <v>3.6063610950000005E-2</v>
      </c>
    </row>
    <row r="3205" spans="1:5" x14ac:dyDescent="0.25">
      <c r="A3205" s="1">
        <v>43689.375</v>
      </c>
      <c r="B3205" s="2">
        <v>23.19</v>
      </c>
      <c r="C3205">
        <v>3.4903910000000002</v>
      </c>
      <c r="D3205">
        <f t="shared" si="98"/>
        <v>3.4903910000000002E-3</v>
      </c>
      <c r="E3205" s="6">
        <f t="shared" si="99"/>
        <v>8.0942167290000006E-2</v>
      </c>
    </row>
    <row r="3206" spans="1:5" x14ac:dyDescent="0.25">
      <c r="A3206" s="1">
        <v>43689.416666666664</v>
      </c>
      <c r="B3206" s="2">
        <v>26.77</v>
      </c>
      <c r="C3206">
        <v>5.00021</v>
      </c>
      <c r="D3206">
        <f t="shared" ref="D3206:D3269" si="100">C3206/1000</f>
        <v>5.0002099999999997E-3</v>
      </c>
      <c r="E3206" s="6">
        <f t="shared" ref="E3206:E3269" si="101">D3206*B3206</f>
        <v>0.13385562169999998</v>
      </c>
    </row>
    <row r="3207" spans="1:5" x14ac:dyDescent="0.25">
      <c r="A3207" s="1">
        <v>43689.458333333336</v>
      </c>
      <c r="B3207" s="2">
        <v>30</v>
      </c>
      <c r="C3207">
        <v>6.0493370000000004</v>
      </c>
      <c r="D3207">
        <f t="shared" si="100"/>
        <v>6.0493370000000001E-3</v>
      </c>
      <c r="E3207" s="6">
        <f t="shared" si="101"/>
        <v>0.18148011</v>
      </c>
    </row>
    <row r="3208" spans="1:5" x14ac:dyDescent="0.25">
      <c r="A3208" s="1">
        <v>43689.5</v>
      </c>
      <c r="B3208" s="2">
        <v>34.090000000000003</v>
      </c>
      <c r="C3208">
        <v>6.6819870000000003</v>
      </c>
      <c r="D3208">
        <f t="shared" si="100"/>
        <v>6.6819870000000003E-3</v>
      </c>
      <c r="E3208" s="6">
        <f t="shared" si="101"/>
        <v>0.22778893683000004</v>
      </c>
    </row>
    <row r="3209" spans="1:5" x14ac:dyDescent="0.25">
      <c r="A3209" s="1">
        <v>43689.541666666664</v>
      </c>
      <c r="B3209" s="2">
        <v>39.03</v>
      </c>
      <c r="C3209">
        <v>6.9229009999999995</v>
      </c>
      <c r="D3209">
        <f t="shared" si="100"/>
        <v>6.9229009999999995E-3</v>
      </c>
      <c r="E3209" s="6">
        <f t="shared" si="101"/>
        <v>0.27020082603000001</v>
      </c>
    </row>
    <row r="3210" spans="1:5" x14ac:dyDescent="0.25">
      <c r="A3210" s="1">
        <v>43689.583333333336</v>
      </c>
      <c r="B3210" s="2">
        <v>43.39</v>
      </c>
      <c r="C3210">
        <v>5.1615339999999996</v>
      </c>
      <c r="D3210">
        <f t="shared" si="100"/>
        <v>5.1615339999999997E-3</v>
      </c>
      <c r="E3210" s="6">
        <f t="shared" si="101"/>
        <v>0.22395896025999998</v>
      </c>
    </row>
    <row r="3211" spans="1:5" x14ac:dyDescent="0.25">
      <c r="A3211" s="1">
        <v>43689.625</v>
      </c>
      <c r="B3211" s="2">
        <v>45.56</v>
      </c>
      <c r="C3211">
        <v>6.2137320000000003</v>
      </c>
      <c r="D3211">
        <f t="shared" si="100"/>
        <v>6.2137320000000005E-3</v>
      </c>
      <c r="E3211" s="6">
        <f t="shared" si="101"/>
        <v>0.28309762992000004</v>
      </c>
    </row>
    <row r="3212" spans="1:5" x14ac:dyDescent="0.25">
      <c r="A3212" s="1">
        <v>43689.666666666664</v>
      </c>
      <c r="B3212" s="2">
        <v>53.27</v>
      </c>
      <c r="C3212">
        <v>5.2441969999999998</v>
      </c>
      <c r="D3212">
        <f t="shared" si="100"/>
        <v>5.2441969999999999E-3</v>
      </c>
      <c r="E3212" s="6">
        <f t="shared" si="101"/>
        <v>0.27935837419000004</v>
      </c>
    </row>
    <row r="3213" spans="1:5" x14ac:dyDescent="0.25">
      <c r="A3213" s="1">
        <v>43689.708333333336</v>
      </c>
      <c r="B3213" s="2">
        <v>51.46</v>
      </c>
      <c r="C3213">
        <v>3.8531029999999999</v>
      </c>
      <c r="D3213">
        <f t="shared" si="100"/>
        <v>3.8531030000000001E-3</v>
      </c>
      <c r="E3213" s="6">
        <f t="shared" si="101"/>
        <v>0.19828068038000002</v>
      </c>
    </row>
    <row r="3214" spans="1:5" x14ac:dyDescent="0.25">
      <c r="A3214" s="1">
        <v>43689.75</v>
      </c>
      <c r="B3214" s="2">
        <v>42.71</v>
      </c>
      <c r="C3214">
        <v>2.1004580000000002</v>
      </c>
      <c r="D3214">
        <f t="shared" si="100"/>
        <v>2.1004580000000004E-3</v>
      </c>
      <c r="E3214" s="6">
        <f t="shared" si="101"/>
        <v>8.9710561180000023E-2</v>
      </c>
    </row>
    <row r="3215" spans="1:5" x14ac:dyDescent="0.25">
      <c r="A3215" s="1">
        <v>43689.791666666664</v>
      </c>
      <c r="B3215" s="2">
        <v>38.61</v>
      </c>
      <c r="C3215">
        <v>0.50022800000000001</v>
      </c>
      <c r="D3215">
        <f t="shared" si="100"/>
        <v>5.0022800000000002E-4</v>
      </c>
      <c r="E3215" s="6">
        <f t="shared" si="101"/>
        <v>1.9313803080000001E-2</v>
      </c>
    </row>
    <row r="3216" spans="1:5" x14ac:dyDescent="0.25">
      <c r="A3216" s="1">
        <v>43689.833333333336</v>
      </c>
      <c r="B3216" s="2">
        <v>36.86</v>
      </c>
      <c r="C3216">
        <v>0</v>
      </c>
      <c r="D3216">
        <f t="shared" si="100"/>
        <v>0</v>
      </c>
      <c r="E3216" s="6">
        <f t="shared" si="101"/>
        <v>0</v>
      </c>
    </row>
    <row r="3217" spans="1:5" x14ac:dyDescent="0.25">
      <c r="A3217" s="1">
        <v>43689.875</v>
      </c>
      <c r="B3217" s="2">
        <v>29.61</v>
      </c>
      <c r="C3217">
        <v>0</v>
      </c>
      <c r="D3217">
        <f t="shared" si="100"/>
        <v>0</v>
      </c>
      <c r="E3217" s="6">
        <f t="shared" si="101"/>
        <v>0</v>
      </c>
    </row>
    <row r="3218" spans="1:5" x14ac:dyDescent="0.25">
      <c r="A3218" s="1">
        <v>43689.916666666664</v>
      </c>
      <c r="B3218" s="2">
        <v>24.3</v>
      </c>
      <c r="C3218">
        <v>0</v>
      </c>
      <c r="D3218">
        <f t="shared" si="100"/>
        <v>0</v>
      </c>
      <c r="E3218" s="6">
        <f t="shared" si="101"/>
        <v>0</v>
      </c>
    </row>
    <row r="3219" spans="1:5" x14ac:dyDescent="0.25">
      <c r="A3219" s="1">
        <v>43689.958333333336</v>
      </c>
      <c r="B3219" s="2">
        <v>22.24</v>
      </c>
      <c r="C3219">
        <v>0</v>
      </c>
      <c r="D3219">
        <f t="shared" si="100"/>
        <v>0</v>
      </c>
      <c r="E3219" s="6">
        <f t="shared" si="101"/>
        <v>0</v>
      </c>
    </row>
    <row r="3220" spans="1:5" x14ac:dyDescent="0.25">
      <c r="A3220" s="1">
        <v>43690</v>
      </c>
      <c r="B3220" s="2">
        <v>21.67</v>
      </c>
      <c r="C3220">
        <v>0</v>
      </c>
      <c r="D3220">
        <f t="shared" si="100"/>
        <v>0</v>
      </c>
      <c r="E3220" s="6">
        <f t="shared" si="101"/>
        <v>0</v>
      </c>
    </row>
    <row r="3221" spans="1:5" x14ac:dyDescent="0.25">
      <c r="A3221" s="1">
        <v>43690.041666666664</v>
      </c>
      <c r="B3221" s="2">
        <v>19.95</v>
      </c>
      <c r="C3221">
        <v>0</v>
      </c>
      <c r="D3221">
        <f t="shared" si="100"/>
        <v>0</v>
      </c>
      <c r="E3221" s="6">
        <f t="shared" si="101"/>
        <v>0</v>
      </c>
    </row>
    <row r="3222" spans="1:5" x14ac:dyDescent="0.25">
      <c r="A3222" s="1">
        <v>43690.083333333336</v>
      </c>
      <c r="B3222" s="2">
        <v>19.2</v>
      </c>
      <c r="C3222">
        <v>0</v>
      </c>
      <c r="D3222">
        <f t="shared" si="100"/>
        <v>0</v>
      </c>
      <c r="E3222" s="6">
        <f t="shared" si="101"/>
        <v>0</v>
      </c>
    </row>
    <row r="3223" spans="1:5" x14ac:dyDescent="0.25">
      <c r="A3223" s="1">
        <v>43690.125</v>
      </c>
      <c r="B3223" s="2">
        <v>18.78</v>
      </c>
      <c r="C3223">
        <v>0</v>
      </c>
      <c r="D3223">
        <f t="shared" si="100"/>
        <v>0</v>
      </c>
      <c r="E3223" s="6">
        <f t="shared" si="101"/>
        <v>0</v>
      </c>
    </row>
    <row r="3224" spans="1:5" x14ac:dyDescent="0.25">
      <c r="A3224" s="1">
        <v>43690.166666666664</v>
      </c>
      <c r="B3224" s="2">
        <v>18.8</v>
      </c>
      <c r="C3224">
        <v>0</v>
      </c>
      <c r="D3224">
        <f t="shared" si="100"/>
        <v>0</v>
      </c>
      <c r="E3224" s="6">
        <f t="shared" si="101"/>
        <v>0</v>
      </c>
    </row>
    <row r="3225" spans="1:5" x14ac:dyDescent="0.25">
      <c r="A3225" s="1">
        <v>43690.208333333336</v>
      </c>
      <c r="B3225" s="2">
        <v>19.96</v>
      </c>
      <c r="C3225">
        <v>0</v>
      </c>
      <c r="D3225">
        <f t="shared" si="100"/>
        <v>0</v>
      </c>
      <c r="E3225" s="6">
        <f t="shared" si="101"/>
        <v>0</v>
      </c>
    </row>
    <row r="3226" spans="1:5" x14ac:dyDescent="0.25">
      <c r="A3226" s="1">
        <v>43690.25</v>
      </c>
      <c r="B3226" s="2">
        <v>21.35</v>
      </c>
      <c r="C3226">
        <v>0</v>
      </c>
      <c r="D3226">
        <f t="shared" si="100"/>
        <v>0</v>
      </c>
      <c r="E3226" s="6">
        <f t="shared" si="101"/>
        <v>0</v>
      </c>
    </row>
    <row r="3227" spans="1:5" x14ac:dyDescent="0.25">
      <c r="A3227" s="1">
        <v>43690.291666666664</v>
      </c>
      <c r="B3227" s="2">
        <v>22.11</v>
      </c>
      <c r="C3227">
        <v>0.27888999999999997</v>
      </c>
      <c r="D3227">
        <f t="shared" si="100"/>
        <v>2.7888999999999995E-4</v>
      </c>
      <c r="E3227" s="6">
        <f t="shared" si="101"/>
        <v>6.1662578999999986E-3</v>
      </c>
    </row>
    <row r="3228" spans="1:5" x14ac:dyDescent="0.25">
      <c r="A3228" s="1">
        <v>43690.333333333336</v>
      </c>
      <c r="B3228" s="2">
        <v>22.97</v>
      </c>
      <c r="C3228">
        <v>1.717436</v>
      </c>
      <c r="D3228">
        <f t="shared" si="100"/>
        <v>1.7174359999999999E-3</v>
      </c>
      <c r="E3228" s="6">
        <f t="shared" si="101"/>
        <v>3.9449504919999996E-2</v>
      </c>
    </row>
    <row r="3229" spans="1:5" x14ac:dyDescent="0.25">
      <c r="A3229" s="1">
        <v>43690.375</v>
      </c>
      <c r="B3229" s="2">
        <v>25.47</v>
      </c>
      <c r="C3229">
        <v>3.5278180000000003</v>
      </c>
      <c r="D3229">
        <f t="shared" si="100"/>
        <v>3.5278180000000003E-3</v>
      </c>
      <c r="E3229" s="6">
        <f t="shared" si="101"/>
        <v>8.985352446E-2</v>
      </c>
    </row>
    <row r="3230" spans="1:5" x14ac:dyDescent="0.25">
      <c r="A3230" s="1">
        <v>43690.416666666664</v>
      </c>
      <c r="B3230" s="2">
        <v>29.03</v>
      </c>
      <c r="C3230">
        <v>5.0575969999999995</v>
      </c>
      <c r="D3230">
        <f t="shared" si="100"/>
        <v>5.0575969999999996E-3</v>
      </c>
      <c r="E3230" s="6">
        <f t="shared" si="101"/>
        <v>0.14682204091000001</v>
      </c>
    </row>
    <row r="3231" spans="1:5" x14ac:dyDescent="0.25">
      <c r="A3231" s="1">
        <v>43690.458333333336</v>
      </c>
      <c r="B3231" s="2">
        <v>34.85</v>
      </c>
      <c r="C3231">
        <v>6.11395</v>
      </c>
      <c r="D3231">
        <f t="shared" si="100"/>
        <v>6.1139499999999999E-3</v>
      </c>
      <c r="E3231" s="6">
        <f t="shared" si="101"/>
        <v>0.2130711575</v>
      </c>
    </row>
    <row r="3232" spans="1:5" x14ac:dyDescent="0.25">
      <c r="A3232" s="1">
        <v>43690.5</v>
      </c>
      <c r="B3232" s="2">
        <v>35.880000000000003</v>
      </c>
      <c r="C3232">
        <v>6.737063</v>
      </c>
      <c r="D3232">
        <f t="shared" si="100"/>
        <v>6.7370629999999997E-3</v>
      </c>
      <c r="E3232" s="6">
        <f t="shared" si="101"/>
        <v>0.24172582044000002</v>
      </c>
    </row>
    <row r="3233" spans="1:5" x14ac:dyDescent="0.25">
      <c r="A3233" s="1">
        <v>43690.541666666664</v>
      </c>
      <c r="B3233" s="2">
        <v>37.229999999999997</v>
      </c>
      <c r="C3233">
        <v>6.9822639999999998</v>
      </c>
      <c r="D3233">
        <f t="shared" si="100"/>
        <v>6.9822640000000002E-3</v>
      </c>
      <c r="E3233" s="6">
        <f t="shared" si="101"/>
        <v>0.25994968871999996</v>
      </c>
    </row>
    <row r="3234" spans="1:5" x14ac:dyDescent="0.25">
      <c r="A3234" s="1">
        <v>43690.583333333336</v>
      </c>
      <c r="B3234" s="2">
        <v>42.19</v>
      </c>
      <c r="C3234">
        <v>6.742877</v>
      </c>
      <c r="D3234">
        <f t="shared" si="100"/>
        <v>6.7428770000000004E-3</v>
      </c>
      <c r="E3234" s="6">
        <f t="shared" si="101"/>
        <v>0.28448198063000002</v>
      </c>
    </row>
    <row r="3235" spans="1:5" x14ac:dyDescent="0.25">
      <c r="A3235" s="1">
        <v>43690.625</v>
      </c>
      <c r="B3235" s="2">
        <v>41.37</v>
      </c>
      <c r="C3235">
        <v>6.1562669999999997</v>
      </c>
      <c r="D3235">
        <f t="shared" si="100"/>
        <v>6.156267E-3</v>
      </c>
      <c r="E3235" s="6">
        <f t="shared" si="101"/>
        <v>0.25468476578999999</v>
      </c>
    </row>
    <row r="3236" spans="1:5" x14ac:dyDescent="0.25">
      <c r="A3236" s="1">
        <v>43690.666666666664</v>
      </c>
      <c r="B3236" s="2">
        <v>45.17</v>
      </c>
      <c r="C3236">
        <v>5.1846760000000005</v>
      </c>
      <c r="D3236">
        <f t="shared" si="100"/>
        <v>5.1846760000000009E-3</v>
      </c>
      <c r="E3236" s="6">
        <f t="shared" si="101"/>
        <v>0.23419181492000005</v>
      </c>
    </row>
    <row r="3237" spans="1:5" x14ac:dyDescent="0.25">
      <c r="A3237" s="1">
        <v>43690.708333333336</v>
      </c>
      <c r="B3237" s="2">
        <v>42.3</v>
      </c>
      <c r="C3237">
        <v>3.777876</v>
      </c>
      <c r="D3237">
        <f t="shared" si="100"/>
        <v>3.7778759999999999E-3</v>
      </c>
      <c r="E3237" s="6">
        <f t="shared" si="101"/>
        <v>0.15980415479999999</v>
      </c>
    </row>
    <row r="3238" spans="1:5" x14ac:dyDescent="0.25">
      <c r="A3238" s="1">
        <v>43690.75</v>
      </c>
      <c r="B3238" s="2">
        <v>36.229999999999997</v>
      </c>
      <c r="C3238">
        <v>2.063898</v>
      </c>
      <c r="D3238">
        <f t="shared" si="100"/>
        <v>2.0638980000000002E-3</v>
      </c>
      <c r="E3238" s="6">
        <f t="shared" si="101"/>
        <v>7.4775024539999999E-2</v>
      </c>
    </row>
    <row r="3239" spans="1:5" x14ac:dyDescent="0.25">
      <c r="A3239" s="1">
        <v>43690.791666666664</v>
      </c>
      <c r="B3239" s="2">
        <v>32.47</v>
      </c>
      <c r="C3239">
        <v>0.51363000000000003</v>
      </c>
      <c r="D3239">
        <f t="shared" si="100"/>
        <v>5.1363000000000005E-4</v>
      </c>
      <c r="E3239" s="6">
        <f t="shared" si="101"/>
        <v>1.6677566100000003E-2</v>
      </c>
    </row>
    <row r="3240" spans="1:5" x14ac:dyDescent="0.25">
      <c r="A3240" s="1">
        <v>43690.833333333336</v>
      </c>
      <c r="B3240" s="2">
        <v>30.78</v>
      </c>
      <c r="C3240">
        <v>0</v>
      </c>
      <c r="D3240">
        <f t="shared" si="100"/>
        <v>0</v>
      </c>
      <c r="E3240" s="6">
        <f t="shared" si="101"/>
        <v>0</v>
      </c>
    </row>
    <row r="3241" spans="1:5" x14ac:dyDescent="0.25">
      <c r="A3241" s="1">
        <v>43690.875</v>
      </c>
      <c r="B3241" s="2">
        <v>28.25</v>
      </c>
      <c r="C3241">
        <v>0</v>
      </c>
      <c r="D3241">
        <f t="shared" si="100"/>
        <v>0</v>
      </c>
      <c r="E3241" s="6">
        <f t="shared" si="101"/>
        <v>0</v>
      </c>
    </row>
    <row r="3242" spans="1:5" x14ac:dyDescent="0.25">
      <c r="A3242" s="1">
        <v>43690.916666666664</v>
      </c>
      <c r="B3242" s="2">
        <v>24.26</v>
      </c>
      <c r="C3242">
        <v>0</v>
      </c>
      <c r="D3242">
        <f t="shared" si="100"/>
        <v>0</v>
      </c>
      <c r="E3242" s="6">
        <f t="shared" si="101"/>
        <v>0</v>
      </c>
    </row>
    <row r="3243" spans="1:5" x14ac:dyDescent="0.25">
      <c r="A3243" s="1">
        <v>43690.958333333336</v>
      </c>
      <c r="B3243" s="2">
        <v>21.75</v>
      </c>
      <c r="C3243">
        <v>0</v>
      </c>
      <c r="D3243">
        <f t="shared" si="100"/>
        <v>0</v>
      </c>
      <c r="E3243" s="6">
        <f t="shared" si="101"/>
        <v>0</v>
      </c>
    </row>
    <row r="3244" spans="1:5" x14ac:dyDescent="0.25">
      <c r="A3244" s="1">
        <v>43691</v>
      </c>
      <c r="B3244" s="2">
        <v>20.059999999999999</v>
      </c>
      <c r="C3244">
        <v>0</v>
      </c>
      <c r="D3244">
        <f t="shared" si="100"/>
        <v>0</v>
      </c>
      <c r="E3244" s="6">
        <f t="shared" si="101"/>
        <v>0</v>
      </c>
    </row>
    <row r="3245" spans="1:5" x14ac:dyDescent="0.25">
      <c r="A3245" s="1">
        <v>43691.041666666664</v>
      </c>
      <c r="B3245" s="2">
        <v>18.850000000000001</v>
      </c>
      <c r="C3245">
        <v>0</v>
      </c>
      <c r="D3245">
        <f t="shared" si="100"/>
        <v>0</v>
      </c>
      <c r="E3245" s="6">
        <f t="shared" si="101"/>
        <v>0</v>
      </c>
    </row>
    <row r="3246" spans="1:5" x14ac:dyDescent="0.25">
      <c r="A3246" s="1">
        <v>43691.083333333336</v>
      </c>
      <c r="B3246" s="2">
        <v>17.649999999999999</v>
      </c>
      <c r="C3246">
        <v>0</v>
      </c>
      <c r="D3246">
        <f t="shared" si="100"/>
        <v>0</v>
      </c>
      <c r="E3246" s="6">
        <f t="shared" si="101"/>
        <v>0</v>
      </c>
    </row>
    <row r="3247" spans="1:5" x14ac:dyDescent="0.25">
      <c r="A3247" s="1">
        <v>43691.125</v>
      </c>
      <c r="B3247" s="2">
        <v>16.97</v>
      </c>
      <c r="C3247">
        <v>0</v>
      </c>
      <c r="D3247">
        <f t="shared" si="100"/>
        <v>0</v>
      </c>
      <c r="E3247" s="6">
        <f t="shared" si="101"/>
        <v>0</v>
      </c>
    </row>
    <row r="3248" spans="1:5" x14ac:dyDescent="0.25">
      <c r="A3248" s="1">
        <v>43691.166666666664</v>
      </c>
      <c r="B3248" s="2">
        <v>17.28</v>
      </c>
      <c r="C3248">
        <v>0</v>
      </c>
      <c r="D3248">
        <f t="shared" si="100"/>
        <v>0</v>
      </c>
      <c r="E3248" s="6">
        <f t="shared" si="101"/>
        <v>0</v>
      </c>
    </row>
    <row r="3249" spans="1:5" x14ac:dyDescent="0.25">
      <c r="A3249" s="1">
        <v>43691.208333333336</v>
      </c>
      <c r="B3249" s="2">
        <v>18.7</v>
      </c>
      <c r="C3249">
        <v>0</v>
      </c>
      <c r="D3249">
        <f t="shared" si="100"/>
        <v>0</v>
      </c>
      <c r="E3249" s="6">
        <f t="shared" si="101"/>
        <v>0</v>
      </c>
    </row>
    <row r="3250" spans="1:5" x14ac:dyDescent="0.25">
      <c r="A3250" s="1">
        <v>43691.25</v>
      </c>
      <c r="B3250" s="2">
        <v>20.309999999999999</v>
      </c>
      <c r="C3250">
        <v>0</v>
      </c>
      <c r="D3250">
        <f t="shared" si="100"/>
        <v>0</v>
      </c>
      <c r="E3250" s="6">
        <f t="shared" si="101"/>
        <v>0</v>
      </c>
    </row>
    <row r="3251" spans="1:5" x14ac:dyDescent="0.25">
      <c r="A3251" s="1">
        <v>43691.291666666664</v>
      </c>
      <c r="B3251" s="2">
        <v>20.74</v>
      </c>
      <c r="C3251">
        <v>0.27838099999999999</v>
      </c>
      <c r="D3251">
        <f t="shared" si="100"/>
        <v>2.7838099999999996E-4</v>
      </c>
      <c r="E3251" s="6">
        <f t="shared" si="101"/>
        <v>5.7736219399999985E-3</v>
      </c>
    </row>
    <row r="3252" spans="1:5" x14ac:dyDescent="0.25">
      <c r="A3252" s="1">
        <v>43691.333333333336</v>
      </c>
      <c r="B3252" s="2">
        <v>21.28</v>
      </c>
      <c r="C3252">
        <v>1.725449</v>
      </c>
      <c r="D3252">
        <f t="shared" si="100"/>
        <v>1.725449E-3</v>
      </c>
      <c r="E3252" s="6">
        <f t="shared" si="101"/>
        <v>3.6717554720000004E-2</v>
      </c>
    </row>
    <row r="3253" spans="1:5" x14ac:dyDescent="0.25">
      <c r="A3253" s="1">
        <v>43691.375</v>
      </c>
      <c r="B3253" s="2">
        <v>23.61</v>
      </c>
      <c r="C3253">
        <v>3.2144710000000001</v>
      </c>
      <c r="D3253">
        <f t="shared" si="100"/>
        <v>3.214471E-3</v>
      </c>
      <c r="E3253" s="6">
        <f t="shared" si="101"/>
        <v>7.589366031E-2</v>
      </c>
    </row>
    <row r="3254" spans="1:5" x14ac:dyDescent="0.25">
      <c r="A3254" s="1">
        <v>43691.416666666664</v>
      </c>
      <c r="B3254" s="2">
        <v>25.86</v>
      </c>
      <c r="C3254">
        <v>5.0723000000000003</v>
      </c>
      <c r="D3254">
        <f t="shared" si="100"/>
        <v>5.0723000000000001E-3</v>
      </c>
      <c r="E3254" s="6">
        <f t="shared" si="101"/>
        <v>0.13116967800000001</v>
      </c>
    </row>
    <row r="3255" spans="1:5" x14ac:dyDescent="0.25">
      <c r="A3255" s="1">
        <v>43691.458333333336</v>
      </c>
      <c r="B3255" s="2">
        <v>29.25</v>
      </c>
      <c r="C3255">
        <v>5.5494129999999995</v>
      </c>
      <c r="D3255">
        <f t="shared" si="100"/>
        <v>5.5494129999999996E-3</v>
      </c>
      <c r="E3255" s="6">
        <f t="shared" si="101"/>
        <v>0.16232033024999998</v>
      </c>
    </row>
    <row r="3256" spans="1:5" x14ac:dyDescent="0.25">
      <c r="A3256" s="1">
        <v>43691.5</v>
      </c>
      <c r="B3256" s="2">
        <v>31.13</v>
      </c>
      <c r="C3256">
        <v>1.396865</v>
      </c>
      <c r="D3256">
        <f t="shared" si="100"/>
        <v>1.396865E-3</v>
      </c>
      <c r="E3256" s="6">
        <f t="shared" si="101"/>
        <v>4.3484407449999998E-2</v>
      </c>
    </row>
    <row r="3257" spans="1:5" x14ac:dyDescent="0.25">
      <c r="A3257" s="1">
        <v>43691.541666666664</v>
      </c>
      <c r="B3257" s="2">
        <v>32.83</v>
      </c>
      <c r="C3257">
        <v>7.0904249999999998</v>
      </c>
      <c r="D3257">
        <f t="shared" si="100"/>
        <v>7.090425E-3</v>
      </c>
      <c r="E3257" s="6">
        <f t="shared" si="101"/>
        <v>0.23277865274999998</v>
      </c>
    </row>
    <row r="3258" spans="1:5" x14ac:dyDescent="0.25">
      <c r="A3258" s="1">
        <v>43691.583333333336</v>
      </c>
      <c r="B3258" s="2">
        <v>35.61</v>
      </c>
      <c r="C3258">
        <v>4.504823</v>
      </c>
      <c r="D3258">
        <f t="shared" si="100"/>
        <v>4.5048229999999998E-3</v>
      </c>
      <c r="E3258" s="6">
        <f t="shared" si="101"/>
        <v>0.16041674703</v>
      </c>
    </row>
    <row r="3259" spans="1:5" x14ac:dyDescent="0.25">
      <c r="A3259" s="1">
        <v>43691.625</v>
      </c>
      <c r="B3259" s="2">
        <v>36.549999999999997</v>
      </c>
      <c r="C3259">
        <v>4.3728069999999999</v>
      </c>
      <c r="D3259">
        <f t="shared" si="100"/>
        <v>4.3728070000000003E-3</v>
      </c>
      <c r="E3259" s="6">
        <f t="shared" si="101"/>
        <v>0.15982609584999999</v>
      </c>
    </row>
    <row r="3260" spans="1:5" x14ac:dyDescent="0.25">
      <c r="A3260" s="1">
        <v>43691.666666666664</v>
      </c>
      <c r="B3260" s="2">
        <v>38.68</v>
      </c>
      <c r="C3260">
        <v>5.2603850000000003</v>
      </c>
      <c r="D3260">
        <f t="shared" si="100"/>
        <v>5.2603850000000002E-3</v>
      </c>
      <c r="E3260" s="6">
        <f t="shared" si="101"/>
        <v>0.20347169180000002</v>
      </c>
    </row>
    <row r="3261" spans="1:5" x14ac:dyDescent="0.25">
      <c r="A3261" s="1">
        <v>43691.708333333336</v>
      </c>
      <c r="B3261" s="2">
        <v>36.44</v>
      </c>
      <c r="C3261">
        <v>3.812881</v>
      </c>
      <c r="D3261">
        <f t="shared" si="100"/>
        <v>3.8128810000000002E-3</v>
      </c>
      <c r="E3261" s="6">
        <f t="shared" si="101"/>
        <v>0.13894138364</v>
      </c>
    </row>
    <row r="3262" spans="1:5" x14ac:dyDescent="0.25">
      <c r="A3262" s="1">
        <v>43691.75</v>
      </c>
      <c r="B3262" s="2">
        <v>33.1</v>
      </c>
      <c r="C3262">
        <v>2.0679669999999999</v>
      </c>
      <c r="D3262">
        <f t="shared" si="100"/>
        <v>2.067967E-3</v>
      </c>
      <c r="E3262" s="6">
        <f t="shared" si="101"/>
        <v>6.8449707700000001E-2</v>
      </c>
    </row>
    <row r="3263" spans="1:5" x14ac:dyDescent="0.25">
      <c r="A3263" s="1">
        <v>43691.791666666664</v>
      </c>
      <c r="B3263" s="2">
        <v>29.61</v>
      </c>
      <c r="C3263">
        <v>0.48252600000000001</v>
      </c>
      <c r="D3263">
        <f t="shared" si="100"/>
        <v>4.8252599999999999E-4</v>
      </c>
      <c r="E3263" s="6">
        <f t="shared" si="101"/>
        <v>1.4287594859999999E-2</v>
      </c>
    </row>
    <row r="3264" spans="1:5" x14ac:dyDescent="0.25">
      <c r="A3264" s="1">
        <v>43691.833333333336</v>
      </c>
      <c r="B3264" s="2">
        <v>29.26</v>
      </c>
      <c r="C3264">
        <v>0</v>
      </c>
      <c r="D3264">
        <f t="shared" si="100"/>
        <v>0</v>
      </c>
      <c r="E3264" s="6">
        <f t="shared" si="101"/>
        <v>0</v>
      </c>
    </row>
    <row r="3265" spans="1:5" x14ac:dyDescent="0.25">
      <c r="A3265" s="1">
        <v>43691.875</v>
      </c>
      <c r="B3265" s="2">
        <v>25.14</v>
      </c>
      <c r="C3265">
        <v>0</v>
      </c>
      <c r="D3265">
        <f t="shared" si="100"/>
        <v>0</v>
      </c>
      <c r="E3265" s="6">
        <f t="shared" si="101"/>
        <v>0</v>
      </c>
    </row>
    <row r="3266" spans="1:5" x14ac:dyDescent="0.25">
      <c r="A3266" s="1">
        <v>43691.916666666664</v>
      </c>
      <c r="B3266" s="2">
        <v>22.68</v>
      </c>
      <c r="C3266">
        <v>0</v>
      </c>
      <c r="D3266">
        <f t="shared" si="100"/>
        <v>0</v>
      </c>
      <c r="E3266" s="6">
        <f t="shared" si="101"/>
        <v>0</v>
      </c>
    </row>
    <row r="3267" spans="1:5" x14ac:dyDescent="0.25">
      <c r="A3267" s="1">
        <v>43691.958333333336</v>
      </c>
      <c r="B3267" s="2">
        <v>20.5</v>
      </c>
      <c r="C3267">
        <v>0</v>
      </c>
      <c r="D3267">
        <f t="shared" si="100"/>
        <v>0</v>
      </c>
      <c r="E3267" s="6">
        <f t="shared" si="101"/>
        <v>0</v>
      </c>
    </row>
    <row r="3268" spans="1:5" x14ac:dyDescent="0.25">
      <c r="A3268" s="1">
        <v>43692</v>
      </c>
      <c r="B3268" s="2">
        <v>20.14</v>
      </c>
      <c r="C3268">
        <v>0</v>
      </c>
      <c r="D3268">
        <f t="shared" si="100"/>
        <v>0</v>
      </c>
      <c r="E3268" s="6">
        <f t="shared" si="101"/>
        <v>0</v>
      </c>
    </row>
    <row r="3269" spans="1:5" x14ac:dyDescent="0.25">
      <c r="A3269" s="1">
        <v>43692.041666666664</v>
      </c>
      <c r="B3269" s="2">
        <v>19.05</v>
      </c>
      <c r="C3269">
        <v>0</v>
      </c>
      <c r="D3269">
        <f t="shared" si="100"/>
        <v>0</v>
      </c>
      <c r="E3269" s="6">
        <f t="shared" si="101"/>
        <v>0</v>
      </c>
    </row>
    <row r="3270" spans="1:5" x14ac:dyDescent="0.25">
      <c r="A3270" s="1">
        <v>43692.083333333336</v>
      </c>
      <c r="B3270" s="2">
        <v>17.96</v>
      </c>
      <c r="C3270">
        <v>0</v>
      </c>
      <c r="D3270">
        <f t="shared" ref="D3270:D3333" si="102">C3270/1000</f>
        <v>0</v>
      </c>
      <c r="E3270" s="6">
        <f t="shared" ref="E3270:E3333" si="103">D3270*B3270</f>
        <v>0</v>
      </c>
    </row>
    <row r="3271" spans="1:5" x14ac:dyDescent="0.25">
      <c r="A3271" s="1">
        <v>43692.125</v>
      </c>
      <c r="B3271" s="2">
        <v>16.61</v>
      </c>
      <c r="C3271">
        <v>0</v>
      </c>
      <c r="D3271">
        <f t="shared" si="102"/>
        <v>0</v>
      </c>
      <c r="E3271" s="6">
        <f t="shared" si="103"/>
        <v>0</v>
      </c>
    </row>
    <row r="3272" spans="1:5" x14ac:dyDescent="0.25">
      <c r="A3272" s="1">
        <v>43692.166666666664</v>
      </c>
      <c r="B3272" s="2">
        <v>17.04</v>
      </c>
      <c r="C3272">
        <v>0</v>
      </c>
      <c r="D3272">
        <f t="shared" si="102"/>
        <v>0</v>
      </c>
      <c r="E3272" s="6">
        <f t="shared" si="103"/>
        <v>0</v>
      </c>
    </row>
    <row r="3273" spans="1:5" x14ac:dyDescent="0.25">
      <c r="A3273" s="1">
        <v>43692.208333333336</v>
      </c>
      <c r="B3273" s="2">
        <v>18.739999999999998</v>
      </c>
      <c r="C3273">
        <v>0</v>
      </c>
      <c r="D3273">
        <f t="shared" si="102"/>
        <v>0</v>
      </c>
      <c r="E3273" s="6">
        <f t="shared" si="103"/>
        <v>0</v>
      </c>
    </row>
    <row r="3274" spans="1:5" x14ac:dyDescent="0.25">
      <c r="A3274" s="1">
        <v>43692.25</v>
      </c>
      <c r="B3274" s="2">
        <v>19.96</v>
      </c>
      <c r="C3274">
        <v>0</v>
      </c>
      <c r="D3274">
        <f t="shared" si="102"/>
        <v>0</v>
      </c>
      <c r="E3274" s="6">
        <f t="shared" si="103"/>
        <v>0</v>
      </c>
    </row>
    <row r="3275" spans="1:5" x14ac:dyDescent="0.25">
      <c r="A3275" s="1">
        <v>43692.291666666664</v>
      </c>
      <c r="B3275" s="2">
        <v>20.3</v>
      </c>
      <c r="C3275">
        <v>0.26931900000000003</v>
      </c>
      <c r="D3275">
        <f t="shared" si="102"/>
        <v>2.6931900000000001E-4</v>
      </c>
      <c r="E3275" s="6">
        <f t="shared" si="103"/>
        <v>5.4671757000000001E-3</v>
      </c>
    </row>
    <row r="3276" spans="1:5" x14ac:dyDescent="0.25">
      <c r="A3276" s="1">
        <v>43692.333333333336</v>
      </c>
      <c r="B3276" s="2">
        <v>21.25</v>
      </c>
      <c r="C3276">
        <v>1.6245889999999998</v>
      </c>
      <c r="D3276">
        <f t="shared" si="102"/>
        <v>1.6245889999999999E-3</v>
      </c>
      <c r="E3276" s="6">
        <f t="shared" si="103"/>
        <v>3.4522516249999996E-2</v>
      </c>
    </row>
    <row r="3277" spans="1:5" x14ac:dyDescent="0.25">
      <c r="A3277" s="1">
        <v>43692.375</v>
      </c>
      <c r="B3277" s="2">
        <v>22.94</v>
      </c>
      <c r="C3277">
        <v>3.5733739999999998</v>
      </c>
      <c r="D3277">
        <f t="shared" si="102"/>
        <v>3.5733739999999998E-3</v>
      </c>
      <c r="E3277" s="6">
        <f t="shared" si="103"/>
        <v>8.1973199560000001E-2</v>
      </c>
    </row>
    <row r="3278" spans="1:5" x14ac:dyDescent="0.25">
      <c r="A3278" s="1">
        <v>43692.416666666664</v>
      </c>
      <c r="B3278" s="2">
        <v>24.77</v>
      </c>
      <c r="C3278">
        <v>4.3831239999999996</v>
      </c>
      <c r="D3278">
        <f t="shared" si="102"/>
        <v>4.3831239999999995E-3</v>
      </c>
      <c r="E3278" s="6">
        <f t="shared" si="103"/>
        <v>0.10856998147999998</v>
      </c>
    </row>
    <row r="3279" spans="1:5" x14ac:dyDescent="0.25">
      <c r="A3279" s="1">
        <v>43692.458333333336</v>
      </c>
      <c r="B3279" s="2">
        <v>26.52</v>
      </c>
      <c r="C3279">
        <v>3.0386679999999999</v>
      </c>
      <c r="D3279">
        <f t="shared" si="102"/>
        <v>3.038668E-3</v>
      </c>
      <c r="E3279" s="6">
        <f t="shared" si="103"/>
        <v>8.0585475360000006E-2</v>
      </c>
    </row>
    <row r="3280" spans="1:5" x14ac:dyDescent="0.25">
      <c r="A3280" s="1">
        <v>43692.5</v>
      </c>
      <c r="B3280" s="2">
        <v>29.19</v>
      </c>
      <c r="C3280">
        <v>6.7495719999999997</v>
      </c>
      <c r="D3280">
        <f t="shared" si="102"/>
        <v>6.7495719999999997E-3</v>
      </c>
      <c r="E3280" s="6">
        <f t="shared" si="103"/>
        <v>0.19702000668</v>
      </c>
    </row>
    <row r="3281" spans="1:5" x14ac:dyDescent="0.25">
      <c r="A3281" s="1">
        <v>43692.541666666664</v>
      </c>
      <c r="B3281" s="2">
        <v>32.19</v>
      </c>
      <c r="C3281">
        <v>5.6367340000000006</v>
      </c>
      <c r="D3281">
        <f t="shared" si="102"/>
        <v>5.6367340000000009E-3</v>
      </c>
      <c r="E3281" s="6">
        <f t="shared" si="103"/>
        <v>0.18144646746000001</v>
      </c>
    </row>
    <row r="3282" spans="1:5" x14ac:dyDescent="0.25">
      <c r="A3282" s="1">
        <v>43692.583333333336</v>
      </c>
      <c r="B3282" s="2">
        <v>34.39</v>
      </c>
      <c r="C3282">
        <v>5.6571809999999996</v>
      </c>
      <c r="D3282">
        <f t="shared" si="102"/>
        <v>5.6571809999999998E-3</v>
      </c>
      <c r="E3282" s="6">
        <f t="shared" si="103"/>
        <v>0.19455045459</v>
      </c>
    </row>
    <row r="3283" spans="1:5" x14ac:dyDescent="0.25">
      <c r="A3283" s="1">
        <v>43692.625</v>
      </c>
      <c r="B3283" s="2">
        <v>36.799999999999997</v>
      </c>
      <c r="C3283">
        <v>0.14546500000000001</v>
      </c>
      <c r="D3283">
        <f t="shared" si="102"/>
        <v>1.45465E-4</v>
      </c>
      <c r="E3283" s="6">
        <f t="shared" si="103"/>
        <v>5.3531120000000001E-3</v>
      </c>
    </row>
    <row r="3284" spans="1:5" x14ac:dyDescent="0.25">
      <c r="A3284" s="1">
        <v>43692.666666666664</v>
      </c>
      <c r="B3284" s="2">
        <v>41.44</v>
      </c>
      <c r="C3284">
        <v>0.55509799999999998</v>
      </c>
      <c r="D3284">
        <f t="shared" si="102"/>
        <v>5.5509799999999996E-4</v>
      </c>
      <c r="E3284" s="6">
        <f t="shared" si="103"/>
        <v>2.3003261119999997E-2</v>
      </c>
    </row>
    <row r="3285" spans="1:5" x14ac:dyDescent="0.25">
      <c r="A3285" s="1">
        <v>43692.708333333336</v>
      </c>
      <c r="B3285" s="2">
        <v>39.119999999999997</v>
      </c>
      <c r="C3285">
        <v>9.6024999999999999E-2</v>
      </c>
      <c r="D3285">
        <f t="shared" si="102"/>
        <v>9.6025000000000003E-5</v>
      </c>
      <c r="E3285" s="6">
        <f t="shared" si="103"/>
        <v>3.756498E-3</v>
      </c>
    </row>
    <row r="3286" spans="1:5" x14ac:dyDescent="0.25">
      <c r="A3286" s="1">
        <v>43692.75</v>
      </c>
      <c r="B3286" s="2">
        <v>31.96</v>
      </c>
      <c r="C3286">
        <v>0.19739400000000001</v>
      </c>
      <c r="D3286">
        <f t="shared" si="102"/>
        <v>1.9739400000000001E-4</v>
      </c>
      <c r="E3286" s="6">
        <f t="shared" si="103"/>
        <v>6.3087122400000009E-3</v>
      </c>
    </row>
    <row r="3287" spans="1:5" x14ac:dyDescent="0.25">
      <c r="A3287" s="1">
        <v>43692.791666666664</v>
      </c>
      <c r="B3287" s="2">
        <v>30.4</v>
      </c>
      <c r="C3287">
        <v>3.1127999999999999E-2</v>
      </c>
      <c r="D3287">
        <f t="shared" si="102"/>
        <v>3.1127999999999997E-5</v>
      </c>
      <c r="E3287" s="6">
        <f t="shared" si="103"/>
        <v>9.4629119999999989E-4</v>
      </c>
    </row>
    <row r="3288" spans="1:5" x14ac:dyDescent="0.25">
      <c r="A3288" s="1">
        <v>43692.833333333336</v>
      </c>
      <c r="B3288" s="2">
        <v>28.59</v>
      </c>
      <c r="C3288">
        <v>0</v>
      </c>
      <c r="D3288">
        <f t="shared" si="102"/>
        <v>0</v>
      </c>
      <c r="E3288" s="6">
        <f t="shared" si="103"/>
        <v>0</v>
      </c>
    </row>
    <row r="3289" spans="1:5" x14ac:dyDescent="0.25">
      <c r="A3289" s="1">
        <v>43692.875</v>
      </c>
      <c r="B3289" s="2">
        <v>25.45</v>
      </c>
      <c r="C3289">
        <v>0</v>
      </c>
      <c r="D3289">
        <f t="shared" si="102"/>
        <v>0</v>
      </c>
      <c r="E3289" s="6">
        <f t="shared" si="103"/>
        <v>0</v>
      </c>
    </row>
    <row r="3290" spans="1:5" x14ac:dyDescent="0.25">
      <c r="A3290" s="1">
        <v>43692.916666666664</v>
      </c>
      <c r="B3290" s="2">
        <v>22.88</v>
      </c>
      <c r="C3290">
        <v>0</v>
      </c>
      <c r="D3290">
        <f t="shared" si="102"/>
        <v>0</v>
      </c>
      <c r="E3290" s="6">
        <f t="shared" si="103"/>
        <v>0</v>
      </c>
    </row>
    <row r="3291" spans="1:5" x14ac:dyDescent="0.25">
      <c r="A3291" s="1">
        <v>43692.958333333336</v>
      </c>
      <c r="B3291" s="2">
        <v>20.68</v>
      </c>
      <c r="C3291">
        <v>0</v>
      </c>
      <c r="D3291">
        <f t="shared" si="102"/>
        <v>0</v>
      </c>
      <c r="E3291" s="6">
        <f t="shared" si="103"/>
        <v>0</v>
      </c>
    </row>
    <row r="3292" spans="1:5" x14ac:dyDescent="0.25">
      <c r="A3292" s="1">
        <v>43693</v>
      </c>
      <c r="B3292" s="2">
        <v>19.46</v>
      </c>
      <c r="C3292">
        <v>0</v>
      </c>
      <c r="D3292">
        <f t="shared" si="102"/>
        <v>0</v>
      </c>
      <c r="E3292" s="6">
        <f t="shared" si="103"/>
        <v>0</v>
      </c>
    </row>
    <row r="3293" spans="1:5" x14ac:dyDescent="0.25">
      <c r="A3293" s="1">
        <v>43693.041666666664</v>
      </c>
      <c r="B3293" s="2">
        <v>18.399999999999999</v>
      </c>
      <c r="C3293">
        <v>0</v>
      </c>
      <c r="D3293">
        <f t="shared" si="102"/>
        <v>0</v>
      </c>
      <c r="E3293" s="6">
        <f t="shared" si="103"/>
        <v>0</v>
      </c>
    </row>
    <row r="3294" spans="1:5" x14ac:dyDescent="0.25">
      <c r="A3294" s="1">
        <v>43693.083333333336</v>
      </c>
      <c r="B3294" s="2">
        <v>16.39</v>
      </c>
      <c r="C3294">
        <v>0</v>
      </c>
      <c r="D3294">
        <f t="shared" si="102"/>
        <v>0</v>
      </c>
      <c r="E3294" s="6">
        <f t="shared" si="103"/>
        <v>0</v>
      </c>
    </row>
    <row r="3295" spans="1:5" x14ac:dyDescent="0.25">
      <c r="A3295" s="1">
        <v>43693.125</v>
      </c>
      <c r="B3295" s="2">
        <v>15.79</v>
      </c>
      <c r="C3295">
        <v>0</v>
      </c>
      <c r="D3295">
        <f t="shared" si="102"/>
        <v>0</v>
      </c>
      <c r="E3295" s="6">
        <f t="shared" si="103"/>
        <v>0</v>
      </c>
    </row>
    <row r="3296" spans="1:5" x14ac:dyDescent="0.25">
      <c r="A3296" s="1">
        <v>43693.166666666664</v>
      </c>
      <c r="B3296" s="2">
        <v>15.69</v>
      </c>
      <c r="C3296">
        <v>0</v>
      </c>
      <c r="D3296">
        <f t="shared" si="102"/>
        <v>0</v>
      </c>
      <c r="E3296" s="6">
        <f t="shared" si="103"/>
        <v>0</v>
      </c>
    </row>
    <row r="3297" spans="1:5" x14ac:dyDescent="0.25">
      <c r="A3297" s="1">
        <v>43693.208333333336</v>
      </c>
      <c r="B3297" s="2">
        <v>18.36</v>
      </c>
      <c r="C3297">
        <v>0</v>
      </c>
      <c r="D3297">
        <f t="shared" si="102"/>
        <v>0</v>
      </c>
      <c r="E3297" s="6">
        <f t="shared" si="103"/>
        <v>0</v>
      </c>
    </row>
    <row r="3298" spans="1:5" x14ac:dyDescent="0.25">
      <c r="A3298" s="1">
        <v>43693.25</v>
      </c>
      <c r="B3298" s="2">
        <v>19.43</v>
      </c>
      <c r="C3298">
        <v>0</v>
      </c>
      <c r="D3298">
        <f t="shared" si="102"/>
        <v>0</v>
      </c>
      <c r="E3298" s="6">
        <f t="shared" si="103"/>
        <v>0</v>
      </c>
    </row>
    <row r="3299" spans="1:5" x14ac:dyDescent="0.25">
      <c r="A3299" s="1">
        <v>43693.291666666664</v>
      </c>
      <c r="B3299" s="2">
        <v>20.010000000000002</v>
      </c>
      <c r="C3299">
        <v>0.26940900000000001</v>
      </c>
      <c r="D3299">
        <f t="shared" si="102"/>
        <v>2.6940900000000002E-4</v>
      </c>
      <c r="E3299" s="6">
        <f t="shared" si="103"/>
        <v>5.3908740900000009E-3</v>
      </c>
    </row>
    <row r="3300" spans="1:5" x14ac:dyDescent="0.25">
      <c r="A3300" s="1">
        <v>43693.333333333336</v>
      </c>
      <c r="B3300" s="2">
        <v>21.34</v>
      </c>
      <c r="C3300">
        <v>1.7025090000000001</v>
      </c>
      <c r="D3300">
        <f t="shared" si="102"/>
        <v>1.7025090000000001E-3</v>
      </c>
      <c r="E3300" s="6">
        <f t="shared" si="103"/>
        <v>3.6331542059999999E-2</v>
      </c>
    </row>
    <row r="3301" spans="1:5" x14ac:dyDescent="0.25">
      <c r="A3301" s="1">
        <v>43693.375</v>
      </c>
      <c r="B3301" s="2">
        <v>23.06</v>
      </c>
      <c r="C3301">
        <v>3.5397699999999999</v>
      </c>
      <c r="D3301">
        <f t="shared" si="102"/>
        <v>3.5397699999999998E-3</v>
      </c>
      <c r="E3301" s="6">
        <f t="shared" si="103"/>
        <v>8.1627096199999985E-2</v>
      </c>
    </row>
    <row r="3302" spans="1:5" x14ac:dyDescent="0.25">
      <c r="A3302" s="1">
        <v>43693.416666666664</v>
      </c>
      <c r="B3302" s="2">
        <v>25.3</v>
      </c>
      <c r="C3302">
        <v>5.0658909999999997</v>
      </c>
      <c r="D3302">
        <f t="shared" si="102"/>
        <v>5.0658909999999995E-3</v>
      </c>
      <c r="E3302" s="6">
        <f t="shared" si="103"/>
        <v>0.12816704229999998</v>
      </c>
    </row>
    <row r="3303" spans="1:5" x14ac:dyDescent="0.25">
      <c r="A3303" s="1">
        <v>43693.458333333336</v>
      </c>
      <c r="B3303" s="2">
        <v>26.29</v>
      </c>
      <c r="C3303">
        <v>4.4673990000000003</v>
      </c>
      <c r="D3303">
        <f t="shared" si="102"/>
        <v>4.4673990000000004E-3</v>
      </c>
      <c r="E3303" s="6">
        <f t="shared" si="103"/>
        <v>0.11744791971</v>
      </c>
    </row>
    <row r="3304" spans="1:5" x14ac:dyDescent="0.25">
      <c r="A3304" s="1">
        <v>43693.5</v>
      </c>
      <c r="B3304" s="2">
        <v>28.42</v>
      </c>
      <c r="C3304">
        <v>6.8196760000000003</v>
      </c>
      <c r="D3304">
        <f t="shared" si="102"/>
        <v>6.8196760000000002E-3</v>
      </c>
      <c r="E3304" s="6">
        <f t="shared" si="103"/>
        <v>0.19381519192000002</v>
      </c>
    </row>
    <row r="3305" spans="1:5" x14ac:dyDescent="0.25">
      <c r="A3305" s="1">
        <v>43693.541666666664</v>
      </c>
      <c r="B3305" s="2">
        <v>30.41</v>
      </c>
      <c r="C3305">
        <v>5.172396</v>
      </c>
      <c r="D3305">
        <f t="shared" si="102"/>
        <v>5.1723960000000001E-3</v>
      </c>
      <c r="E3305" s="6">
        <f t="shared" si="103"/>
        <v>0.15729256236</v>
      </c>
    </row>
    <row r="3306" spans="1:5" x14ac:dyDescent="0.25">
      <c r="A3306" s="1">
        <v>43693.583333333336</v>
      </c>
      <c r="B3306" s="2">
        <v>31.88</v>
      </c>
      <c r="C3306">
        <v>2.8565239999999998</v>
      </c>
      <c r="D3306">
        <f t="shared" si="102"/>
        <v>2.856524E-3</v>
      </c>
      <c r="E3306" s="6">
        <f t="shared" si="103"/>
        <v>9.1065985119999998E-2</v>
      </c>
    </row>
    <row r="3307" spans="1:5" x14ac:dyDescent="0.25">
      <c r="A3307" s="1">
        <v>43693.625</v>
      </c>
      <c r="B3307" s="2">
        <v>35.1</v>
      </c>
      <c r="C3307">
        <v>4.9901840000000002</v>
      </c>
      <c r="D3307">
        <f t="shared" si="102"/>
        <v>4.9901839999999999E-3</v>
      </c>
      <c r="E3307" s="6">
        <f t="shared" si="103"/>
        <v>0.17515545839999999</v>
      </c>
    </row>
    <row r="3308" spans="1:5" x14ac:dyDescent="0.25">
      <c r="A3308" s="1">
        <v>43693.666666666664</v>
      </c>
      <c r="B3308" s="2">
        <v>38.18</v>
      </c>
      <c r="C3308">
        <v>4.6562099999999997</v>
      </c>
      <c r="D3308">
        <f t="shared" si="102"/>
        <v>4.65621E-3</v>
      </c>
      <c r="E3308" s="6">
        <f t="shared" si="103"/>
        <v>0.1777740978</v>
      </c>
    </row>
    <row r="3309" spans="1:5" x14ac:dyDescent="0.25">
      <c r="A3309" s="1">
        <v>43693.708333333336</v>
      </c>
      <c r="B3309" s="2">
        <v>36.72</v>
      </c>
      <c r="C3309">
        <v>3.594951</v>
      </c>
      <c r="D3309">
        <f t="shared" si="102"/>
        <v>3.5949509999999999E-3</v>
      </c>
      <c r="E3309" s="6">
        <f t="shared" si="103"/>
        <v>0.13200660071999998</v>
      </c>
    </row>
    <row r="3310" spans="1:5" x14ac:dyDescent="0.25">
      <c r="A3310" s="1">
        <v>43693.75</v>
      </c>
      <c r="B3310" s="2">
        <v>31.51</v>
      </c>
      <c r="C3310">
        <v>1.848282</v>
      </c>
      <c r="D3310">
        <f t="shared" si="102"/>
        <v>1.8482819999999999E-3</v>
      </c>
      <c r="E3310" s="6">
        <f t="shared" si="103"/>
        <v>5.823936582E-2</v>
      </c>
    </row>
    <row r="3311" spans="1:5" x14ac:dyDescent="0.25">
      <c r="A3311" s="1">
        <v>43693.791666666664</v>
      </c>
      <c r="B3311" s="2">
        <v>28.23</v>
      </c>
      <c r="C3311">
        <v>0.465617</v>
      </c>
      <c r="D3311">
        <f t="shared" si="102"/>
        <v>4.6561699999999998E-4</v>
      </c>
      <c r="E3311" s="6">
        <f t="shared" si="103"/>
        <v>1.314436791E-2</v>
      </c>
    </row>
    <row r="3312" spans="1:5" x14ac:dyDescent="0.25">
      <c r="A3312" s="1">
        <v>43693.833333333336</v>
      </c>
      <c r="B3312" s="2">
        <v>27.78</v>
      </c>
      <c r="C3312">
        <v>0</v>
      </c>
      <c r="D3312">
        <f t="shared" si="102"/>
        <v>0</v>
      </c>
      <c r="E3312" s="6">
        <f t="shared" si="103"/>
        <v>0</v>
      </c>
    </row>
    <row r="3313" spans="1:5" x14ac:dyDescent="0.25">
      <c r="A3313" s="1">
        <v>43693.875</v>
      </c>
      <c r="B3313" s="2">
        <v>25.5</v>
      </c>
      <c r="C3313">
        <v>0</v>
      </c>
      <c r="D3313">
        <f t="shared" si="102"/>
        <v>0</v>
      </c>
      <c r="E3313" s="6">
        <f t="shared" si="103"/>
        <v>0</v>
      </c>
    </row>
    <row r="3314" spans="1:5" x14ac:dyDescent="0.25">
      <c r="A3314" s="1">
        <v>43693.916666666664</v>
      </c>
      <c r="B3314" s="2">
        <v>22.46</v>
      </c>
      <c r="C3314">
        <v>0</v>
      </c>
      <c r="D3314">
        <f t="shared" si="102"/>
        <v>0</v>
      </c>
      <c r="E3314" s="6">
        <f t="shared" si="103"/>
        <v>0</v>
      </c>
    </row>
    <row r="3315" spans="1:5" x14ac:dyDescent="0.25">
      <c r="A3315" s="1">
        <v>43693.958333333336</v>
      </c>
      <c r="B3315" s="2">
        <v>21.11</v>
      </c>
      <c r="C3315">
        <v>0</v>
      </c>
      <c r="D3315">
        <f t="shared" si="102"/>
        <v>0</v>
      </c>
      <c r="E3315" s="6">
        <f t="shared" si="103"/>
        <v>0</v>
      </c>
    </row>
    <row r="3316" spans="1:5" x14ac:dyDescent="0.25">
      <c r="A3316" s="1">
        <v>43694</v>
      </c>
      <c r="B3316" s="2">
        <v>18.920000000000002</v>
      </c>
      <c r="C3316">
        <v>0</v>
      </c>
      <c r="D3316">
        <f t="shared" si="102"/>
        <v>0</v>
      </c>
      <c r="E3316" s="6">
        <f t="shared" si="103"/>
        <v>0</v>
      </c>
    </row>
    <row r="3317" spans="1:5" x14ac:dyDescent="0.25">
      <c r="A3317" s="1">
        <v>43694.041666666664</v>
      </c>
      <c r="B3317" s="2">
        <v>17.670000000000002</v>
      </c>
      <c r="C3317">
        <v>0</v>
      </c>
      <c r="D3317">
        <f t="shared" si="102"/>
        <v>0</v>
      </c>
      <c r="E3317" s="6">
        <f t="shared" si="103"/>
        <v>0</v>
      </c>
    </row>
    <row r="3318" spans="1:5" x14ac:dyDescent="0.25">
      <c r="A3318" s="1">
        <v>43694.083333333336</v>
      </c>
      <c r="B3318" s="2">
        <v>16.829999999999998</v>
      </c>
      <c r="C3318">
        <v>0</v>
      </c>
      <c r="D3318">
        <f t="shared" si="102"/>
        <v>0</v>
      </c>
      <c r="E3318" s="6">
        <f t="shared" si="103"/>
        <v>0</v>
      </c>
    </row>
    <row r="3319" spans="1:5" x14ac:dyDescent="0.25">
      <c r="A3319" s="1">
        <v>43694.125</v>
      </c>
      <c r="B3319" s="2">
        <v>15.45</v>
      </c>
      <c r="C3319">
        <v>0</v>
      </c>
      <c r="D3319">
        <f t="shared" si="102"/>
        <v>0</v>
      </c>
      <c r="E3319" s="6">
        <f t="shared" si="103"/>
        <v>0</v>
      </c>
    </row>
    <row r="3320" spans="1:5" x14ac:dyDescent="0.25">
      <c r="A3320" s="1">
        <v>43694.166666666664</v>
      </c>
      <c r="B3320" s="2">
        <v>14.78</v>
      </c>
      <c r="C3320">
        <v>0</v>
      </c>
      <c r="D3320">
        <f t="shared" si="102"/>
        <v>0</v>
      </c>
      <c r="E3320" s="6">
        <f t="shared" si="103"/>
        <v>0</v>
      </c>
    </row>
    <row r="3321" spans="1:5" x14ac:dyDescent="0.25">
      <c r="A3321" s="1">
        <v>43694.208333333336</v>
      </c>
      <c r="B3321" s="2">
        <v>15.21</v>
      </c>
      <c r="C3321">
        <v>0</v>
      </c>
      <c r="D3321">
        <f t="shared" si="102"/>
        <v>0</v>
      </c>
      <c r="E3321" s="6">
        <f t="shared" si="103"/>
        <v>0</v>
      </c>
    </row>
    <row r="3322" spans="1:5" x14ac:dyDescent="0.25">
      <c r="A3322" s="1">
        <v>43694.25</v>
      </c>
      <c r="B3322" s="2">
        <v>15.16</v>
      </c>
      <c r="C3322">
        <v>0</v>
      </c>
      <c r="D3322">
        <f t="shared" si="102"/>
        <v>0</v>
      </c>
      <c r="E3322" s="6">
        <f t="shared" si="103"/>
        <v>0</v>
      </c>
    </row>
    <row r="3323" spans="1:5" x14ac:dyDescent="0.25">
      <c r="A3323" s="1">
        <v>43694.291666666664</v>
      </c>
      <c r="B3323" s="2">
        <v>17.55</v>
      </c>
      <c r="C3323">
        <v>0.25952600000000003</v>
      </c>
      <c r="D3323">
        <f t="shared" si="102"/>
        <v>2.5952600000000005E-4</v>
      </c>
      <c r="E3323" s="6">
        <f t="shared" si="103"/>
        <v>4.5546813000000011E-3</v>
      </c>
    </row>
    <row r="3324" spans="1:5" x14ac:dyDescent="0.25">
      <c r="A3324" s="1">
        <v>43694.333333333336</v>
      </c>
      <c r="B3324" s="2">
        <v>18.95</v>
      </c>
      <c r="C3324">
        <v>1.6936579999999999</v>
      </c>
      <c r="D3324">
        <f t="shared" si="102"/>
        <v>1.6936579999999998E-3</v>
      </c>
      <c r="E3324" s="6">
        <f t="shared" si="103"/>
        <v>3.2094819099999998E-2</v>
      </c>
    </row>
    <row r="3325" spans="1:5" x14ac:dyDescent="0.25">
      <c r="A3325" s="1">
        <v>43694.375</v>
      </c>
      <c r="B3325" s="2">
        <v>20.74</v>
      </c>
      <c r="C3325">
        <v>2.9793080000000001</v>
      </c>
      <c r="D3325">
        <f t="shared" si="102"/>
        <v>2.979308E-3</v>
      </c>
      <c r="E3325" s="6">
        <f t="shared" si="103"/>
        <v>6.1790847919999996E-2</v>
      </c>
    </row>
    <row r="3326" spans="1:5" x14ac:dyDescent="0.25">
      <c r="A3326" s="1">
        <v>43694.416666666664</v>
      </c>
      <c r="B3326" s="2">
        <v>23.47</v>
      </c>
      <c r="C3326">
        <v>4.3261540000000007</v>
      </c>
      <c r="D3326">
        <f t="shared" si="102"/>
        <v>4.3261540000000005E-3</v>
      </c>
      <c r="E3326" s="6">
        <f t="shared" si="103"/>
        <v>0.10153483438000001</v>
      </c>
    </row>
    <row r="3327" spans="1:5" x14ac:dyDescent="0.25">
      <c r="A3327" s="1">
        <v>43694.458333333336</v>
      </c>
      <c r="B3327" s="2">
        <v>25.88</v>
      </c>
      <c r="C3327">
        <v>5.0156099999999997</v>
      </c>
      <c r="D3327">
        <f t="shared" si="102"/>
        <v>5.0156099999999993E-3</v>
      </c>
      <c r="E3327" s="6">
        <f t="shared" si="103"/>
        <v>0.12980398679999997</v>
      </c>
    </row>
    <row r="3328" spans="1:5" x14ac:dyDescent="0.25">
      <c r="A3328" s="1">
        <v>43694.5</v>
      </c>
      <c r="B3328" s="2">
        <v>29.51</v>
      </c>
      <c r="C3328">
        <v>5.8534840000000008</v>
      </c>
      <c r="D3328">
        <f t="shared" si="102"/>
        <v>5.8534840000000008E-3</v>
      </c>
      <c r="E3328" s="6">
        <f t="shared" si="103"/>
        <v>0.17273631284000004</v>
      </c>
    </row>
    <row r="3329" spans="1:5" x14ac:dyDescent="0.25">
      <c r="A3329" s="1">
        <v>43694.541666666664</v>
      </c>
      <c r="B3329" s="2">
        <v>32.18</v>
      </c>
      <c r="C3329">
        <v>6.1233559999999994</v>
      </c>
      <c r="D3329">
        <f t="shared" si="102"/>
        <v>6.1233559999999991E-3</v>
      </c>
      <c r="E3329" s="6">
        <f t="shared" si="103"/>
        <v>0.19704959607999997</v>
      </c>
    </row>
    <row r="3330" spans="1:5" x14ac:dyDescent="0.25">
      <c r="A3330" s="1">
        <v>43694.583333333336</v>
      </c>
      <c r="B3330" s="2">
        <v>33.479999999999997</v>
      </c>
      <c r="C3330">
        <v>4.5015159999999996</v>
      </c>
      <c r="D3330">
        <f t="shared" si="102"/>
        <v>4.5015159999999997E-3</v>
      </c>
      <c r="E3330" s="6">
        <f t="shared" si="103"/>
        <v>0.15071075567999997</v>
      </c>
    </row>
    <row r="3331" spans="1:5" x14ac:dyDescent="0.25">
      <c r="A3331" s="1">
        <v>43694.625</v>
      </c>
      <c r="B3331" s="2">
        <v>36.65</v>
      </c>
      <c r="C3331">
        <v>1.3590309999999999</v>
      </c>
      <c r="D3331">
        <f t="shared" si="102"/>
        <v>1.3590309999999999E-3</v>
      </c>
      <c r="E3331" s="6">
        <f t="shared" si="103"/>
        <v>4.9808486149999998E-2</v>
      </c>
    </row>
    <row r="3332" spans="1:5" x14ac:dyDescent="0.25">
      <c r="A3332" s="1">
        <v>43694.666666666664</v>
      </c>
      <c r="B3332" s="2">
        <v>42.58</v>
      </c>
      <c r="C3332">
        <v>2.7067759999999996</v>
      </c>
      <c r="D3332">
        <f t="shared" si="102"/>
        <v>2.7067759999999997E-3</v>
      </c>
      <c r="E3332" s="6">
        <f t="shared" si="103"/>
        <v>0.11525452207999998</v>
      </c>
    </row>
    <row r="3333" spans="1:5" x14ac:dyDescent="0.25">
      <c r="A3333" s="1">
        <v>43694.708333333336</v>
      </c>
      <c r="B3333" s="2">
        <v>42.59</v>
      </c>
      <c r="C3333">
        <v>2.9789140000000001</v>
      </c>
      <c r="D3333">
        <f t="shared" si="102"/>
        <v>2.978914E-3</v>
      </c>
      <c r="E3333" s="6">
        <f t="shared" si="103"/>
        <v>0.12687194726000001</v>
      </c>
    </row>
    <row r="3334" spans="1:5" x14ac:dyDescent="0.25">
      <c r="A3334" s="1">
        <v>43694.75</v>
      </c>
      <c r="B3334" s="2">
        <v>34.950000000000003</v>
      </c>
      <c r="C3334">
        <v>1.562975</v>
      </c>
      <c r="D3334">
        <f t="shared" ref="D3334:D3397" si="104">C3334/1000</f>
        <v>1.5629750000000001E-3</v>
      </c>
      <c r="E3334" s="6">
        <f t="shared" ref="E3334:E3397" si="105">D3334*B3334</f>
        <v>5.4625976250000007E-2</v>
      </c>
    </row>
    <row r="3335" spans="1:5" x14ac:dyDescent="0.25">
      <c r="A3335" s="1">
        <v>43694.791666666664</v>
      </c>
      <c r="B3335" s="2">
        <v>29.7</v>
      </c>
      <c r="C3335">
        <v>0.44967099999999999</v>
      </c>
      <c r="D3335">
        <f t="shared" si="104"/>
        <v>4.4967100000000001E-4</v>
      </c>
      <c r="E3335" s="6">
        <f t="shared" si="105"/>
        <v>1.3355228699999999E-2</v>
      </c>
    </row>
    <row r="3336" spans="1:5" x14ac:dyDescent="0.25">
      <c r="A3336" s="1">
        <v>43694.833333333336</v>
      </c>
      <c r="B3336" s="2">
        <v>28.28</v>
      </c>
      <c r="C3336">
        <v>0</v>
      </c>
      <c r="D3336">
        <f t="shared" si="104"/>
        <v>0</v>
      </c>
      <c r="E3336" s="6">
        <f t="shared" si="105"/>
        <v>0</v>
      </c>
    </row>
    <row r="3337" spans="1:5" x14ac:dyDescent="0.25">
      <c r="A3337" s="1">
        <v>43694.875</v>
      </c>
      <c r="B3337" s="2">
        <v>25.41</v>
      </c>
      <c r="C3337">
        <v>0</v>
      </c>
      <c r="D3337">
        <f t="shared" si="104"/>
        <v>0</v>
      </c>
      <c r="E3337" s="6">
        <f t="shared" si="105"/>
        <v>0</v>
      </c>
    </row>
    <row r="3338" spans="1:5" x14ac:dyDescent="0.25">
      <c r="A3338" s="1">
        <v>43694.916666666664</v>
      </c>
      <c r="B3338" s="2">
        <v>22.32</v>
      </c>
      <c r="C3338">
        <v>0</v>
      </c>
      <c r="D3338">
        <f t="shared" si="104"/>
        <v>0</v>
      </c>
      <c r="E3338" s="6">
        <f t="shared" si="105"/>
        <v>0</v>
      </c>
    </row>
    <row r="3339" spans="1:5" x14ac:dyDescent="0.25">
      <c r="A3339" s="1">
        <v>43694.958333333336</v>
      </c>
      <c r="B3339" s="2">
        <v>20.38</v>
      </c>
      <c r="C3339">
        <v>0</v>
      </c>
      <c r="D3339">
        <f t="shared" si="104"/>
        <v>0</v>
      </c>
      <c r="E3339" s="6">
        <f t="shared" si="105"/>
        <v>0</v>
      </c>
    </row>
    <row r="3340" spans="1:5" x14ac:dyDescent="0.25">
      <c r="A3340" s="1">
        <v>43695</v>
      </c>
      <c r="B3340" s="2">
        <v>18.57</v>
      </c>
      <c r="C3340">
        <v>0</v>
      </c>
      <c r="D3340">
        <f t="shared" si="104"/>
        <v>0</v>
      </c>
      <c r="E3340" s="6">
        <f t="shared" si="105"/>
        <v>0</v>
      </c>
    </row>
    <row r="3341" spans="1:5" x14ac:dyDescent="0.25">
      <c r="A3341" s="1">
        <v>43695.041666666664</v>
      </c>
      <c r="B3341" s="2">
        <v>16.920000000000002</v>
      </c>
      <c r="C3341">
        <v>0</v>
      </c>
      <c r="D3341">
        <f t="shared" si="104"/>
        <v>0</v>
      </c>
      <c r="E3341" s="6">
        <f t="shared" si="105"/>
        <v>0</v>
      </c>
    </row>
    <row r="3342" spans="1:5" x14ac:dyDescent="0.25">
      <c r="A3342" s="1">
        <v>43695.083333333336</v>
      </c>
      <c r="B3342" s="2">
        <v>14.88</v>
      </c>
      <c r="C3342">
        <v>0</v>
      </c>
      <c r="D3342">
        <f t="shared" si="104"/>
        <v>0</v>
      </c>
      <c r="E3342" s="6">
        <f t="shared" si="105"/>
        <v>0</v>
      </c>
    </row>
    <row r="3343" spans="1:5" x14ac:dyDescent="0.25">
      <c r="A3343" s="1">
        <v>43695.125</v>
      </c>
      <c r="B3343" s="2">
        <v>14.52</v>
      </c>
      <c r="C3343">
        <v>0</v>
      </c>
      <c r="D3343">
        <f t="shared" si="104"/>
        <v>0</v>
      </c>
      <c r="E3343" s="6">
        <f t="shared" si="105"/>
        <v>0</v>
      </c>
    </row>
    <row r="3344" spans="1:5" x14ac:dyDescent="0.25">
      <c r="A3344" s="1">
        <v>43695.166666666664</v>
      </c>
      <c r="B3344" s="2">
        <v>14.04</v>
      </c>
      <c r="C3344">
        <v>0</v>
      </c>
      <c r="D3344">
        <f t="shared" si="104"/>
        <v>0</v>
      </c>
      <c r="E3344" s="6">
        <f t="shared" si="105"/>
        <v>0</v>
      </c>
    </row>
    <row r="3345" spans="1:5" x14ac:dyDescent="0.25">
      <c r="A3345" s="1">
        <v>43695.208333333336</v>
      </c>
      <c r="B3345" s="2">
        <v>13.89</v>
      </c>
      <c r="C3345">
        <v>0</v>
      </c>
      <c r="D3345">
        <f t="shared" si="104"/>
        <v>0</v>
      </c>
      <c r="E3345" s="6">
        <f t="shared" si="105"/>
        <v>0</v>
      </c>
    </row>
    <row r="3346" spans="1:5" x14ac:dyDescent="0.25">
      <c r="A3346" s="1">
        <v>43695.25</v>
      </c>
      <c r="B3346" s="2">
        <v>13.73</v>
      </c>
      <c r="C3346">
        <v>0</v>
      </c>
      <c r="D3346">
        <f t="shared" si="104"/>
        <v>0</v>
      </c>
      <c r="E3346" s="6">
        <f t="shared" si="105"/>
        <v>0</v>
      </c>
    </row>
    <row r="3347" spans="1:5" x14ac:dyDescent="0.25">
      <c r="A3347" s="1">
        <v>43695.291666666664</v>
      </c>
      <c r="B3347" s="2">
        <v>14.34</v>
      </c>
      <c r="C3347">
        <v>4.2155999999999999E-2</v>
      </c>
      <c r="D3347">
        <f t="shared" si="104"/>
        <v>4.2156000000000001E-5</v>
      </c>
      <c r="E3347" s="6">
        <f t="shared" si="105"/>
        <v>6.0451704E-4</v>
      </c>
    </row>
    <row r="3348" spans="1:5" x14ac:dyDescent="0.25">
      <c r="A3348" s="1">
        <v>43695.333333333336</v>
      </c>
      <c r="B3348" s="2">
        <v>16.940000000000001</v>
      </c>
      <c r="C3348">
        <v>0.31867299999999998</v>
      </c>
      <c r="D3348">
        <f t="shared" si="104"/>
        <v>3.18673E-4</v>
      </c>
      <c r="E3348" s="6">
        <f t="shared" si="105"/>
        <v>5.3983206200000008E-3</v>
      </c>
    </row>
    <row r="3349" spans="1:5" x14ac:dyDescent="0.25">
      <c r="A3349" s="1">
        <v>43695.375</v>
      </c>
      <c r="B3349" s="2">
        <v>20.3</v>
      </c>
      <c r="C3349">
        <v>1.45807</v>
      </c>
      <c r="D3349">
        <f t="shared" si="104"/>
        <v>1.4580699999999999E-3</v>
      </c>
      <c r="E3349" s="6">
        <f t="shared" si="105"/>
        <v>2.9598820999999997E-2</v>
      </c>
    </row>
    <row r="3350" spans="1:5" x14ac:dyDescent="0.25">
      <c r="A3350" s="1">
        <v>43695.416666666664</v>
      </c>
      <c r="B3350" s="2">
        <v>22.65</v>
      </c>
      <c r="C3350">
        <v>3.437535</v>
      </c>
      <c r="D3350">
        <f t="shared" si="104"/>
        <v>3.4375349999999998E-3</v>
      </c>
      <c r="E3350" s="6">
        <f t="shared" si="105"/>
        <v>7.7860167749999987E-2</v>
      </c>
    </row>
    <row r="3351" spans="1:5" x14ac:dyDescent="0.25">
      <c r="A3351" s="1">
        <v>43695.458333333336</v>
      </c>
      <c r="B3351" s="2">
        <v>24.21</v>
      </c>
      <c r="C3351">
        <v>4.1281809999999997</v>
      </c>
      <c r="D3351">
        <f t="shared" si="104"/>
        <v>4.1281809999999999E-3</v>
      </c>
      <c r="E3351" s="6">
        <f t="shared" si="105"/>
        <v>9.9943262010000006E-2</v>
      </c>
    </row>
    <row r="3352" spans="1:5" x14ac:dyDescent="0.25">
      <c r="A3352" s="1">
        <v>43695.5</v>
      </c>
      <c r="B3352" s="2">
        <v>27.05</v>
      </c>
      <c r="C3352">
        <v>4.1593239999999998</v>
      </c>
      <c r="D3352">
        <f t="shared" si="104"/>
        <v>4.1593239999999998E-3</v>
      </c>
      <c r="E3352" s="6">
        <f t="shared" si="105"/>
        <v>0.1125097142</v>
      </c>
    </row>
    <row r="3353" spans="1:5" x14ac:dyDescent="0.25">
      <c r="A3353" s="1">
        <v>43695.541666666664</v>
      </c>
      <c r="B3353" s="2">
        <v>29.93</v>
      </c>
      <c r="C3353">
        <v>3.890949</v>
      </c>
      <c r="D3353">
        <f t="shared" si="104"/>
        <v>3.8909489999999999E-3</v>
      </c>
      <c r="E3353" s="6">
        <f t="shared" si="105"/>
        <v>0.11645610357</v>
      </c>
    </row>
    <row r="3354" spans="1:5" x14ac:dyDescent="0.25">
      <c r="A3354" s="1">
        <v>43695.583333333336</v>
      </c>
      <c r="B3354" s="2">
        <v>31.08</v>
      </c>
      <c r="C3354">
        <v>5.3584639999999997</v>
      </c>
      <c r="D3354">
        <f t="shared" si="104"/>
        <v>5.3584639999999994E-3</v>
      </c>
      <c r="E3354" s="6">
        <f t="shared" si="105"/>
        <v>0.16654106111999997</v>
      </c>
    </row>
    <row r="3355" spans="1:5" x14ac:dyDescent="0.25">
      <c r="A3355" s="1">
        <v>43695.625</v>
      </c>
      <c r="B3355" s="2">
        <v>32.909999999999997</v>
      </c>
      <c r="C3355">
        <v>4.0372899999999996</v>
      </c>
      <c r="D3355">
        <f t="shared" si="104"/>
        <v>4.0372899999999998E-3</v>
      </c>
      <c r="E3355" s="6">
        <f t="shared" si="105"/>
        <v>0.13286721389999998</v>
      </c>
    </row>
    <row r="3356" spans="1:5" x14ac:dyDescent="0.25">
      <c r="A3356" s="1">
        <v>43695.666666666664</v>
      </c>
      <c r="B3356" s="2">
        <v>39.71</v>
      </c>
      <c r="C3356">
        <v>4.0463529999999999</v>
      </c>
      <c r="D3356">
        <f t="shared" si="104"/>
        <v>4.0463529999999999E-3</v>
      </c>
      <c r="E3356" s="6">
        <f t="shared" si="105"/>
        <v>0.16068067762999999</v>
      </c>
    </row>
    <row r="3357" spans="1:5" x14ac:dyDescent="0.25">
      <c r="A3357" s="1">
        <v>43695.708333333336</v>
      </c>
      <c r="B3357" s="2">
        <v>41.41</v>
      </c>
      <c r="C3357">
        <v>0.15414900000000001</v>
      </c>
      <c r="D3357">
        <f t="shared" si="104"/>
        <v>1.5414900000000002E-4</v>
      </c>
      <c r="E3357" s="6">
        <f t="shared" si="105"/>
        <v>6.3833100900000002E-3</v>
      </c>
    </row>
    <row r="3358" spans="1:5" x14ac:dyDescent="0.25">
      <c r="A3358" s="1">
        <v>43695.75</v>
      </c>
      <c r="B3358" s="2">
        <v>32.72</v>
      </c>
      <c r="C3358">
        <v>1.281485</v>
      </c>
      <c r="D3358">
        <f t="shared" si="104"/>
        <v>1.281485E-3</v>
      </c>
      <c r="E3358" s="6">
        <f t="shared" si="105"/>
        <v>4.1930189199999995E-2</v>
      </c>
    </row>
    <row r="3359" spans="1:5" x14ac:dyDescent="0.25">
      <c r="A3359" s="1">
        <v>43695.791666666664</v>
      </c>
      <c r="B3359" s="2">
        <v>30.4</v>
      </c>
      <c r="C3359">
        <v>0.392179</v>
      </c>
      <c r="D3359">
        <f t="shared" si="104"/>
        <v>3.9217899999999999E-4</v>
      </c>
      <c r="E3359" s="6">
        <f t="shared" si="105"/>
        <v>1.1922241599999999E-2</v>
      </c>
    </row>
    <row r="3360" spans="1:5" x14ac:dyDescent="0.25">
      <c r="A3360" s="1">
        <v>43695.833333333336</v>
      </c>
      <c r="B3360" s="2">
        <v>29.6</v>
      </c>
      <c r="C3360">
        <v>0</v>
      </c>
      <c r="D3360">
        <f t="shared" si="104"/>
        <v>0</v>
      </c>
      <c r="E3360" s="6">
        <f t="shared" si="105"/>
        <v>0</v>
      </c>
    </row>
    <row r="3361" spans="1:5" x14ac:dyDescent="0.25">
      <c r="A3361" s="1">
        <v>43695.875</v>
      </c>
      <c r="B3361" s="2">
        <v>25.29</v>
      </c>
      <c r="C3361">
        <v>0</v>
      </c>
      <c r="D3361">
        <f t="shared" si="104"/>
        <v>0</v>
      </c>
      <c r="E3361" s="6">
        <f t="shared" si="105"/>
        <v>0</v>
      </c>
    </row>
    <row r="3362" spans="1:5" x14ac:dyDescent="0.25">
      <c r="A3362" s="1">
        <v>43695.916666666664</v>
      </c>
      <c r="B3362" s="2">
        <v>22.62</v>
      </c>
      <c r="C3362">
        <v>0</v>
      </c>
      <c r="D3362">
        <f t="shared" si="104"/>
        <v>0</v>
      </c>
      <c r="E3362" s="6">
        <f t="shared" si="105"/>
        <v>0</v>
      </c>
    </row>
    <row r="3363" spans="1:5" x14ac:dyDescent="0.25">
      <c r="A3363" s="1">
        <v>43695.958333333336</v>
      </c>
      <c r="B3363" s="2">
        <v>21.03</v>
      </c>
      <c r="C3363">
        <v>0</v>
      </c>
      <c r="D3363">
        <f t="shared" si="104"/>
        <v>0</v>
      </c>
      <c r="E3363" s="6">
        <f t="shared" si="105"/>
        <v>0</v>
      </c>
    </row>
    <row r="3364" spans="1:5" x14ac:dyDescent="0.25">
      <c r="A3364" s="1">
        <v>43696</v>
      </c>
      <c r="B3364" s="2">
        <v>20.88</v>
      </c>
      <c r="C3364">
        <v>0</v>
      </c>
      <c r="D3364">
        <f t="shared" si="104"/>
        <v>0</v>
      </c>
      <c r="E3364" s="6">
        <f t="shared" si="105"/>
        <v>0</v>
      </c>
    </row>
    <row r="3365" spans="1:5" x14ac:dyDescent="0.25">
      <c r="A3365" s="1">
        <v>43696.041666666664</v>
      </c>
      <c r="B3365" s="2">
        <v>19.52</v>
      </c>
      <c r="C3365">
        <v>0</v>
      </c>
      <c r="D3365">
        <f t="shared" si="104"/>
        <v>0</v>
      </c>
      <c r="E3365" s="6">
        <f t="shared" si="105"/>
        <v>0</v>
      </c>
    </row>
    <row r="3366" spans="1:5" x14ac:dyDescent="0.25">
      <c r="A3366" s="1">
        <v>43696.083333333336</v>
      </c>
      <c r="B3366" s="2">
        <v>18.22</v>
      </c>
      <c r="C3366">
        <v>0</v>
      </c>
      <c r="D3366">
        <f t="shared" si="104"/>
        <v>0</v>
      </c>
      <c r="E3366" s="6">
        <f t="shared" si="105"/>
        <v>0</v>
      </c>
    </row>
    <row r="3367" spans="1:5" x14ac:dyDescent="0.25">
      <c r="A3367" s="1">
        <v>43696.125</v>
      </c>
      <c r="B3367" s="2">
        <v>16.78</v>
      </c>
      <c r="C3367">
        <v>0</v>
      </c>
      <c r="D3367">
        <f t="shared" si="104"/>
        <v>0</v>
      </c>
      <c r="E3367" s="6">
        <f t="shared" si="105"/>
        <v>0</v>
      </c>
    </row>
    <row r="3368" spans="1:5" x14ac:dyDescent="0.25">
      <c r="A3368" s="1">
        <v>43696.166666666664</v>
      </c>
      <c r="B3368" s="2">
        <v>17.34</v>
      </c>
      <c r="C3368">
        <v>0</v>
      </c>
      <c r="D3368">
        <f t="shared" si="104"/>
        <v>0</v>
      </c>
      <c r="E3368" s="6">
        <f t="shared" si="105"/>
        <v>0</v>
      </c>
    </row>
    <row r="3369" spans="1:5" x14ac:dyDescent="0.25">
      <c r="A3369" s="1">
        <v>43696.208333333336</v>
      </c>
      <c r="B3369" s="2">
        <v>18.89</v>
      </c>
      <c r="C3369">
        <v>0</v>
      </c>
      <c r="D3369">
        <f t="shared" si="104"/>
        <v>0</v>
      </c>
      <c r="E3369" s="6">
        <f t="shared" si="105"/>
        <v>0</v>
      </c>
    </row>
    <row r="3370" spans="1:5" x14ac:dyDescent="0.25">
      <c r="A3370" s="1">
        <v>43696.25</v>
      </c>
      <c r="B3370" s="2">
        <v>20.65</v>
      </c>
      <c r="C3370">
        <v>0</v>
      </c>
      <c r="D3370">
        <f t="shared" si="104"/>
        <v>0</v>
      </c>
      <c r="E3370" s="6">
        <f t="shared" si="105"/>
        <v>0</v>
      </c>
    </row>
    <row r="3371" spans="1:5" x14ac:dyDescent="0.25">
      <c r="A3371" s="1">
        <v>43696.291666666664</v>
      </c>
      <c r="B3371" s="2">
        <v>20.91</v>
      </c>
      <c r="C3371">
        <v>0.190662</v>
      </c>
      <c r="D3371">
        <f t="shared" si="104"/>
        <v>1.90662E-4</v>
      </c>
      <c r="E3371" s="6">
        <f t="shared" si="105"/>
        <v>3.9867424199999998E-3</v>
      </c>
    </row>
    <row r="3372" spans="1:5" x14ac:dyDescent="0.25">
      <c r="A3372" s="1">
        <v>43696.333333333336</v>
      </c>
      <c r="B3372" s="2">
        <v>22.65</v>
      </c>
      <c r="C3372">
        <v>0.85734900000000003</v>
      </c>
      <c r="D3372">
        <f t="shared" si="104"/>
        <v>8.5734899999999998E-4</v>
      </c>
      <c r="E3372" s="6">
        <f t="shared" si="105"/>
        <v>1.941895485E-2</v>
      </c>
    </row>
    <row r="3373" spans="1:5" x14ac:dyDescent="0.25">
      <c r="A3373" s="1">
        <v>43696.375</v>
      </c>
      <c r="B3373" s="2">
        <v>25.73</v>
      </c>
      <c r="C3373">
        <v>2.0314779999999999</v>
      </c>
      <c r="D3373">
        <f t="shared" si="104"/>
        <v>2.0314779999999998E-3</v>
      </c>
      <c r="E3373" s="6">
        <f t="shared" si="105"/>
        <v>5.2269928939999995E-2</v>
      </c>
    </row>
    <row r="3374" spans="1:5" x14ac:dyDescent="0.25">
      <c r="A3374" s="1">
        <v>43696.416666666664</v>
      </c>
      <c r="B3374" s="2">
        <v>33.29</v>
      </c>
      <c r="C3374">
        <v>2.0767469999999997</v>
      </c>
      <c r="D3374">
        <f t="shared" si="104"/>
        <v>2.0767469999999999E-3</v>
      </c>
      <c r="E3374" s="6">
        <f t="shared" si="105"/>
        <v>6.9134907629999992E-2</v>
      </c>
    </row>
    <row r="3375" spans="1:5" x14ac:dyDescent="0.25">
      <c r="A3375" s="1">
        <v>43696.458333333336</v>
      </c>
      <c r="B3375" s="2">
        <v>35.75</v>
      </c>
      <c r="C3375">
        <v>2.4324330000000001</v>
      </c>
      <c r="D3375">
        <f t="shared" si="104"/>
        <v>2.4324329999999999E-3</v>
      </c>
      <c r="E3375" s="6">
        <f t="shared" si="105"/>
        <v>8.6959479749999999E-2</v>
      </c>
    </row>
    <row r="3376" spans="1:5" x14ac:dyDescent="0.25">
      <c r="A3376" s="1">
        <v>43696.5</v>
      </c>
      <c r="B3376" s="2">
        <v>39.979999999999997</v>
      </c>
      <c r="C3376">
        <v>3.8557609999999998</v>
      </c>
      <c r="D3376">
        <f t="shared" si="104"/>
        <v>3.8557609999999997E-3</v>
      </c>
      <c r="E3376" s="6">
        <f t="shared" si="105"/>
        <v>0.15415332477999996</v>
      </c>
    </row>
    <row r="3377" spans="1:5" x14ac:dyDescent="0.25">
      <c r="A3377" s="1">
        <v>43696.541666666664</v>
      </c>
      <c r="B3377" s="2">
        <v>42.33</v>
      </c>
      <c r="C3377">
        <v>4.5794799999999993</v>
      </c>
      <c r="D3377">
        <f t="shared" si="104"/>
        <v>4.5794799999999995E-3</v>
      </c>
      <c r="E3377" s="6">
        <f t="shared" si="105"/>
        <v>0.19384938839999996</v>
      </c>
    </row>
    <row r="3378" spans="1:5" x14ac:dyDescent="0.25">
      <c r="A3378" s="1">
        <v>43696.583333333336</v>
      </c>
      <c r="B3378" s="2">
        <v>47.4</v>
      </c>
      <c r="C3378">
        <v>5.0188810000000004</v>
      </c>
      <c r="D3378">
        <f t="shared" si="104"/>
        <v>5.0188810000000002E-3</v>
      </c>
      <c r="E3378" s="6">
        <f t="shared" si="105"/>
        <v>0.23789495939999999</v>
      </c>
    </row>
    <row r="3379" spans="1:5" x14ac:dyDescent="0.25">
      <c r="A3379" s="1">
        <v>43696.625</v>
      </c>
      <c r="B3379" s="2">
        <v>54.71</v>
      </c>
      <c r="C3379">
        <v>3.5870839999999999</v>
      </c>
      <c r="D3379">
        <f t="shared" si="104"/>
        <v>3.5870839999999999E-3</v>
      </c>
      <c r="E3379" s="6">
        <f t="shared" si="105"/>
        <v>0.19624936564000001</v>
      </c>
    </row>
    <row r="3380" spans="1:5" x14ac:dyDescent="0.25">
      <c r="A3380" s="1">
        <v>43696.666666666664</v>
      </c>
      <c r="B3380" s="2">
        <v>63.78</v>
      </c>
      <c r="C3380">
        <v>1.034076</v>
      </c>
      <c r="D3380">
        <f t="shared" si="104"/>
        <v>1.0340760000000001E-3</v>
      </c>
      <c r="E3380" s="6">
        <f t="shared" si="105"/>
        <v>6.5953367280000008E-2</v>
      </c>
    </row>
    <row r="3381" spans="1:5" x14ac:dyDescent="0.25">
      <c r="A3381" s="1">
        <v>43696.708333333336</v>
      </c>
      <c r="B3381" s="2">
        <v>58.16</v>
      </c>
      <c r="C3381">
        <v>2.9994560000000003</v>
      </c>
      <c r="D3381">
        <f t="shared" si="104"/>
        <v>2.9994560000000002E-3</v>
      </c>
      <c r="E3381" s="6">
        <f t="shared" si="105"/>
        <v>0.17444836095999999</v>
      </c>
    </row>
    <row r="3382" spans="1:5" x14ac:dyDescent="0.25">
      <c r="A3382" s="1">
        <v>43696.75</v>
      </c>
      <c r="B3382" s="2">
        <v>47.01</v>
      </c>
      <c r="C3382">
        <v>1.9455319999999998</v>
      </c>
      <c r="D3382">
        <f t="shared" si="104"/>
        <v>1.9455319999999998E-3</v>
      </c>
      <c r="E3382" s="6">
        <f t="shared" si="105"/>
        <v>9.1459459319999992E-2</v>
      </c>
    </row>
    <row r="3383" spans="1:5" x14ac:dyDescent="0.25">
      <c r="A3383" s="1">
        <v>43696.791666666664</v>
      </c>
      <c r="B3383" s="2">
        <v>37.340000000000003</v>
      </c>
      <c r="C3383">
        <v>0.42397699999999999</v>
      </c>
      <c r="D3383">
        <f t="shared" si="104"/>
        <v>4.2397699999999997E-4</v>
      </c>
      <c r="E3383" s="6">
        <f t="shared" si="105"/>
        <v>1.583130118E-2</v>
      </c>
    </row>
    <row r="3384" spans="1:5" x14ac:dyDescent="0.25">
      <c r="A3384" s="1">
        <v>43696.833333333336</v>
      </c>
      <c r="B3384" s="2">
        <v>36.200000000000003</v>
      </c>
      <c r="C3384">
        <v>0</v>
      </c>
      <c r="D3384">
        <f t="shared" si="104"/>
        <v>0</v>
      </c>
      <c r="E3384" s="6">
        <f t="shared" si="105"/>
        <v>0</v>
      </c>
    </row>
    <row r="3385" spans="1:5" x14ac:dyDescent="0.25">
      <c r="A3385" s="1">
        <v>43696.875</v>
      </c>
      <c r="B3385" s="2">
        <v>30.87</v>
      </c>
      <c r="C3385">
        <v>0</v>
      </c>
      <c r="D3385">
        <f t="shared" si="104"/>
        <v>0</v>
      </c>
      <c r="E3385" s="6">
        <f t="shared" si="105"/>
        <v>0</v>
      </c>
    </row>
    <row r="3386" spans="1:5" x14ac:dyDescent="0.25">
      <c r="A3386" s="1">
        <v>43696.916666666664</v>
      </c>
      <c r="B3386" s="2">
        <v>24.98</v>
      </c>
      <c r="C3386">
        <v>0</v>
      </c>
      <c r="D3386">
        <f t="shared" si="104"/>
        <v>0</v>
      </c>
      <c r="E3386" s="6">
        <f t="shared" si="105"/>
        <v>0</v>
      </c>
    </row>
    <row r="3387" spans="1:5" x14ac:dyDescent="0.25">
      <c r="A3387" s="1">
        <v>43696.958333333336</v>
      </c>
      <c r="B3387" s="2">
        <v>23.27</v>
      </c>
      <c r="C3387">
        <v>0</v>
      </c>
      <c r="D3387">
        <f t="shared" si="104"/>
        <v>0</v>
      </c>
      <c r="E3387" s="6">
        <f t="shared" si="105"/>
        <v>0</v>
      </c>
    </row>
    <row r="3388" spans="1:5" x14ac:dyDescent="0.25">
      <c r="A3388" s="1">
        <v>43697</v>
      </c>
      <c r="B3388" s="2">
        <v>20.68</v>
      </c>
      <c r="C3388">
        <v>0</v>
      </c>
      <c r="D3388">
        <f t="shared" si="104"/>
        <v>0</v>
      </c>
      <c r="E3388" s="6">
        <f t="shared" si="105"/>
        <v>0</v>
      </c>
    </row>
    <row r="3389" spans="1:5" x14ac:dyDescent="0.25">
      <c r="A3389" s="1">
        <v>43697.041666666664</v>
      </c>
      <c r="B3389" s="2">
        <v>19.25</v>
      </c>
      <c r="C3389">
        <v>0</v>
      </c>
      <c r="D3389">
        <f t="shared" si="104"/>
        <v>0</v>
      </c>
      <c r="E3389" s="6">
        <f t="shared" si="105"/>
        <v>0</v>
      </c>
    </row>
    <row r="3390" spans="1:5" x14ac:dyDescent="0.25">
      <c r="A3390" s="1">
        <v>43697.083333333336</v>
      </c>
      <c r="B3390" s="2">
        <v>17.63</v>
      </c>
      <c r="C3390">
        <v>0</v>
      </c>
      <c r="D3390">
        <f t="shared" si="104"/>
        <v>0</v>
      </c>
      <c r="E3390" s="6">
        <f t="shared" si="105"/>
        <v>0</v>
      </c>
    </row>
    <row r="3391" spans="1:5" x14ac:dyDescent="0.25">
      <c r="A3391" s="1">
        <v>43697.125</v>
      </c>
      <c r="B3391" s="2">
        <v>15.63</v>
      </c>
      <c r="C3391">
        <v>0</v>
      </c>
      <c r="D3391">
        <f t="shared" si="104"/>
        <v>0</v>
      </c>
      <c r="E3391" s="6">
        <f t="shared" si="105"/>
        <v>0</v>
      </c>
    </row>
    <row r="3392" spans="1:5" x14ac:dyDescent="0.25">
      <c r="A3392" s="1">
        <v>43697.166666666664</v>
      </c>
      <c r="B3392" s="2">
        <v>16.11</v>
      </c>
      <c r="C3392">
        <v>0</v>
      </c>
      <c r="D3392">
        <f t="shared" si="104"/>
        <v>0</v>
      </c>
      <c r="E3392" s="6">
        <f t="shared" si="105"/>
        <v>0</v>
      </c>
    </row>
    <row r="3393" spans="1:5" x14ac:dyDescent="0.25">
      <c r="A3393" s="1">
        <v>43697.208333333336</v>
      </c>
      <c r="B3393" s="2">
        <v>18.64</v>
      </c>
      <c r="C3393">
        <v>0</v>
      </c>
      <c r="D3393">
        <f t="shared" si="104"/>
        <v>0</v>
      </c>
      <c r="E3393" s="6">
        <f t="shared" si="105"/>
        <v>0</v>
      </c>
    </row>
    <row r="3394" spans="1:5" x14ac:dyDescent="0.25">
      <c r="A3394" s="1">
        <v>43697.25</v>
      </c>
      <c r="B3394" s="2">
        <v>20.83</v>
      </c>
      <c r="C3394">
        <v>0</v>
      </c>
      <c r="D3394">
        <f t="shared" si="104"/>
        <v>0</v>
      </c>
      <c r="E3394" s="6">
        <f t="shared" si="105"/>
        <v>0</v>
      </c>
    </row>
    <row r="3395" spans="1:5" x14ac:dyDescent="0.25">
      <c r="A3395" s="1">
        <v>43697.291666666664</v>
      </c>
      <c r="B3395" s="2">
        <v>20.84</v>
      </c>
      <c r="C3395">
        <v>0.23034299999999999</v>
      </c>
      <c r="D3395">
        <f t="shared" si="104"/>
        <v>2.3034299999999999E-4</v>
      </c>
      <c r="E3395" s="6">
        <f t="shared" si="105"/>
        <v>4.8003481199999998E-3</v>
      </c>
    </row>
    <row r="3396" spans="1:5" x14ac:dyDescent="0.25">
      <c r="A3396" s="1">
        <v>43697.333333333336</v>
      </c>
      <c r="B3396" s="2">
        <v>22.02</v>
      </c>
      <c r="C3396">
        <v>1.7029580000000002</v>
      </c>
      <c r="D3396">
        <f t="shared" si="104"/>
        <v>1.7029580000000003E-3</v>
      </c>
      <c r="E3396" s="6">
        <f t="shared" si="105"/>
        <v>3.7499135160000009E-2</v>
      </c>
    </row>
    <row r="3397" spans="1:5" x14ac:dyDescent="0.25">
      <c r="A3397" s="1">
        <v>43697.375</v>
      </c>
      <c r="B3397" s="2">
        <v>24.88</v>
      </c>
      <c r="C3397">
        <v>2.2412359999999998</v>
      </c>
      <c r="D3397">
        <f t="shared" si="104"/>
        <v>2.2412359999999997E-3</v>
      </c>
      <c r="E3397" s="6">
        <f t="shared" si="105"/>
        <v>5.5761951679999991E-2</v>
      </c>
    </row>
    <row r="3398" spans="1:5" x14ac:dyDescent="0.25">
      <c r="A3398" s="1">
        <v>43697.416666666664</v>
      </c>
      <c r="B3398" s="2">
        <v>28.26</v>
      </c>
      <c r="C3398">
        <v>4.3010479999999998</v>
      </c>
      <c r="D3398">
        <f t="shared" ref="D3398:D3461" si="106">C3398/1000</f>
        <v>4.301048E-3</v>
      </c>
      <c r="E3398" s="6">
        <f t="shared" ref="E3398:E3461" si="107">D3398*B3398</f>
        <v>0.12154761648000001</v>
      </c>
    </row>
    <row r="3399" spans="1:5" x14ac:dyDescent="0.25">
      <c r="A3399" s="1">
        <v>43697.458333333336</v>
      </c>
      <c r="B3399" s="2">
        <v>31.46</v>
      </c>
      <c r="C3399">
        <v>2.368449</v>
      </c>
      <c r="D3399">
        <f t="shared" si="106"/>
        <v>2.3684489999999999E-3</v>
      </c>
      <c r="E3399" s="6">
        <f t="shared" si="107"/>
        <v>7.4511405540000006E-2</v>
      </c>
    </row>
    <row r="3400" spans="1:5" x14ac:dyDescent="0.25">
      <c r="A3400" s="1">
        <v>43697.5</v>
      </c>
      <c r="B3400" s="2">
        <v>33.36</v>
      </c>
      <c r="C3400">
        <v>2.0119849999999997</v>
      </c>
      <c r="D3400">
        <f t="shared" si="106"/>
        <v>2.0119849999999996E-3</v>
      </c>
      <c r="E3400" s="6">
        <f t="shared" si="107"/>
        <v>6.7119819599999977E-2</v>
      </c>
    </row>
    <row r="3401" spans="1:5" x14ac:dyDescent="0.25">
      <c r="A3401" s="1">
        <v>43697.541666666664</v>
      </c>
      <c r="B3401" s="2">
        <v>38.07</v>
      </c>
      <c r="C3401">
        <v>5.9849269999999999</v>
      </c>
      <c r="D3401">
        <f t="shared" si="106"/>
        <v>5.9849270000000001E-3</v>
      </c>
      <c r="E3401" s="6">
        <f t="shared" si="107"/>
        <v>0.22784617089</v>
      </c>
    </row>
    <row r="3402" spans="1:5" x14ac:dyDescent="0.25">
      <c r="A3402" s="1">
        <v>43697.583333333336</v>
      </c>
      <c r="B3402" s="2">
        <v>43.61</v>
      </c>
      <c r="C3402">
        <v>5.8274099999999995</v>
      </c>
      <c r="D3402">
        <f t="shared" si="106"/>
        <v>5.8274099999999999E-3</v>
      </c>
      <c r="E3402" s="6">
        <f t="shared" si="107"/>
        <v>0.25413335009999999</v>
      </c>
    </row>
    <row r="3403" spans="1:5" x14ac:dyDescent="0.25">
      <c r="A3403" s="1">
        <v>43697.625</v>
      </c>
      <c r="B3403" s="2">
        <v>47.46</v>
      </c>
      <c r="C3403">
        <v>5.2490240000000004</v>
      </c>
      <c r="D3403">
        <f t="shared" si="106"/>
        <v>5.2490240000000006E-3</v>
      </c>
      <c r="E3403" s="6">
        <f t="shared" si="107"/>
        <v>0.24911867904000004</v>
      </c>
    </row>
    <row r="3404" spans="1:5" x14ac:dyDescent="0.25">
      <c r="A3404" s="1">
        <v>43697.666666666664</v>
      </c>
      <c r="B3404" s="2">
        <v>53.57</v>
      </c>
      <c r="C3404">
        <v>5.3217140000000001</v>
      </c>
      <c r="D3404">
        <f t="shared" si="106"/>
        <v>5.321714E-3</v>
      </c>
      <c r="E3404" s="6">
        <f t="shared" si="107"/>
        <v>0.28508421898000003</v>
      </c>
    </row>
    <row r="3405" spans="1:5" x14ac:dyDescent="0.25">
      <c r="A3405" s="1">
        <v>43697.708333333336</v>
      </c>
      <c r="B3405" s="2">
        <v>49.82</v>
      </c>
      <c r="C3405">
        <v>0.26228800000000002</v>
      </c>
      <c r="D3405">
        <f t="shared" si="106"/>
        <v>2.6228800000000001E-4</v>
      </c>
      <c r="E3405" s="6">
        <f t="shared" si="107"/>
        <v>1.306718816E-2</v>
      </c>
    </row>
    <row r="3406" spans="1:5" x14ac:dyDescent="0.25">
      <c r="A3406" s="1">
        <v>43697.75</v>
      </c>
      <c r="B3406" s="2">
        <v>41.46</v>
      </c>
      <c r="C3406">
        <v>3.2850000000000004E-2</v>
      </c>
      <c r="D3406">
        <f t="shared" si="106"/>
        <v>3.2850000000000006E-5</v>
      </c>
      <c r="E3406" s="6">
        <f t="shared" si="107"/>
        <v>1.3619610000000003E-3</v>
      </c>
    </row>
    <row r="3407" spans="1:5" x14ac:dyDescent="0.25">
      <c r="A3407" s="1">
        <v>43697.791666666664</v>
      </c>
      <c r="B3407" s="2">
        <v>33.61</v>
      </c>
      <c r="C3407">
        <v>0</v>
      </c>
      <c r="D3407">
        <f t="shared" si="106"/>
        <v>0</v>
      </c>
      <c r="E3407" s="6">
        <f t="shared" si="107"/>
        <v>0</v>
      </c>
    </row>
    <row r="3408" spans="1:5" x14ac:dyDescent="0.25">
      <c r="A3408" s="1">
        <v>43697.833333333336</v>
      </c>
      <c r="B3408" s="2">
        <v>30.88</v>
      </c>
      <c r="C3408">
        <v>0</v>
      </c>
      <c r="D3408">
        <f t="shared" si="106"/>
        <v>0</v>
      </c>
      <c r="E3408" s="6">
        <f t="shared" si="107"/>
        <v>0</v>
      </c>
    </row>
    <row r="3409" spans="1:5" x14ac:dyDescent="0.25">
      <c r="A3409" s="1">
        <v>43697.875</v>
      </c>
      <c r="B3409" s="2">
        <v>27.75</v>
      </c>
      <c r="C3409">
        <v>0</v>
      </c>
      <c r="D3409">
        <f t="shared" si="106"/>
        <v>0</v>
      </c>
      <c r="E3409" s="6">
        <f t="shared" si="107"/>
        <v>0</v>
      </c>
    </row>
    <row r="3410" spans="1:5" x14ac:dyDescent="0.25">
      <c r="A3410" s="1">
        <v>43697.916666666664</v>
      </c>
      <c r="B3410" s="2">
        <v>23.81</v>
      </c>
      <c r="C3410">
        <v>0</v>
      </c>
      <c r="D3410">
        <f t="shared" si="106"/>
        <v>0</v>
      </c>
      <c r="E3410" s="6">
        <f t="shared" si="107"/>
        <v>0</v>
      </c>
    </row>
    <row r="3411" spans="1:5" x14ac:dyDescent="0.25">
      <c r="A3411" s="1">
        <v>43697.958333333336</v>
      </c>
      <c r="B3411" s="2">
        <v>21.32</v>
      </c>
      <c r="C3411">
        <v>0</v>
      </c>
      <c r="D3411">
        <f t="shared" si="106"/>
        <v>0</v>
      </c>
      <c r="E3411" s="6">
        <f t="shared" si="107"/>
        <v>0</v>
      </c>
    </row>
    <row r="3412" spans="1:5" x14ac:dyDescent="0.25">
      <c r="A3412" s="1">
        <v>43698</v>
      </c>
      <c r="B3412" s="2">
        <v>21.07</v>
      </c>
      <c r="C3412">
        <v>0</v>
      </c>
      <c r="D3412">
        <f t="shared" si="106"/>
        <v>0</v>
      </c>
      <c r="E3412" s="6">
        <f t="shared" si="107"/>
        <v>0</v>
      </c>
    </row>
    <row r="3413" spans="1:5" x14ac:dyDescent="0.25">
      <c r="A3413" s="1">
        <v>43698.041666666664</v>
      </c>
      <c r="B3413" s="2">
        <v>19.579999999999998</v>
      </c>
      <c r="C3413">
        <v>0</v>
      </c>
      <c r="D3413">
        <f t="shared" si="106"/>
        <v>0</v>
      </c>
      <c r="E3413" s="6">
        <f t="shared" si="107"/>
        <v>0</v>
      </c>
    </row>
    <row r="3414" spans="1:5" x14ac:dyDescent="0.25">
      <c r="A3414" s="1">
        <v>43698.083333333336</v>
      </c>
      <c r="B3414" s="2">
        <v>18.5</v>
      </c>
      <c r="C3414">
        <v>0</v>
      </c>
      <c r="D3414">
        <f t="shared" si="106"/>
        <v>0</v>
      </c>
      <c r="E3414" s="6">
        <f t="shared" si="107"/>
        <v>0</v>
      </c>
    </row>
    <row r="3415" spans="1:5" x14ac:dyDescent="0.25">
      <c r="A3415" s="1">
        <v>43698.125</v>
      </c>
      <c r="B3415" s="2">
        <v>17.260000000000002</v>
      </c>
      <c r="C3415">
        <v>0</v>
      </c>
      <c r="D3415">
        <f t="shared" si="106"/>
        <v>0</v>
      </c>
      <c r="E3415" s="6">
        <f t="shared" si="107"/>
        <v>0</v>
      </c>
    </row>
    <row r="3416" spans="1:5" x14ac:dyDescent="0.25">
      <c r="A3416" s="1">
        <v>43698.166666666664</v>
      </c>
      <c r="B3416" s="2">
        <v>17.32</v>
      </c>
      <c r="C3416">
        <v>0</v>
      </c>
      <c r="D3416">
        <f t="shared" si="106"/>
        <v>0</v>
      </c>
      <c r="E3416" s="6">
        <f t="shared" si="107"/>
        <v>0</v>
      </c>
    </row>
    <row r="3417" spans="1:5" x14ac:dyDescent="0.25">
      <c r="A3417" s="1">
        <v>43698.208333333336</v>
      </c>
      <c r="B3417" s="2">
        <v>19.37</v>
      </c>
      <c r="C3417">
        <v>0</v>
      </c>
      <c r="D3417">
        <f t="shared" si="106"/>
        <v>0</v>
      </c>
      <c r="E3417" s="6">
        <f t="shared" si="107"/>
        <v>0</v>
      </c>
    </row>
    <row r="3418" spans="1:5" x14ac:dyDescent="0.25">
      <c r="A3418" s="1">
        <v>43698.25</v>
      </c>
      <c r="B3418" s="2">
        <v>21.25</v>
      </c>
      <c r="C3418">
        <v>0</v>
      </c>
      <c r="D3418">
        <f t="shared" si="106"/>
        <v>0</v>
      </c>
      <c r="E3418" s="6">
        <f t="shared" si="107"/>
        <v>0</v>
      </c>
    </row>
    <row r="3419" spans="1:5" x14ac:dyDescent="0.25">
      <c r="A3419" s="1">
        <v>43698.291666666664</v>
      </c>
      <c r="B3419" s="2">
        <v>21.8</v>
      </c>
      <c r="C3419">
        <v>7.778199999999999E-2</v>
      </c>
      <c r="D3419">
        <f t="shared" si="106"/>
        <v>7.7781999999999995E-5</v>
      </c>
      <c r="E3419" s="6">
        <f t="shared" si="107"/>
        <v>1.6956476E-3</v>
      </c>
    </row>
    <row r="3420" spans="1:5" x14ac:dyDescent="0.25">
      <c r="A3420" s="1">
        <v>43698.333333333336</v>
      </c>
      <c r="B3420" s="2">
        <v>22.53</v>
      </c>
      <c r="C3420">
        <v>0.47568900000000003</v>
      </c>
      <c r="D3420">
        <f t="shared" si="106"/>
        <v>4.7568900000000001E-4</v>
      </c>
      <c r="E3420" s="6">
        <f t="shared" si="107"/>
        <v>1.0717273170000001E-2</v>
      </c>
    </row>
    <row r="3421" spans="1:5" x14ac:dyDescent="0.25">
      <c r="A3421" s="1">
        <v>43698.375</v>
      </c>
      <c r="B3421" s="2">
        <v>25.08</v>
      </c>
      <c r="C3421">
        <v>0.91082399999999997</v>
      </c>
      <c r="D3421">
        <f t="shared" si="106"/>
        <v>9.1082399999999997E-4</v>
      </c>
      <c r="E3421" s="6">
        <f t="shared" si="107"/>
        <v>2.2843465919999997E-2</v>
      </c>
    </row>
    <row r="3422" spans="1:5" x14ac:dyDescent="0.25">
      <c r="A3422" s="1">
        <v>43698.416666666664</v>
      </c>
      <c r="B3422" s="2">
        <v>28.24</v>
      </c>
      <c r="C3422">
        <v>0.63575199999999998</v>
      </c>
      <c r="D3422">
        <f t="shared" si="106"/>
        <v>6.3575199999999995E-4</v>
      </c>
      <c r="E3422" s="6">
        <f t="shared" si="107"/>
        <v>1.7953636479999997E-2</v>
      </c>
    </row>
    <row r="3423" spans="1:5" x14ac:dyDescent="0.25">
      <c r="A3423" s="1">
        <v>43698.458333333336</v>
      </c>
      <c r="B3423" s="2">
        <v>32.409999999999997</v>
      </c>
      <c r="C3423">
        <v>0.96017600000000003</v>
      </c>
      <c r="D3423">
        <f t="shared" si="106"/>
        <v>9.6017599999999998E-4</v>
      </c>
      <c r="E3423" s="6">
        <f t="shared" si="107"/>
        <v>3.1119304159999996E-2</v>
      </c>
    </row>
    <row r="3424" spans="1:5" x14ac:dyDescent="0.25">
      <c r="A3424" s="1">
        <v>43698.5</v>
      </c>
      <c r="B3424" s="2">
        <v>35.71</v>
      </c>
      <c r="C3424">
        <v>2.3160400000000001</v>
      </c>
      <c r="D3424">
        <f t="shared" si="106"/>
        <v>2.3160400000000001E-3</v>
      </c>
      <c r="E3424" s="6">
        <f t="shared" si="107"/>
        <v>8.2705788400000008E-2</v>
      </c>
    </row>
    <row r="3425" spans="1:5" x14ac:dyDescent="0.25">
      <c r="A3425" s="1">
        <v>43698.541666666664</v>
      </c>
      <c r="B3425" s="2">
        <v>38.340000000000003</v>
      </c>
      <c r="C3425">
        <v>2.617855</v>
      </c>
      <c r="D3425">
        <f t="shared" si="106"/>
        <v>2.6178550000000001E-3</v>
      </c>
      <c r="E3425" s="6">
        <f t="shared" si="107"/>
        <v>0.10036856070000001</v>
      </c>
    </row>
    <row r="3426" spans="1:5" x14ac:dyDescent="0.25">
      <c r="A3426" s="1">
        <v>43698.583333333336</v>
      </c>
      <c r="B3426" s="2">
        <v>45.07</v>
      </c>
      <c r="C3426">
        <v>2.518408</v>
      </c>
      <c r="D3426">
        <f t="shared" si="106"/>
        <v>2.5184080000000002E-3</v>
      </c>
      <c r="E3426" s="6">
        <f t="shared" si="107"/>
        <v>0.11350464856</v>
      </c>
    </row>
    <row r="3427" spans="1:5" x14ac:dyDescent="0.25">
      <c r="A3427" s="1">
        <v>43698.625</v>
      </c>
      <c r="B3427" s="2">
        <v>48.5</v>
      </c>
      <c r="C3427">
        <v>2.4867220000000003</v>
      </c>
      <c r="D3427">
        <f t="shared" si="106"/>
        <v>2.4867220000000002E-3</v>
      </c>
      <c r="E3427" s="6">
        <f t="shared" si="107"/>
        <v>0.12060601700000001</v>
      </c>
    </row>
    <row r="3428" spans="1:5" x14ac:dyDescent="0.25">
      <c r="A3428" s="1">
        <v>43698.666666666664</v>
      </c>
      <c r="B3428" s="2">
        <v>52.36</v>
      </c>
      <c r="C3428">
        <v>5.5637059999999998</v>
      </c>
      <c r="D3428">
        <f t="shared" si="106"/>
        <v>5.5637059999999999E-3</v>
      </c>
      <c r="E3428" s="6">
        <f t="shared" si="107"/>
        <v>0.29131564616</v>
      </c>
    </row>
    <row r="3429" spans="1:5" x14ac:dyDescent="0.25">
      <c r="A3429" s="1">
        <v>43698.708333333336</v>
      </c>
      <c r="B3429" s="2">
        <v>49.63</v>
      </c>
      <c r="C3429">
        <v>3.990119</v>
      </c>
      <c r="D3429">
        <f t="shared" si="106"/>
        <v>3.9901190000000003E-3</v>
      </c>
      <c r="E3429" s="6">
        <f t="shared" si="107"/>
        <v>0.19802960597000002</v>
      </c>
    </row>
    <row r="3430" spans="1:5" x14ac:dyDescent="0.25">
      <c r="A3430" s="1">
        <v>43698.75</v>
      </c>
      <c r="B3430" s="2">
        <v>41.36</v>
      </c>
      <c r="C3430">
        <v>2.1320060000000001</v>
      </c>
      <c r="D3430">
        <f t="shared" si="106"/>
        <v>2.1320060000000001E-3</v>
      </c>
      <c r="E3430" s="6">
        <f t="shared" si="107"/>
        <v>8.8179768160000005E-2</v>
      </c>
    </row>
    <row r="3431" spans="1:5" x14ac:dyDescent="0.25">
      <c r="A3431" s="1">
        <v>43698.791666666664</v>
      </c>
      <c r="B3431" s="2">
        <v>35.19</v>
      </c>
      <c r="C3431">
        <v>0.38562400000000002</v>
      </c>
      <c r="D3431">
        <f t="shared" si="106"/>
        <v>3.8562400000000005E-4</v>
      </c>
      <c r="E3431" s="6">
        <f t="shared" si="107"/>
        <v>1.357010856E-2</v>
      </c>
    </row>
    <row r="3432" spans="1:5" x14ac:dyDescent="0.25">
      <c r="A3432" s="1">
        <v>43698.833333333336</v>
      </c>
      <c r="B3432" s="2">
        <v>33.75</v>
      </c>
      <c r="C3432">
        <v>0</v>
      </c>
      <c r="D3432">
        <f t="shared" si="106"/>
        <v>0</v>
      </c>
      <c r="E3432" s="6">
        <f t="shared" si="107"/>
        <v>0</v>
      </c>
    </row>
    <row r="3433" spans="1:5" x14ac:dyDescent="0.25">
      <c r="A3433" s="1">
        <v>43698.875</v>
      </c>
      <c r="B3433" s="2">
        <v>27.41</v>
      </c>
      <c r="C3433">
        <v>0</v>
      </c>
      <c r="D3433">
        <f t="shared" si="106"/>
        <v>0</v>
      </c>
      <c r="E3433" s="6">
        <f t="shared" si="107"/>
        <v>0</v>
      </c>
    </row>
    <row r="3434" spans="1:5" x14ac:dyDescent="0.25">
      <c r="A3434" s="1">
        <v>43698.916666666664</v>
      </c>
      <c r="B3434" s="2">
        <v>24.11</v>
      </c>
      <c r="C3434">
        <v>0</v>
      </c>
      <c r="D3434">
        <f t="shared" si="106"/>
        <v>0</v>
      </c>
      <c r="E3434" s="6">
        <f t="shared" si="107"/>
        <v>0</v>
      </c>
    </row>
    <row r="3435" spans="1:5" x14ac:dyDescent="0.25">
      <c r="A3435" s="1">
        <v>43698.958333333336</v>
      </c>
      <c r="B3435" s="2">
        <v>21.7</v>
      </c>
      <c r="C3435">
        <v>0</v>
      </c>
      <c r="D3435">
        <f t="shared" si="106"/>
        <v>0</v>
      </c>
      <c r="E3435" s="6">
        <f t="shared" si="107"/>
        <v>0</v>
      </c>
    </row>
    <row r="3436" spans="1:5" x14ac:dyDescent="0.25">
      <c r="A3436" s="1">
        <v>43699</v>
      </c>
      <c r="B3436" s="2">
        <v>20.07</v>
      </c>
      <c r="C3436">
        <v>0</v>
      </c>
      <c r="D3436">
        <f t="shared" si="106"/>
        <v>0</v>
      </c>
      <c r="E3436" s="6">
        <f t="shared" si="107"/>
        <v>0</v>
      </c>
    </row>
    <row r="3437" spans="1:5" x14ac:dyDescent="0.25">
      <c r="A3437" s="1">
        <v>43699.041666666664</v>
      </c>
      <c r="B3437" s="2">
        <v>18.899999999999999</v>
      </c>
      <c r="C3437">
        <v>0</v>
      </c>
      <c r="D3437">
        <f t="shared" si="106"/>
        <v>0</v>
      </c>
      <c r="E3437" s="6">
        <f t="shared" si="107"/>
        <v>0</v>
      </c>
    </row>
    <row r="3438" spans="1:5" x14ac:dyDescent="0.25">
      <c r="A3438" s="1">
        <v>43699.083333333336</v>
      </c>
      <c r="B3438" s="2">
        <v>17.22</v>
      </c>
      <c r="C3438">
        <v>0</v>
      </c>
      <c r="D3438">
        <f t="shared" si="106"/>
        <v>0</v>
      </c>
      <c r="E3438" s="6">
        <f t="shared" si="107"/>
        <v>0</v>
      </c>
    </row>
    <row r="3439" spans="1:5" x14ac:dyDescent="0.25">
      <c r="A3439" s="1">
        <v>43699.125</v>
      </c>
      <c r="B3439" s="2">
        <v>16.41</v>
      </c>
      <c r="C3439">
        <v>0</v>
      </c>
      <c r="D3439">
        <f t="shared" si="106"/>
        <v>0</v>
      </c>
      <c r="E3439" s="6">
        <f t="shared" si="107"/>
        <v>0</v>
      </c>
    </row>
    <row r="3440" spans="1:5" x14ac:dyDescent="0.25">
      <c r="A3440" s="1">
        <v>43699.166666666664</v>
      </c>
      <c r="B3440" s="2">
        <v>16.16</v>
      </c>
      <c r="C3440">
        <v>0</v>
      </c>
      <c r="D3440">
        <f t="shared" si="106"/>
        <v>0</v>
      </c>
      <c r="E3440" s="6">
        <f t="shared" si="107"/>
        <v>0</v>
      </c>
    </row>
    <row r="3441" spans="1:5" x14ac:dyDescent="0.25">
      <c r="A3441" s="1">
        <v>43699.208333333336</v>
      </c>
      <c r="B3441" s="2">
        <v>17.989999999999998</v>
      </c>
      <c r="C3441">
        <v>0</v>
      </c>
      <c r="D3441">
        <f t="shared" si="106"/>
        <v>0</v>
      </c>
      <c r="E3441" s="6">
        <f t="shared" si="107"/>
        <v>0</v>
      </c>
    </row>
    <row r="3442" spans="1:5" x14ac:dyDescent="0.25">
      <c r="A3442" s="1">
        <v>43699.25</v>
      </c>
      <c r="B3442" s="2">
        <v>20.28</v>
      </c>
      <c r="C3442">
        <v>0</v>
      </c>
      <c r="D3442">
        <f t="shared" si="106"/>
        <v>0</v>
      </c>
      <c r="E3442" s="6">
        <f t="shared" si="107"/>
        <v>0</v>
      </c>
    </row>
    <row r="3443" spans="1:5" x14ac:dyDescent="0.25">
      <c r="A3443" s="1">
        <v>43699.291666666664</v>
      </c>
      <c r="B3443" s="2">
        <v>20.86</v>
      </c>
      <c r="C3443">
        <v>0.24096999999999999</v>
      </c>
      <c r="D3443">
        <f t="shared" si="106"/>
        <v>2.4096999999999999E-4</v>
      </c>
      <c r="E3443" s="6">
        <f t="shared" si="107"/>
        <v>5.0266341999999995E-3</v>
      </c>
    </row>
    <row r="3444" spans="1:5" x14ac:dyDescent="0.25">
      <c r="A3444" s="1">
        <v>43699.333333333336</v>
      </c>
      <c r="B3444" s="2">
        <v>22.05</v>
      </c>
      <c r="C3444">
        <v>1.8373839999999999</v>
      </c>
      <c r="D3444">
        <f t="shared" si="106"/>
        <v>1.8373839999999998E-3</v>
      </c>
      <c r="E3444" s="6">
        <f t="shared" si="107"/>
        <v>4.0514317199999997E-2</v>
      </c>
    </row>
    <row r="3445" spans="1:5" x14ac:dyDescent="0.25">
      <c r="A3445" s="1">
        <v>43699.375</v>
      </c>
      <c r="B3445" s="2">
        <v>23.58</v>
      </c>
      <c r="C3445">
        <v>3.8602810000000001</v>
      </c>
      <c r="D3445">
        <f t="shared" si="106"/>
        <v>3.8602810000000001E-3</v>
      </c>
      <c r="E3445" s="6">
        <f t="shared" si="107"/>
        <v>9.1025425979999991E-2</v>
      </c>
    </row>
    <row r="3446" spans="1:5" x14ac:dyDescent="0.25">
      <c r="A3446" s="1">
        <v>43699.416666666664</v>
      </c>
      <c r="B3446" s="2">
        <v>25.18</v>
      </c>
      <c r="C3446">
        <v>5.4787560000000006</v>
      </c>
      <c r="D3446">
        <f t="shared" si="106"/>
        <v>5.4787560000000004E-3</v>
      </c>
      <c r="E3446" s="6">
        <f t="shared" si="107"/>
        <v>0.13795507608000002</v>
      </c>
    </row>
    <row r="3447" spans="1:5" x14ac:dyDescent="0.25">
      <c r="A3447" s="1">
        <v>43699.458333333336</v>
      </c>
      <c r="B3447" s="2">
        <v>27.42</v>
      </c>
      <c r="C3447">
        <v>5.3499369999999997</v>
      </c>
      <c r="D3447">
        <f t="shared" si="106"/>
        <v>5.3499369999999999E-3</v>
      </c>
      <c r="E3447" s="6">
        <f t="shared" si="107"/>
        <v>0.14669527254</v>
      </c>
    </row>
    <row r="3448" spans="1:5" x14ac:dyDescent="0.25">
      <c r="A3448" s="1">
        <v>43699.5</v>
      </c>
      <c r="B3448" s="2">
        <v>28.83</v>
      </c>
      <c r="C3448">
        <v>5.3515429999999995</v>
      </c>
      <c r="D3448">
        <f t="shared" si="106"/>
        <v>5.3515429999999994E-3</v>
      </c>
      <c r="E3448" s="6">
        <f t="shared" si="107"/>
        <v>0.15428498468999996</v>
      </c>
    </row>
    <row r="3449" spans="1:5" x14ac:dyDescent="0.25">
      <c r="A3449" s="1">
        <v>43699.541666666664</v>
      </c>
      <c r="B3449" s="2">
        <v>30.51</v>
      </c>
      <c r="C3449">
        <v>7.5487859999999998</v>
      </c>
      <c r="D3449">
        <f t="shared" si="106"/>
        <v>7.548786E-3</v>
      </c>
      <c r="E3449" s="6">
        <f t="shared" si="107"/>
        <v>0.23031346086000001</v>
      </c>
    </row>
    <row r="3450" spans="1:5" x14ac:dyDescent="0.25">
      <c r="A3450" s="1">
        <v>43699.583333333336</v>
      </c>
      <c r="B3450" s="2">
        <v>32.32</v>
      </c>
      <c r="C3450">
        <v>7.2758120000000002</v>
      </c>
      <c r="D3450">
        <f t="shared" si="106"/>
        <v>7.2758120000000004E-3</v>
      </c>
      <c r="E3450" s="6">
        <f t="shared" si="107"/>
        <v>0.23515424384000003</v>
      </c>
    </row>
    <row r="3451" spans="1:5" x14ac:dyDescent="0.25">
      <c r="A3451" s="1">
        <v>43699.625</v>
      </c>
      <c r="B3451" s="2">
        <v>33.03</v>
      </c>
      <c r="C3451">
        <v>6.6374380000000004</v>
      </c>
      <c r="D3451">
        <f t="shared" si="106"/>
        <v>6.6374380000000007E-3</v>
      </c>
      <c r="E3451" s="6">
        <f t="shared" si="107"/>
        <v>0.21923457714000003</v>
      </c>
    </row>
    <row r="3452" spans="1:5" x14ac:dyDescent="0.25">
      <c r="A3452" s="1">
        <v>43699.666666666664</v>
      </c>
      <c r="B3452" s="2">
        <v>35.69</v>
      </c>
      <c r="C3452">
        <v>5.5744059999999998</v>
      </c>
      <c r="D3452">
        <f t="shared" si="106"/>
        <v>5.5744059999999996E-3</v>
      </c>
      <c r="E3452" s="6">
        <f t="shared" si="107"/>
        <v>0.19895055013999999</v>
      </c>
    </row>
    <row r="3453" spans="1:5" x14ac:dyDescent="0.25">
      <c r="A3453" s="1">
        <v>43699.708333333336</v>
      </c>
      <c r="B3453" s="2">
        <v>33.39</v>
      </c>
      <c r="C3453">
        <v>3.2567939999999997</v>
      </c>
      <c r="D3453">
        <f t="shared" si="106"/>
        <v>3.2567939999999999E-3</v>
      </c>
      <c r="E3453" s="6">
        <f t="shared" si="107"/>
        <v>0.10874435166</v>
      </c>
    </row>
    <row r="3454" spans="1:5" x14ac:dyDescent="0.25">
      <c r="A3454" s="1">
        <v>43699.75</v>
      </c>
      <c r="B3454" s="2">
        <v>28.9</v>
      </c>
      <c r="C3454">
        <v>2.028483</v>
      </c>
      <c r="D3454">
        <f t="shared" si="106"/>
        <v>2.0284830000000002E-3</v>
      </c>
      <c r="E3454" s="6">
        <f t="shared" si="107"/>
        <v>5.8623158700000004E-2</v>
      </c>
    </row>
    <row r="3455" spans="1:5" x14ac:dyDescent="0.25">
      <c r="A3455" s="1">
        <v>43699.791666666664</v>
      </c>
      <c r="B3455" s="2">
        <v>27.17</v>
      </c>
      <c r="C3455">
        <v>0.37862400000000002</v>
      </c>
      <c r="D3455">
        <f t="shared" si="106"/>
        <v>3.7862400000000004E-4</v>
      </c>
      <c r="E3455" s="6">
        <f t="shared" si="107"/>
        <v>1.0287214080000003E-2</v>
      </c>
    </row>
    <row r="3456" spans="1:5" x14ac:dyDescent="0.25">
      <c r="A3456" s="1">
        <v>43699.833333333336</v>
      </c>
      <c r="B3456" s="2">
        <v>27.25</v>
      </c>
      <c r="C3456">
        <v>0</v>
      </c>
      <c r="D3456">
        <f t="shared" si="106"/>
        <v>0</v>
      </c>
      <c r="E3456" s="6">
        <f t="shared" si="107"/>
        <v>0</v>
      </c>
    </row>
    <row r="3457" spans="1:5" x14ac:dyDescent="0.25">
      <c r="A3457" s="1">
        <v>43699.875</v>
      </c>
      <c r="B3457" s="2">
        <v>23.87</v>
      </c>
      <c r="C3457">
        <v>0</v>
      </c>
      <c r="D3457">
        <f t="shared" si="106"/>
        <v>0</v>
      </c>
      <c r="E3457" s="6">
        <f t="shared" si="107"/>
        <v>0</v>
      </c>
    </row>
    <row r="3458" spans="1:5" x14ac:dyDescent="0.25">
      <c r="A3458" s="1">
        <v>43699.916666666664</v>
      </c>
      <c r="B3458" s="2">
        <v>21.31</v>
      </c>
      <c r="C3458">
        <v>0</v>
      </c>
      <c r="D3458">
        <f t="shared" si="106"/>
        <v>0</v>
      </c>
      <c r="E3458" s="6">
        <f t="shared" si="107"/>
        <v>0</v>
      </c>
    </row>
    <row r="3459" spans="1:5" x14ac:dyDescent="0.25">
      <c r="A3459" s="1">
        <v>43699.958333333336</v>
      </c>
      <c r="B3459" s="2">
        <v>19.190000000000001</v>
      </c>
      <c r="C3459">
        <v>0</v>
      </c>
      <c r="D3459">
        <f t="shared" si="106"/>
        <v>0</v>
      </c>
      <c r="E3459" s="6">
        <f t="shared" si="107"/>
        <v>0</v>
      </c>
    </row>
    <row r="3460" spans="1:5" x14ac:dyDescent="0.25">
      <c r="A3460" s="1">
        <v>43700</v>
      </c>
      <c r="B3460" s="2">
        <v>19.059999999999999</v>
      </c>
      <c r="C3460">
        <v>0</v>
      </c>
      <c r="D3460">
        <f t="shared" si="106"/>
        <v>0</v>
      </c>
      <c r="E3460" s="6">
        <f t="shared" si="107"/>
        <v>0</v>
      </c>
    </row>
    <row r="3461" spans="1:5" x14ac:dyDescent="0.25">
      <c r="A3461" s="1">
        <v>43700.041666666664</v>
      </c>
      <c r="B3461" s="2">
        <v>18.489999999999998</v>
      </c>
      <c r="C3461">
        <v>0</v>
      </c>
      <c r="D3461">
        <f t="shared" si="106"/>
        <v>0</v>
      </c>
      <c r="E3461" s="6">
        <f t="shared" si="107"/>
        <v>0</v>
      </c>
    </row>
    <row r="3462" spans="1:5" x14ac:dyDescent="0.25">
      <c r="A3462" s="1">
        <v>43700.083333333336</v>
      </c>
      <c r="B3462" s="2">
        <v>16.84</v>
      </c>
      <c r="C3462">
        <v>0</v>
      </c>
      <c r="D3462">
        <f t="shared" ref="D3462:D3525" si="108">C3462/1000</f>
        <v>0</v>
      </c>
      <c r="E3462" s="6">
        <f t="shared" ref="E3462:E3525" si="109">D3462*B3462</f>
        <v>0</v>
      </c>
    </row>
    <row r="3463" spans="1:5" x14ac:dyDescent="0.25">
      <c r="A3463" s="1">
        <v>43700.125</v>
      </c>
      <c r="B3463" s="2">
        <v>16.39</v>
      </c>
      <c r="C3463">
        <v>0</v>
      </c>
      <c r="D3463">
        <f t="shared" si="108"/>
        <v>0</v>
      </c>
      <c r="E3463" s="6">
        <f t="shared" si="109"/>
        <v>0</v>
      </c>
    </row>
    <row r="3464" spans="1:5" x14ac:dyDescent="0.25">
      <c r="A3464" s="1">
        <v>43700.166666666664</v>
      </c>
      <c r="B3464" s="2">
        <v>16.63</v>
      </c>
      <c r="C3464">
        <v>0</v>
      </c>
      <c r="D3464">
        <f t="shared" si="108"/>
        <v>0</v>
      </c>
      <c r="E3464" s="6">
        <f t="shared" si="109"/>
        <v>0</v>
      </c>
    </row>
    <row r="3465" spans="1:5" x14ac:dyDescent="0.25">
      <c r="A3465" s="1">
        <v>43700.208333333336</v>
      </c>
      <c r="B3465" s="2">
        <v>18.54</v>
      </c>
      <c r="C3465">
        <v>0</v>
      </c>
      <c r="D3465">
        <f t="shared" si="108"/>
        <v>0</v>
      </c>
      <c r="E3465" s="6">
        <f t="shared" si="109"/>
        <v>0</v>
      </c>
    </row>
    <row r="3466" spans="1:5" x14ac:dyDescent="0.25">
      <c r="A3466" s="1">
        <v>43700.25</v>
      </c>
      <c r="B3466" s="2">
        <v>19.79</v>
      </c>
      <c r="C3466">
        <v>0</v>
      </c>
      <c r="D3466">
        <f t="shared" si="108"/>
        <v>0</v>
      </c>
      <c r="E3466" s="6">
        <f t="shared" si="109"/>
        <v>0</v>
      </c>
    </row>
    <row r="3467" spans="1:5" x14ac:dyDescent="0.25">
      <c r="A3467" s="1">
        <v>43700.291666666664</v>
      </c>
      <c r="B3467" s="2">
        <v>20.47</v>
      </c>
      <c r="C3467">
        <v>0.21959800000000002</v>
      </c>
      <c r="D3467">
        <f t="shared" si="108"/>
        <v>2.1959800000000002E-4</v>
      </c>
      <c r="E3467" s="6">
        <f t="shared" si="109"/>
        <v>4.4951710599999998E-3</v>
      </c>
    </row>
    <row r="3468" spans="1:5" x14ac:dyDescent="0.25">
      <c r="A3468" s="1">
        <v>43700.333333333336</v>
      </c>
      <c r="B3468" s="2">
        <v>21.38</v>
      </c>
      <c r="C3468">
        <v>1.844795</v>
      </c>
      <c r="D3468">
        <f t="shared" si="108"/>
        <v>1.844795E-3</v>
      </c>
      <c r="E3468" s="6">
        <f t="shared" si="109"/>
        <v>3.9441717099999996E-2</v>
      </c>
    </row>
    <row r="3469" spans="1:5" x14ac:dyDescent="0.25">
      <c r="A3469" s="1">
        <v>43700.375</v>
      </c>
      <c r="B3469" s="2">
        <v>22.55</v>
      </c>
      <c r="C3469">
        <v>3.8386689999999999</v>
      </c>
      <c r="D3469">
        <f t="shared" si="108"/>
        <v>3.8386689999999998E-3</v>
      </c>
      <c r="E3469" s="6">
        <f t="shared" si="109"/>
        <v>8.6561985950000003E-2</v>
      </c>
    </row>
    <row r="3470" spans="1:5" x14ac:dyDescent="0.25">
      <c r="A3470" s="1">
        <v>43700.416666666664</v>
      </c>
      <c r="B3470" s="2">
        <v>23.54</v>
      </c>
      <c r="C3470">
        <v>5.4072149999999999</v>
      </c>
      <c r="D3470">
        <f t="shared" si="108"/>
        <v>5.4072149999999999E-3</v>
      </c>
      <c r="E3470" s="6">
        <f t="shared" si="109"/>
        <v>0.12728584109999999</v>
      </c>
    </row>
    <row r="3471" spans="1:5" x14ac:dyDescent="0.25">
      <c r="A3471" s="1">
        <v>43700.458333333336</v>
      </c>
      <c r="B3471" s="2">
        <v>24.65</v>
      </c>
      <c r="C3471">
        <v>6.5348990000000002</v>
      </c>
      <c r="D3471">
        <f t="shared" si="108"/>
        <v>6.5348990000000003E-3</v>
      </c>
      <c r="E3471" s="6">
        <f t="shared" si="109"/>
        <v>0.16108526035000001</v>
      </c>
    </row>
    <row r="3472" spans="1:5" x14ac:dyDescent="0.25">
      <c r="A3472" s="1">
        <v>43700.5</v>
      </c>
      <c r="B3472" s="2">
        <v>25.21</v>
      </c>
      <c r="C3472">
        <v>7.1745239999999999</v>
      </c>
      <c r="D3472">
        <f t="shared" si="108"/>
        <v>7.1745239999999998E-3</v>
      </c>
      <c r="E3472" s="6">
        <f t="shared" si="109"/>
        <v>0.18086975004</v>
      </c>
    </row>
    <row r="3473" spans="1:5" x14ac:dyDescent="0.25">
      <c r="A3473" s="1">
        <v>43700.541666666664</v>
      </c>
      <c r="B3473" s="2">
        <v>26.18</v>
      </c>
      <c r="C3473">
        <v>7.3633069999999998</v>
      </c>
      <c r="D3473">
        <f t="shared" si="108"/>
        <v>7.3633069999999995E-3</v>
      </c>
      <c r="E3473" s="6">
        <f t="shared" si="109"/>
        <v>0.19277137725999999</v>
      </c>
    </row>
    <row r="3474" spans="1:5" x14ac:dyDescent="0.25">
      <c r="A3474" s="1">
        <v>43700.583333333336</v>
      </c>
      <c r="B3474" s="2">
        <v>27.94</v>
      </c>
      <c r="C3474">
        <v>7.1517600000000003</v>
      </c>
      <c r="D3474">
        <f t="shared" si="108"/>
        <v>7.1517600000000001E-3</v>
      </c>
      <c r="E3474" s="6">
        <f t="shared" si="109"/>
        <v>0.19982017440000002</v>
      </c>
    </row>
    <row r="3475" spans="1:5" x14ac:dyDescent="0.25">
      <c r="A3475" s="1">
        <v>43700.625</v>
      </c>
      <c r="B3475" s="2">
        <v>27.76</v>
      </c>
      <c r="C3475">
        <v>6.4831469999999998</v>
      </c>
      <c r="D3475">
        <f t="shared" si="108"/>
        <v>6.4831469999999999E-3</v>
      </c>
      <c r="E3475" s="6">
        <f t="shared" si="109"/>
        <v>0.17997216072</v>
      </c>
    </row>
    <row r="3476" spans="1:5" x14ac:dyDescent="0.25">
      <c r="A3476" s="1">
        <v>43700.666666666664</v>
      </c>
      <c r="B3476" s="2">
        <v>28.01</v>
      </c>
      <c r="C3476">
        <v>4.8535259999999996</v>
      </c>
      <c r="D3476">
        <f t="shared" si="108"/>
        <v>4.8535259999999995E-3</v>
      </c>
      <c r="E3476" s="6">
        <f t="shared" si="109"/>
        <v>0.13594726326000001</v>
      </c>
    </row>
    <row r="3477" spans="1:5" x14ac:dyDescent="0.25">
      <c r="A3477" s="1">
        <v>43700.708333333336</v>
      </c>
      <c r="B3477" s="2">
        <v>27.09</v>
      </c>
      <c r="C3477">
        <v>3.4009510000000001</v>
      </c>
      <c r="D3477">
        <f t="shared" si="108"/>
        <v>3.4009510000000001E-3</v>
      </c>
      <c r="E3477" s="6">
        <f t="shared" si="109"/>
        <v>9.2131762589999999E-2</v>
      </c>
    </row>
    <row r="3478" spans="1:5" x14ac:dyDescent="0.25">
      <c r="A3478" s="1">
        <v>43700.75</v>
      </c>
      <c r="B3478" s="2">
        <v>25.12</v>
      </c>
      <c r="C3478">
        <v>1.806708</v>
      </c>
      <c r="D3478">
        <f t="shared" si="108"/>
        <v>1.806708E-3</v>
      </c>
      <c r="E3478" s="6">
        <f t="shared" si="109"/>
        <v>4.5384504960000002E-2</v>
      </c>
    </row>
    <row r="3479" spans="1:5" x14ac:dyDescent="0.25">
      <c r="A3479" s="1">
        <v>43700.791666666664</v>
      </c>
      <c r="B3479" s="2">
        <v>23.25</v>
      </c>
      <c r="C3479">
        <v>0.358012</v>
      </c>
      <c r="D3479">
        <f t="shared" si="108"/>
        <v>3.58012E-4</v>
      </c>
      <c r="E3479" s="6">
        <f t="shared" si="109"/>
        <v>8.3237789999999999E-3</v>
      </c>
    </row>
    <row r="3480" spans="1:5" x14ac:dyDescent="0.25">
      <c r="A3480" s="1">
        <v>43700.833333333336</v>
      </c>
      <c r="B3480" s="2">
        <v>22.61</v>
      </c>
      <c r="C3480">
        <v>0</v>
      </c>
      <c r="D3480">
        <f t="shared" si="108"/>
        <v>0</v>
      </c>
      <c r="E3480" s="6">
        <f t="shared" si="109"/>
        <v>0</v>
      </c>
    </row>
    <row r="3481" spans="1:5" x14ac:dyDescent="0.25">
      <c r="A3481" s="1">
        <v>43700.875</v>
      </c>
      <c r="B3481" s="2">
        <v>21.48</v>
      </c>
      <c r="C3481">
        <v>0</v>
      </c>
      <c r="D3481">
        <f t="shared" si="108"/>
        <v>0</v>
      </c>
      <c r="E3481" s="6">
        <f t="shared" si="109"/>
        <v>0</v>
      </c>
    </row>
    <row r="3482" spans="1:5" x14ac:dyDescent="0.25">
      <c r="A3482" s="1">
        <v>43700.916666666664</v>
      </c>
      <c r="B3482" s="2">
        <v>19.93</v>
      </c>
      <c r="C3482">
        <v>0</v>
      </c>
      <c r="D3482">
        <f t="shared" si="108"/>
        <v>0</v>
      </c>
      <c r="E3482" s="6">
        <f t="shared" si="109"/>
        <v>0</v>
      </c>
    </row>
    <row r="3483" spans="1:5" x14ac:dyDescent="0.25">
      <c r="A3483" s="1">
        <v>43700.958333333336</v>
      </c>
      <c r="B3483" s="2">
        <v>18.05</v>
      </c>
      <c r="C3483">
        <v>0</v>
      </c>
      <c r="D3483">
        <f t="shared" si="108"/>
        <v>0</v>
      </c>
      <c r="E3483" s="6">
        <f t="shared" si="109"/>
        <v>0</v>
      </c>
    </row>
    <row r="3484" spans="1:5" x14ac:dyDescent="0.25">
      <c r="A3484" s="1">
        <v>43701</v>
      </c>
      <c r="B3484" s="2">
        <v>15.3</v>
      </c>
      <c r="C3484">
        <v>0</v>
      </c>
      <c r="D3484">
        <f t="shared" si="108"/>
        <v>0</v>
      </c>
      <c r="E3484" s="6">
        <f t="shared" si="109"/>
        <v>0</v>
      </c>
    </row>
    <row r="3485" spans="1:5" x14ac:dyDescent="0.25">
      <c r="A3485" s="1">
        <v>43701.041666666664</v>
      </c>
      <c r="B3485" s="2">
        <v>14.21</v>
      </c>
      <c r="C3485">
        <v>0</v>
      </c>
      <c r="D3485">
        <f t="shared" si="108"/>
        <v>0</v>
      </c>
      <c r="E3485" s="6">
        <f t="shared" si="109"/>
        <v>0</v>
      </c>
    </row>
    <row r="3486" spans="1:5" x14ac:dyDescent="0.25">
      <c r="A3486" s="1">
        <v>43701.083333333336</v>
      </c>
      <c r="B3486" s="2">
        <v>13.88</v>
      </c>
      <c r="C3486">
        <v>0</v>
      </c>
      <c r="D3486">
        <f t="shared" si="108"/>
        <v>0</v>
      </c>
      <c r="E3486" s="6">
        <f t="shared" si="109"/>
        <v>0</v>
      </c>
    </row>
    <row r="3487" spans="1:5" x14ac:dyDescent="0.25">
      <c r="A3487" s="1">
        <v>43701.125</v>
      </c>
      <c r="B3487" s="2">
        <v>13.35</v>
      </c>
      <c r="C3487">
        <v>0</v>
      </c>
      <c r="D3487">
        <f t="shared" si="108"/>
        <v>0</v>
      </c>
      <c r="E3487" s="6">
        <f t="shared" si="109"/>
        <v>0</v>
      </c>
    </row>
    <row r="3488" spans="1:5" x14ac:dyDescent="0.25">
      <c r="A3488" s="1">
        <v>43701.166666666664</v>
      </c>
      <c r="B3488" s="2">
        <v>13.28</v>
      </c>
      <c r="C3488">
        <v>0</v>
      </c>
      <c r="D3488">
        <f t="shared" si="108"/>
        <v>0</v>
      </c>
      <c r="E3488" s="6">
        <f t="shared" si="109"/>
        <v>0</v>
      </c>
    </row>
    <row r="3489" spans="1:5" x14ac:dyDescent="0.25">
      <c r="A3489" s="1">
        <v>43701.208333333336</v>
      </c>
      <c r="B3489" s="2">
        <v>13.52</v>
      </c>
      <c r="C3489">
        <v>0</v>
      </c>
      <c r="D3489">
        <f t="shared" si="108"/>
        <v>0</v>
      </c>
      <c r="E3489" s="6">
        <f t="shared" si="109"/>
        <v>0</v>
      </c>
    </row>
    <row r="3490" spans="1:5" x14ac:dyDescent="0.25">
      <c r="A3490" s="1">
        <v>43701.25</v>
      </c>
      <c r="B3490" s="2">
        <v>13.52</v>
      </c>
      <c r="C3490">
        <v>0</v>
      </c>
      <c r="D3490">
        <f t="shared" si="108"/>
        <v>0</v>
      </c>
      <c r="E3490" s="6">
        <f t="shared" si="109"/>
        <v>0</v>
      </c>
    </row>
    <row r="3491" spans="1:5" x14ac:dyDescent="0.25">
      <c r="A3491" s="1">
        <v>43701.291666666664</v>
      </c>
      <c r="B3491" s="2">
        <v>13.81</v>
      </c>
      <c r="C3491">
        <v>0.23171899999999998</v>
      </c>
      <c r="D3491">
        <f t="shared" si="108"/>
        <v>2.3171899999999997E-4</v>
      </c>
      <c r="E3491" s="6">
        <f t="shared" si="109"/>
        <v>3.2000393899999998E-3</v>
      </c>
    </row>
    <row r="3492" spans="1:5" x14ac:dyDescent="0.25">
      <c r="A3492" s="1">
        <v>43701.333333333336</v>
      </c>
      <c r="B3492" s="2">
        <v>15.56</v>
      </c>
      <c r="C3492">
        <v>1.413867</v>
      </c>
      <c r="D3492">
        <f t="shared" si="108"/>
        <v>1.4138670000000001E-3</v>
      </c>
      <c r="E3492" s="6">
        <f t="shared" si="109"/>
        <v>2.1999770520000003E-2</v>
      </c>
    </row>
    <row r="3493" spans="1:5" x14ac:dyDescent="0.25">
      <c r="A3493" s="1">
        <v>43701.375</v>
      </c>
      <c r="B3493" s="2">
        <v>17.239999999999998</v>
      </c>
      <c r="C3493">
        <v>2.3998649999999997</v>
      </c>
      <c r="D3493">
        <f t="shared" si="108"/>
        <v>2.3998649999999997E-3</v>
      </c>
      <c r="E3493" s="6">
        <f t="shared" si="109"/>
        <v>4.1373672599999994E-2</v>
      </c>
    </row>
    <row r="3494" spans="1:5" x14ac:dyDescent="0.25">
      <c r="A3494" s="1">
        <v>43701.416666666664</v>
      </c>
      <c r="B3494" s="2">
        <v>18.690000000000001</v>
      </c>
      <c r="C3494">
        <v>3.563399</v>
      </c>
      <c r="D3494">
        <f t="shared" si="108"/>
        <v>3.5633990000000001E-3</v>
      </c>
      <c r="E3494" s="6">
        <f t="shared" si="109"/>
        <v>6.6599927310000001E-2</v>
      </c>
    </row>
    <row r="3495" spans="1:5" x14ac:dyDescent="0.25">
      <c r="A3495" s="1">
        <v>43701.458333333336</v>
      </c>
      <c r="B3495" s="2">
        <v>19.600000000000001</v>
      </c>
      <c r="C3495">
        <v>4.8271220000000001</v>
      </c>
      <c r="D3495">
        <f t="shared" si="108"/>
        <v>4.8271220000000005E-3</v>
      </c>
      <c r="E3495" s="6">
        <f t="shared" si="109"/>
        <v>9.4611591200000011E-2</v>
      </c>
    </row>
    <row r="3496" spans="1:5" x14ac:dyDescent="0.25">
      <c r="A3496" s="1">
        <v>43701.5</v>
      </c>
      <c r="B3496" s="2">
        <v>20.37</v>
      </c>
      <c r="C3496">
        <v>6.1078760000000001</v>
      </c>
      <c r="D3496">
        <f t="shared" si="108"/>
        <v>6.1078759999999999E-3</v>
      </c>
      <c r="E3496" s="6">
        <f t="shared" si="109"/>
        <v>0.12441743412</v>
      </c>
    </row>
    <row r="3497" spans="1:5" x14ac:dyDescent="0.25">
      <c r="A3497" s="1">
        <v>43701.541666666664</v>
      </c>
      <c r="B3497" s="2">
        <v>20.6</v>
      </c>
      <c r="C3497">
        <v>4.5985230000000001</v>
      </c>
      <c r="D3497">
        <f t="shared" si="108"/>
        <v>4.5985230000000002E-3</v>
      </c>
      <c r="E3497" s="6">
        <f t="shared" si="109"/>
        <v>9.4729573800000008E-2</v>
      </c>
    </row>
    <row r="3498" spans="1:5" x14ac:dyDescent="0.25">
      <c r="A3498" s="1">
        <v>43701.583333333336</v>
      </c>
      <c r="B3498" s="2">
        <v>21.53</v>
      </c>
      <c r="C3498">
        <v>5.5031679999999996</v>
      </c>
      <c r="D3498">
        <f t="shared" si="108"/>
        <v>5.5031679999999993E-3</v>
      </c>
      <c r="E3498" s="6">
        <f t="shared" si="109"/>
        <v>0.11848320704</v>
      </c>
    </row>
    <row r="3499" spans="1:5" x14ac:dyDescent="0.25">
      <c r="A3499" s="1">
        <v>43701.625</v>
      </c>
      <c r="B3499" s="2">
        <v>21.9</v>
      </c>
      <c r="C3499">
        <v>6.2117019999999998</v>
      </c>
      <c r="D3499">
        <f t="shared" si="108"/>
        <v>6.2117019999999995E-3</v>
      </c>
      <c r="E3499" s="6">
        <f t="shared" si="109"/>
        <v>0.13603627379999997</v>
      </c>
    </row>
    <row r="3500" spans="1:5" x14ac:dyDescent="0.25">
      <c r="A3500" s="1">
        <v>43701.666666666664</v>
      </c>
      <c r="B3500" s="2">
        <v>22.21</v>
      </c>
      <c r="C3500">
        <v>5.1329960000000003</v>
      </c>
      <c r="D3500">
        <f t="shared" si="108"/>
        <v>5.1329959999999999E-3</v>
      </c>
      <c r="E3500" s="6">
        <f t="shared" si="109"/>
        <v>0.11400384116000001</v>
      </c>
    </row>
    <row r="3501" spans="1:5" x14ac:dyDescent="0.25">
      <c r="A3501" s="1">
        <v>43701.708333333336</v>
      </c>
      <c r="B3501" s="2">
        <v>22.78</v>
      </c>
      <c r="C3501">
        <v>3.6815540000000002</v>
      </c>
      <c r="D3501">
        <f t="shared" si="108"/>
        <v>3.6815540000000001E-3</v>
      </c>
      <c r="E3501" s="6">
        <f t="shared" si="109"/>
        <v>8.386580012E-2</v>
      </c>
    </row>
    <row r="3502" spans="1:5" x14ac:dyDescent="0.25">
      <c r="A3502" s="1">
        <v>43701.75</v>
      </c>
      <c r="B3502" s="2">
        <v>21.4</v>
      </c>
      <c r="C3502">
        <v>1.1519949999999999</v>
      </c>
      <c r="D3502">
        <f t="shared" si="108"/>
        <v>1.1519949999999998E-3</v>
      </c>
      <c r="E3502" s="6">
        <f t="shared" si="109"/>
        <v>2.4652692999999996E-2</v>
      </c>
    </row>
    <row r="3503" spans="1:5" x14ac:dyDescent="0.25">
      <c r="A3503" s="1">
        <v>43701.791666666664</v>
      </c>
      <c r="B3503" s="2">
        <v>20.399999999999999</v>
      </c>
      <c r="C3503">
        <v>0.29996300000000004</v>
      </c>
      <c r="D3503">
        <f t="shared" si="108"/>
        <v>2.9996300000000004E-4</v>
      </c>
      <c r="E3503" s="6">
        <f t="shared" si="109"/>
        <v>6.1192452000000007E-3</v>
      </c>
    </row>
    <row r="3504" spans="1:5" x14ac:dyDescent="0.25">
      <c r="A3504" s="1">
        <v>43701.833333333336</v>
      </c>
      <c r="B3504" s="2">
        <v>20.13</v>
      </c>
      <c r="C3504">
        <v>0</v>
      </c>
      <c r="D3504">
        <f t="shared" si="108"/>
        <v>0</v>
      </c>
      <c r="E3504" s="6">
        <f t="shared" si="109"/>
        <v>0</v>
      </c>
    </row>
    <row r="3505" spans="1:5" x14ac:dyDescent="0.25">
      <c r="A3505" s="1">
        <v>43701.875</v>
      </c>
      <c r="B3505" s="2">
        <v>18.489999999999998</v>
      </c>
      <c r="C3505">
        <v>0</v>
      </c>
      <c r="D3505">
        <f t="shared" si="108"/>
        <v>0</v>
      </c>
      <c r="E3505" s="6">
        <f t="shared" si="109"/>
        <v>0</v>
      </c>
    </row>
    <row r="3506" spans="1:5" x14ac:dyDescent="0.25">
      <c r="A3506" s="1">
        <v>43701.916666666664</v>
      </c>
      <c r="B3506" s="2">
        <v>16.68</v>
      </c>
      <c r="C3506">
        <v>0</v>
      </c>
      <c r="D3506">
        <f t="shared" si="108"/>
        <v>0</v>
      </c>
      <c r="E3506" s="6">
        <f t="shared" si="109"/>
        <v>0</v>
      </c>
    </row>
    <row r="3507" spans="1:5" x14ac:dyDescent="0.25">
      <c r="A3507" s="1">
        <v>43701.958333333336</v>
      </c>
      <c r="B3507" s="2">
        <v>14.29</v>
      </c>
      <c r="C3507">
        <v>0</v>
      </c>
      <c r="D3507">
        <f t="shared" si="108"/>
        <v>0</v>
      </c>
      <c r="E3507" s="6">
        <f t="shared" si="109"/>
        <v>0</v>
      </c>
    </row>
    <row r="3508" spans="1:5" x14ac:dyDescent="0.25">
      <c r="A3508" s="1">
        <v>43702</v>
      </c>
      <c r="B3508" s="2">
        <v>13.23</v>
      </c>
      <c r="C3508">
        <v>0</v>
      </c>
      <c r="D3508">
        <f t="shared" si="108"/>
        <v>0</v>
      </c>
      <c r="E3508" s="6">
        <f t="shared" si="109"/>
        <v>0</v>
      </c>
    </row>
    <row r="3509" spans="1:5" x14ac:dyDescent="0.25">
      <c r="A3509" s="1">
        <v>43702.041666666664</v>
      </c>
      <c r="B3509" s="2">
        <v>12.94</v>
      </c>
      <c r="C3509">
        <v>0</v>
      </c>
      <c r="D3509">
        <f t="shared" si="108"/>
        <v>0</v>
      </c>
      <c r="E3509" s="6">
        <f t="shared" si="109"/>
        <v>0</v>
      </c>
    </row>
    <row r="3510" spans="1:5" x14ac:dyDescent="0.25">
      <c r="A3510" s="1">
        <v>43702.083333333336</v>
      </c>
      <c r="B3510" s="2">
        <v>11.7</v>
      </c>
      <c r="C3510">
        <v>0</v>
      </c>
      <c r="D3510">
        <f t="shared" si="108"/>
        <v>0</v>
      </c>
      <c r="E3510" s="6">
        <f t="shared" si="109"/>
        <v>0</v>
      </c>
    </row>
    <row r="3511" spans="1:5" x14ac:dyDescent="0.25">
      <c r="A3511" s="1">
        <v>43702.125</v>
      </c>
      <c r="B3511" s="2">
        <v>10.74</v>
      </c>
      <c r="C3511">
        <v>0</v>
      </c>
      <c r="D3511">
        <f t="shared" si="108"/>
        <v>0</v>
      </c>
      <c r="E3511" s="6">
        <f t="shared" si="109"/>
        <v>0</v>
      </c>
    </row>
    <row r="3512" spans="1:5" x14ac:dyDescent="0.25">
      <c r="A3512" s="1">
        <v>43702.166666666664</v>
      </c>
      <c r="B3512" s="2">
        <v>9.9700000000000006</v>
      </c>
      <c r="C3512">
        <v>0</v>
      </c>
      <c r="D3512">
        <f t="shared" si="108"/>
        <v>0</v>
      </c>
      <c r="E3512" s="6">
        <f t="shared" si="109"/>
        <v>0</v>
      </c>
    </row>
    <row r="3513" spans="1:5" x14ac:dyDescent="0.25">
      <c r="A3513" s="1">
        <v>43702.208333333336</v>
      </c>
      <c r="B3513" s="2">
        <v>10.11</v>
      </c>
      <c r="C3513">
        <v>0</v>
      </c>
      <c r="D3513">
        <f t="shared" si="108"/>
        <v>0</v>
      </c>
      <c r="E3513" s="6">
        <f t="shared" si="109"/>
        <v>0</v>
      </c>
    </row>
    <row r="3514" spans="1:5" x14ac:dyDescent="0.25">
      <c r="A3514" s="1">
        <v>43702.25</v>
      </c>
      <c r="B3514" s="2">
        <v>10.02</v>
      </c>
      <c r="C3514">
        <v>0</v>
      </c>
      <c r="D3514">
        <f t="shared" si="108"/>
        <v>0</v>
      </c>
      <c r="E3514" s="6">
        <f t="shared" si="109"/>
        <v>0</v>
      </c>
    </row>
    <row r="3515" spans="1:5" x14ac:dyDescent="0.25">
      <c r="A3515" s="1">
        <v>43702.291666666664</v>
      </c>
      <c r="B3515" s="2">
        <v>10.37</v>
      </c>
      <c r="C3515">
        <v>0.23452500000000001</v>
      </c>
      <c r="D3515">
        <f t="shared" si="108"/>
        <v>2.3452500000000002E-4</v>
      </c>
      <c r="E3515" s="6">
        <f t="shared" si="109"/>
        <v>2.4320242499999999E-3</v>
      </c>
    </row>
    <row r="3516" spans="1:5" x14ac:dyDescent="0.25">
      <c r="A3516" s="1">
        <v>43702.333333333336</v>
      </c>
      <c r="B3516" s="2">
        <v>13.68</v>
      </c>
      <c r="C3516">
        <v>1.6230089999999999</v>
      </c>
      <c r="D3516">
        <f t="shared" si="108"/>
        <v>1.6230089999999999E-3</v>
      </c>
      <c r="E3516" s="6">
        <f t="shared" si="109"/>
        <v>2.220276312E-2</v>
      </c>
    </row>
    <row r="3517" spans="1:5" x14ac:dyDescent="0.25">
      <c r="A3517" s="1">
        <v>43702.375</v>
      </c>
      <c r="B3517" s="2">
        <v>15.86</v>
      </c>
      <c r="C3517">
        <v>3.446895</v>
      </c>
      <c r="D3517">
        <f t="shared" si="108"/>
        <v>3.4468950000000002E-3</v>
      </c>
      <c r="E3517" s="6">
        <f t="shared" si="109"/>
        <v>5.4667754700000001E-2</v>
      </c>
    </row>
    <row r="3518" spans="1:5" x14ac:dyDescent="0.25">
      <c r="A3518" s="1">
        <v>43702.416666666664</v>
      </c>
      <c r="B3518" s="2">
        <v>16.16</v>
      </c>
      <c r="C3518">
        <v>3.7429709999999998</v>
      </c>
      <c r="D3518">
        <f t="shared" si="108"/>
        <v>3.7429709999999999E-3</v>
      </c>
      <c r="E3518" s="6">
        <f t="shared" si="109"/>
        <v>6.0486411359999999E-2</v>
      </c>
    </row>
    <row r="3519" spans="1:5" x14ac:dyDescent="0.25">
      <c r="A3519" s="1">
        <v>43702.458333333336</v>
      </c>
      <c r="B3519" s="2">
        <v>18.34</v>
      </c>
      <c r="C3519">
        <v>6.1371499999999992</v>
      </c>
      <c r="D3519">
        <f t="shared" si="108"/>
        <v>6.1371499999999992E-3</v>
      </c>
      <c r="E3519" s="6">
        <f t="shared" si="109"/>
        <v>0.11255533099999998</v>
      </c>
    </row>
    <row r="3520" spans="1:5" x14ac:dyDescent="0.25">
      <c r="A3520" s="1">
        <v>43702.5</v>
      </c>
      <c r="B3520" s="2">
        <v>18.850000000000001</v>
      </c>
      <c r="C3520">
        <v>6.7622140000000002</v>
      </c>
      <c r="D3520">
        <f t="shared" si="108"/>
        <v>6.7622139999999999E-3</v>
      </c>
      <c r="E3520" s="6">
        <f t="shared" si="109"/>
        <v>0.12746773390000002</v>
      </c>
    </row>
    <row r="3521" spans="1:5" x14ac:dyDescent="0.25">
      <c r="A3521" s="1">
        <v>43702.541666666664</v>
      </c>
      <c r="B3521" s="2">
        <v>19.829999999999998</v>
      </c>
      <c r="C3521">
        <v>6.9922240000000002</v>
      </c>
      <c r="D3521">
        <f t="shared" si="108"/>
        <v>6.992224E-3</v>
      </c>
      <c r="E3521" s="6">
        <f t="shared" si="109"/>
        <v>0.13865580191999999</v>
      </c>
    </row>
    <row r="3522" spans="1:5" x14ac:dyDescent="0.25">
      <c r="A3522" s="1">
        <v>43702.583333333336</v>
      </c>
      <c r="B3522" s="2">
        <v>20.51</v>
      </c>
      <c r="C3522">
        <v>6.7867799999999994</v>
      </c>
      <c r="D3522">
        <f t="shared" si="108"/>
        <v>6.7867799999999992E-3</v>
      </c>
      <c r="E3522" s="6">
        <f t="shared" si="109"/>
        <v>0.13919685779999999</v>
      </c>
    </row>
    <row r="3523" spans="1:5" x14ac:dyDescent="0.25">
      <c r="A3523" s="1">
        <v>43702.625</v>
      </c>
      <c r="B3523" s="2">
        <v>21.87</v>
      </c>
      <c r="C3523">
        <v>4.4901139999999993</v>
      </c>
      <c r="D3523">
        <f t="shared" si="108"/>
        <v>4.490113999999999E-3</v>
      </c>
      <c r="E3523" s="6">
        <f t="shared" si="109"/>
        <v>9.819879317999998E-2</v>
      </c>
    </row>
    <row r="3524" spans="1:5" x14ac:dyDescent="0.25">
      <c r="A3524" s="1">
        <v>43702.666666666664</v>
      </c>
      <c r="B3524" s="2">
        <v>23.03</v>
      </c>
      <c r="C3524">
        <v>5.188358</v>
      </c>
      <c r="D3524">
        <f t="shared" si="108"/>
        <v>5.1883579999999997E-3</v>
      </c>
      <c r="E3524" s="6">
        <f t="shared" si="109"/>
        <v>0.11948788473999999</v>
      </c>
    </row>
    <row r="3525" spans="1:5" x14ac:dyDescent="0.25">
      <c r="A3525" s="1">
        <v>43702.708333333336</v>
      </c>
      <c r="B3525" s="2">
        <v>23.71</v>
      </c>
      <c r="C3525">
        <v>3.692698</v>
      </c>
      <c r="D3525">
        <f t="shared" si="108"/>
        <v>3.6926979999999999E-3</v>
      </c>
      <c r="E3525" s="6">
        <f t="shared" si="109"/>
        <v>8.7553869579999999E-2</v>
      </c>
    </row>
    <row r="3526" spans="1:5" x14ac:dyDescent="0.25">
      <c r="A3526" s="1">
        <v>43702.75</v>
      </c>
      <c r="B3526" s="2">
        <v>21.99</v>
      </c>
      <c r="C3526">
        <v>1.884687</v>
      </c>
      <c r="D3526">
        <f t="shared" ref="D3526:D3589" si="110">C3526/1000</f>
        <v>1.8846869999999999E-3</v>
      </c>
      <c r="E3526" s="6">
        <f t="shared" ref="E3526:E3589" si="111">D3526*B3526</f>
        <v>4.1444267129999997E-2</v>
      </c>
    </row>
    <row r="3527" spans="1:5" x14ac:dyDescent="0.25">
      <c r="A3527" s="1">
        <v>43702.791666666664</v>
      </c>
      <c r="B3527" s="2">
        <v>21.92</v>
      </c>
      <c r="C3527">
        <v>0.319442</v>
      </c>
      <c r="D3527">
        <f t="shared" si="110"/>
        <v>3.1944200000000002E-4</v>
      </c>
      <c r="E3527" s="6">
        <f t="shared" si="111"/>
        <v>7.0021686400000014E-3</v>
      </c>
    </row>
    <row r="3528" spans="1:5" x14ac:dyDescent="0.25">
      <c r="A3528" s="1">
        <v>43702.833333333336</v>
      </c>
      <c r="B3528" s="2">
        <v>21.17</v>
      </c>
      <c r="C3528">
        <v>0</v>
      </c>
      <c r="D3528">
        <f t="shared" si="110"/>
        <v>0</v>
      </c>
      <c r="E3528" s="6">
        <f t="shared" si="111"/>
        <v>0</v>
      </c>
    </row>
    <row r="3529" spans="1:5" x14ac:dyDescent="0.25">
      <c r="A3529" s="1">
        <v>43702.875</v>
      </c>
      <c r="B3529" s="2">
        <v>19.96</v>
      </c>
      <c r="C3529">
        <v>0</v>
      </c>
      <c r="D3529">
        <f t="shared" si="110"/>
        <v>0</v>
      </c>
      <c r="E3529" s="6">
        <f t="shared" si="111"/>
        <v>0</v>
      </c>
    </row>
    <row r="3530" spans="1:5" x14ac:dyDescent="0.25">
      <c r="A3530" s="1">
        <v>43702.916666666664</v>
      </c>
      <c r="B3530" s="2">
        <v>17.29</v>
      </c>
      <c r="C3530">
        <v>0</v>
      </c>
      <c r="D3530">
        <f t="shared" si="110"/>
        <v>0</v>
      </c>
      <c r="E3530" s="6">
        <f t="shared" si="111"/>
        <v>0</v>
      </c>
    </row>
    <row r="3531" spans="1:5" x14ac:dyDescent="0.25">
      <c r="A3531" s="1">
        <v>43702.958333333336</v>
      </c>
      <c r="B3531" s="2">
        <v>15.27</v>
      </c>
      <c r="C3531">
        <v>0</v>
      </c>
      <c r="D3531">
        <f t="shared" si="110"/>
        <v>0</v>
      </c>
      <c r="E3531" s="6">
        <f t="shared" si="111"/>
        <v>0</v>
      </c>
    </row>
    <row r="3532" spans="1:5" x14ac:dyDescent="0.25">
      <c r="A3532" s="1">
        <v>43703</v>
      </c>
      <c r="B3532" s="2">
        <v>14.58</v>
      </c>
      <c r="C3532">
        <v>0</v>
      </c>
      <c r="D3532">
        <f t="shared" si="110"/>
        <v>0</v>
      </c>
      <c r="E3532" s="6">
        <f t="shared" si="111"/>
        <v>0</v>
      </c>
    </row>
    <row r="3533" spans="1:5" x14ac:dyDescent="0.25">
      <c r="A3533" s="1">
        <v>43703.041666666664</v>
      </c>
      <c r="B3533" s="2">
        <v>14.33</v>
      </c>
      <c r="C3533">
        <v>0</v>
      </c>
      <c r="D3533">
        <f t="shared" si="110"/>
        <v>0</v>
      </c>
      <c r="E3533" s="6">
        <f t="shared" si="111"/>
        <v>0</v>
      </c>
    </row>
    <row r="3534" spans="1:5" x14ac:dyDescent="0.25">
      <c r="A3534" s="1">
        <v>43703.083333333336</v>
      </c>
      <c r="B3534" s="2">
        <v>14.14</v>
      </c>
      <c r="C3534">
        <v>0</v>
      </c>
      <c r="D3534">
        <f t="shared" si="110"/>
        <v>0</v>
      </c>
      <c r="E3534" s="6">
        <f t="shared" si="111"/>
        <v>0</v>
      </c>
    </row>
    <row r="3535" spans="1:5" x14ac:dyDescent="0.25">
      <c r="A3535" s="1">
        <v>43703.125</v>
      </c>
      <c r="B3535" s="2">
        <v>14.3</v>
      </c>
      <c r="C3535">
        <v>0</v>
      </c>
      <c r="D3535">
        <f t="shared" si="110"/>
        <v>0</v>
      </c>
      <c r="E3535" s="6">
        <f t="shared" si="111"/>
        <v>0</v>
      </c>
    </row>
    <row r="3536" spans="1:5" x14ac:dyDescent="0.25">
      <c r="A3536" s="1">
        <v>43703.166666666664</v>
      </c>
      <c r="B3536" s="2">
        <v>14.28</v>
      </c>
      <c r="C3536">
        <v>0</v>
      </c>
      <c r="D3536">
        <f t="shared" si="110"/>
        <v>0</v>
      </c>
      <c r="E3536" s="6">
        <f t="shared" si="111"/>
        <v>0</v>
      </c>
    </row>
    <row r="3537" spans="1:5" x14ac:dyDescent="0.25">
      <c r="A3537" s="1">
        <v>43703.208333333336</v>
      </c>
      <c r="B3537" s="2">
        <v>15.67</v>
      </c>
      <c r="C3537">
        <v>0</v>
      </c>
      <c r="D3537">
        <f t="shared" si="110"/>
        <v>0</v>
      </c>
      <c r="E3537" s="6">
        <f t="shared" si="111"/>
        <v>0</v>
      </c>
    </row>
    <row r="3538" spans="1:5" x14ac:dyDescent="0.25">
      <c r="A3538" s="1">
        <v>43703.25</v>
      </c>
      <c r="B3538" s="2">
        <v>19.7</v>
      </c>
      <c r="C3538">
        <v>0</v>
      </c>
      <c r="D3538">
        <f t="shared" si="110"/>
        <v>0</v>
      </c>
      <c r="E3538" s="6">
        <f t="shared" si="111"/>
        <v>0</v>
      </c>
    </row>
    <row r="3539" spans="1:5" x14ac:dyDescent="0.25">
      <c r="A3539" s="1">
        <v>43703.291666666664</v>
      </c>
      <c r="B3539" s="2">
        <v>19.64</v>
      </c>
      <c r="C3539">
        <v>0.21584899999999999</v>
      </c>
      <c r="D3539">
        <f t="shared" si="110"/>
        <v>2.1584899999999997E-4</v>
      </c>
      <c r="E3539" s="6">
        <f t="shared" si="111"/>
        <v>4.2392743599999998E-3</v>
      </c>
    </row>
    <row r="3540" spans="1:5" x14ac:dyDescent="0.25">
      <c r="A3540" s="1">
        <v>43703.333333333336</v>
      </c>
      <c r="B3540" s="2">
        <v>20.350000000000001</v>
      </c>
      <c r="C3540">
        <v>1.00966</v>
      </c>
      <c r="D3540">
        <f t="shared" si="110"/>
        <v>1.0096599999999999E-3</v>
      </c>
      <c r="E3540" s="6">
        <f t="shared" si="111"/>
        <v>2.0546580999999998E-2</v>
      </c>
    </row>
    <row r="3541" spans="1:5" x14ac:dyDescent="0.25">
      <c r="A3541" s="1">
        <v>43703.375</v>
      </c>
      <c r="B3541" s="2">
        <v>20.8</v>
      </c>
      <c r="C3541">
        <v>3.5685889999999998</v>
      </c>
      <c r="D3541">
        <f t="shared" si="110"/>
        <v>3.5685889999999996E-3</v>
      </c>
      <c r="E3541" s="6">
        <f t="shared" si="111"/>
        <v>7.4226651199999993E-2</v>
      </c>
    </row>
    <row r="3542" spans="1:5" x14ac:dyDescent="0.25">
      <c r="A3542" s="1">
        <v>43703.416666666664</v>
      </c>
      <c r="B3542" s="2">
        <v>21.87</v>
      </c>
      <c r="C3542">
        <v>5.1136650000000001</v>
      </c>
      <c r="D3542">
        <f t="shared" si="110"/>
        <v>5.1136649999999999E-3</v>
      </c>
      <c r="E3542" s="6">
        <f t="shared" si="111"/>
        <v>0.11183585355</v>
      </c>
    </row>
    <row r="3543" spans="1:5" x14ac:dyDescent="0.25">
      <c r="A3543" s="1">
        <v>43703.458333333336</v>
      </c>
      <c r="B3543" s="2">
        <v>23.1</v>
      </c>
      <c r="C3543">
        <v>4.9782000000000002</v>
      </c>
      <c r="D3543">
        <f t="shared" si="110"/>
        <v>4.9782000000000003E-3</v>
      </c>
      <c r="E3543" s="6">
        <f t="shared" si="111"/>
        <v>0.11499642000000002</v>
      </c>
    </row>
    <row r="3544" spans="1:5" x14ac:dyDescent="0.25">
      <c r="A3544" s="1">
        <v>43703.5</v>
      </c>
      <c r="B3544" s="2">
        <v>24.05</v>
      </c>
      <c r="C3544">
        <v>5.3923699999999997</v>
      </c>
      <c r="D3544">
        <f t="shared" si="110"/>
        <v>5.3923699999999996E-3</v>
      </c>
      <c r="E3544" s="6">
        <f t="shared" si="111"/>
        <v>0.1296864985</v>
      </c>
    </row>
    <row r="3545" spans="1:5" x14ac:dyDescent="0.25">
      <c r="A3545" s="1">
        <v>43703.541666666664</v>
      </c>
      <c r="B3545" s="2">
        <v>25.91</v>
      </c>
      <c r="C3545">
        <v>7.0368000000000004</v>
      </c>
      <c r="D3545">
        <f t="shared" si="110"/>
        <v>7.0368000000000002E-3</v>
      </c>
      <c r="E3545" s="6">
        <f t="shared" si="111"/>
        <v>0.18232348800000001</v>
      </c>
    </row>
    <row r="3546" spans="1:5" x14ac:dyDescent="0.25">
      <c r="A3546" s="1">
        <v>43703.583333333336</v>
      </c>
      <c r="B3546" s="2">
        <v>27.05</v>
      </c>
      <c r="C3546">
        <v>6.7255339999999997</v>
      </c>
      <c r="D3546">
        <f t="shared" si="110"/>
        <v>6.725534E-3</v>
      </c>
      <c r="E3546" s="6">
        <f t="shared" si="111"/>
        <v>0.1819256947</v>
      </c>
    </row>
    <row r="3547" spans="1:5" x14ac:dyDescent="0.25">
      <c r="A3547" s="1">
        <v>43703.625</v>
      </c>
      <c r="B3547" s="2">
        <v>27.32</v>
      </c>
      <c r="C3547">
        <v>6.113016</v>
      </c>
      <c r="D3547">
        <f t="shared" si="110"/>
        <v>6.1130159999999998E-3</v>
      </c>
      <c r="E3547" s="6">
        <f t="shared" si="111"/>
        <v>0.16700759711999999</v>
      </c>
    </row>
    <row r="3548" spans="1:5" x14ac:dyDescent="0.25">
      <c r="A3548" s="1">
        <v>43703.666666666664</v>
      </c>
      <c r="B3548" s="2">
        <v>28.06</v>
      </c>
      <c r="C3548">
        <v>5.1097760000000001</v>
      </c>
      <c r="D3548">
        <f t="shared" si="110"/>
        <v>5.1097759999999999E-3</v>
      </c>
      <c r="E3548" s="6">
        <f t="shared" si="111"/>
        <v>0.14338031456</v>
      </c>
    </row>
    <row r="3549" spans="1:5" x14ac:dyDescent="0.25">
      <c r="A3549" s="1">
        <v>43703.708333333336</v>
      </c>
      <c r="B3549" s="2">
        <v>27.19</v>
      </c>
      <c r="C3549">
        <v>3.6170100000000001</v>
      </c>
      <c r="D3549">
        <f t="shared" si="110"/>
        <v>3.6170099999999999E-3</v>
      </c>
      <c r="E3549" s="6">
        <f t="shared" si="111"/>
        <v>9.8346501900000008E-2</v>
      </c>
    </row>
    <row r="3550" spans="1:5" x14ac:dyDescent="0.25">
      <c r="A3550" s="1">
        <v>43703.75</v>
      </c>
      <c r="B3550" s="2">
        <v>26.4</v>
      </c>
      <c r="C3550">
        <v>1.8230470000000001</v>
      </c>
      <c r="D3550">
        <f t="shared" si="110"/>
        <v>1.8230470000000002E-3</v>
      </c>
      <c r="E3550" s="6">
        <f t="shared" si="111"/>
        <v>4.8128440800000005E-2</v>
      </c>
    </row>
    <row r="3551" spans="1:5" x14ac:dyDescent="0.25">
      <c r="A3551" s="1">
        <v>43703.791666666664</v>
      </c>
      <c r="B3551" s="2">
        <v>25</v>
      </c>
      <c r="C3551">
        <v>0.311886</v>
      </c>
      <c r="D3551">
        <f t="shared" si="110"/>
        <v>3.1188599999999999E-4</v>
      </c>
      <c r="E3551" s="6">
        <f t="shared" si="111"/>
        <v>7.7971500000000001E-3</v>
      </c>
    </row>
    <row r="3552" spans="1:5" x14ac:dyDescent="0.25">
      <c r="A3552" s="1">
        <v>43703.833333333336</v>
      </c>
      <c r="B3552" s="2">
        <v>25.31</v>
      </c>
      <c r="C3552">
        <v>0</v>
      </c>
      <c r="D3552">
        <f t="shared" si="110"/>
        <v>0</v>
      </c>
      <c r="E3552" s="6">
        <f t="shared" si="111"/>
        <v>0</v>
      </c>
    </row>
    <row r="3553" spans="1:5" x14ac:dyDescent="0.25">
      <c r="A3553" s="1">
        <v>43703.875</v>
      </c>
      <c r="B3553" s="2">
        <v>23.29</v>
      </c>
      <c r="C3553">
        <v>0</v>
      </c>
      <c r="D3553">
        <f t="shared" si="110"/>
        <v>0</v>
      </c>
      <c r="E3553" s="6">
        <f t="shared" si="111"/>
        <v>0</v>
      </c>
    </row>
    <row r="3554" spans="1:5" x14ac:dyDescent="0.25">
      <c r="A3554" s="1">
        <v>43703.916666666664</v>
      </c>
      <c r="B3554" s="2">
        <v>20.39</v>
      </c>
      <c r="C3554">
        <v>0</v>
      </c>
      <c r="D3554">
        <f t="shared" si="110"/>
        <v>0</v>
      </c>
      <c r="E3554" s="6">
        <f t="shared" si="111"/>
        <v>0</v>
      </c>
    </row>
    <row r="3555" spans="1:5" x14ac:dyDescent="0.25">
      <c r="A3555" s="1">
        <v>43703.958333333336</v>
      </c>
      <c r="B3555" s="2">
        <v>18.899999999999999</v>
      </c>
      <c r="C3555">
        <v>0</v>
      </c>
      <c r="D3555">
        <f t="shared" si="110"/>
        <v>0</v>
      </c>
      <c r="E3555" s="6">
        <f t="shared" si="111"/>
        <v>0</v>
      </c>
    </row>
    <row r="3556" spans="1:5" x14ac:dyDescent="0.25">
      <c r="A3556" s="1">
        <v>43704</v>
      </c>
      <c r="B3556" s="2">
        <v>15.5</v>
      </c>
      <c r="C3556">
        <v>0</v>
      </c>
      <c r="D3556">
        <f t="shared" si="110"/>
        <v>0</v>
      </c>
      <c r="E3556" s="6">
        <f t="shared" si="111"/>
        <v>0</v>
      </c>
    </row>
    <row r="3557" spans="1:5" x14ac:dyDescent="0.25">
      <c r="A3557" s="1">
        <v>43704.041666666664</v>
      </c>
      <c r="B3557" s="2">
        <v>14.56</v>
      </c>
      <c r="C3557">
        <v>0</v>
      </c>
      <c r="D3557">
        <f t="shared" si="110"/>
        <v>0</v>
      </c>
      <c r="E3557" s="6">
        <f t="shared" si="111"/>
        <v>0</v>
      </c>
    </row>
    <row r="3558" spans="1:5" x14ac:dyDescent="0.25">
      <c r="A3558" s="1">
        <v>43704.083333333336</v>
      </c>
      <c r="B3558" s="2">
        <v>13.67</v>
      </c>
      <c r="C3558">
        <v>0</v>
      </c>
      <c r="D3558">
        <f t="shared" si="110"/>
        <v>0</v>
      </c>
      <c r="E3558" s="6">
        <f t="shared" si="111"/>
        <v>0</v>
      </c>
    </row>
    <row r="3559" spans="1:5" x14ac:dyDescent="0.25">
      <c r="A3559" s="1">
        <v>43704.125</v>
      </c>
      <c r="B3559" s="2">
        <v>13.37</v>
      </c>
      <c r="C3559">
        <v>0</v>
      </c>
      <c r="D3559">
        <f t="shared" si="110"/>
        <v>0</v>
      </c>
      <c r="E3559" s="6">
        <f t="shared" si="111"/>
        <v>0</v>
      </c>
    </row>
    <row r="3560" spans="1:5" x14ac:dyDescent="0.25">
      <c r="A3560" s="1">
        <v>43704.166666666664</v>
      </c>
      <c r="B3560" s="2">
        <v>13.51</v>
      </c>
      <c r="C3560">
        <v>0</v>
      </c>
      <c r="D3560">
        <f t="shared" si="110"/>
        <v>0</v>
      </c>
      <c r="E3560" s="6">
        <f t="shared" si="111"/>
        <v>0</v>
      </c>
    </row>
    <row r="3561" spans="1:5" x14ac:dyDescent="0.25">
      <c r="A3561" s="1">
        <v>43704.208333333336</v>
      </c>
      <c r="B3561" s="2">
        <v>15.6</v>
      </c>
      <c r="C3561">
        <v>0</v>
      </c>
      <c r="D3561">
        <f t="shared" si="110"/>
        <v>0</v>
      </c>
      <c r="E3561" s="6">
        <f t="shared" si="111"/>
        <v>0</v>
      </c>
    </row>
    <row r="3562" spans="1:5" x14ac:dyDescent="0.25">
      <c r="A3562" s="1">
        <v>43704.25</v>
      </c>
      <c r="B3562" s="2">
        <v>18.68</v>
      </c>
      <c r="C3562">
        <v>0</v>
      </c>
      <c r="D3562">
        <f t="shared" si="110"/>
        <v>0</v>
      </c>
      <c r="E3562" s="6">
        <f t="shared" si="111"/>
        <v>0</v>
      </c>
    </row>
    <row r="3563" spans="1:5" x14ac:dyDescent="0.25">
      <c r="A3563" s="1">
        <v>43704.291666666664</v>
      </c>
      <c r="B3563" s="2">
        <v>19.28</v>
      </c>
      <c r="C3563">
        <v>0.21160699999999999</v>
      </c>
      <c r="D3563">
        <f t="shared" si="110"/>
        <v>2.11607E-4</v>
      </c>
      <c r="E3563" s="6">
        <f t="shared" si="111"/>
        <v>4.0797829600000002E-3</v>
      </c>
    </row>
    <row r="3564" spans="1:5" x14ac:dyDescent="0.25">
      <c r="A3564" s="1">
        <v>43704.333333333336</v>
      </c>
      <c r="B3564" s="2">
        <v>19.87</v>
      </c>
      <c r="C3564">
        <v>1.6574849999999999</v>
      </c>
      <c r="D3564">
        <f t="shared" si="110"/>
        <v>1.6574849999999998E-3</v>
      </c>
      <c r="E3564" s="6">
        <f t="shared" si="111"/>
        <v>3.2934226949999999E-2</v>
      </c>
    </row>
    <row r="3565" spans="1:5" x14ac:dyDescent="0.25">
      <c r="A3565" s="1">
        <v>43704.375</v>
      </c>
      <c r="B3565" s="2">
        <v>20.46</v>
      </c>
      <c r="C3565">
        <v>3.5133960000000002</v>
      </c>
      <c r="D3565">
        <f t="shared" si="110"/>
        <v>3.5133960000000002E-3</v>
      </c>
      <c r="E3565" s="6">
        <f t="shared" si="111"/>
        <v>7.1884082160000001E-2</v>
      </c>
    </row>
    <row r="3566" spans="1:5" x14ac:dyDescent="0.25">
      <c r="A3566" s="1">
        <v>43704.416666666664</v>
      </c>
      <c r="B3566" s="2">
        <v>21.82</v>
      </c>
      <c r="C3566">
        <v>5.0197589999999996</v>
      </c>
      <c r="D3566">
        <f t="shared" si="110"/>
        <v>5.0197589999999995E-3</v>
      </c>
      <c r="E3566" s="6">
        <f t="shared" si="111"/>
        <v>0.10953114137999999</v>
      </c>
    </row>
    <row r="3567" spans="1:5" x14ac:dyDescent="0.25">
      <c r="A3567" s="1">
        <v>43704.458333333336</v>
      </c>
      <c r="B3567" s="2">
        <v>23.05</v>
      </c>
      <c r="C3567">
        <v>6.0843299999999996</v>
      </c>
      <c r="D3567">
        <f t="shared" si="110"/>
        <v>6.0843299999999998E-3</v>
      </c>
      <c r="E3567" s="6">
        <f t="shared" si="111"/>
        <v>0.14024380650000001</v>
      </c>
    </row>
    <row r="3568" spans="1:5" x14ac:dyDescent="0.25">
      <c r="A3568" s="1">
        <v>43704.5</v>
      </c>
      <c r="B3568" s="2">
        <v>24.4</v>
      </c>
      <c r="C3568">
        <v>6.6903360000000003</v>
      </c>
      <c r="D3568">
        <f t="shared" si="110"/>
        <v>6.6903359999999999E-3</v>
      </c>
      <c r="E3568" s="6">
        <f t="shared" si="111"/>
        <v>0.16324419839999998</v>
      </c>
    </row>
    <row r="3569" spans="1:5" x14ac:dyDescent="0.25">
      <c r="A3569" s="1">
        <v>43704.541666666664</v>
      </c>
      <c r="B3569" s="2">
        <v>26.22</v>
      </c>
      <c r="C3569">
        <v>6.8761109999999999</v>
      </c>
      <c r="D3569">
        <f t="shared" si="110"/>
        <v>6.8761109999999999E-3</v>
      </c>
      <c r="E3569" s="6">
        <f t="shared" si="111"/>
        <v>0.18029163041999999</v>
      </c>
    </row>
    <row r="3570" spans="1:5" x14ac:dyDescent="0.25">
      <c r="A3570" s="1">
        <v>43704.583333333336</v>
      </c>
      <c r="B3570" s="2">
        <v>26.46</v>
      </c>
      <c r="C3570">
        <v>6.6399179999999998</v>
      </c>
      <c r="D3570">
        <f t="shared" si="110"/>
        <v>6.6399179999999999E-3</v>
      </c>
      <c r="E3570" s="6">
        <f t="shared" si="111"/>
        <v>0.17569223028</v>
      </c>
    </row>
    <row r="3571" spans="1:5" x14ac:dyDescent="0.25">
      <c r="A3571" s="1">
        <v>43704.625</v>
      </c>
      <c r="B3571" s="2">
        <v>27.35</v>
      </c>
      <c r="C3571">
        <v>6.0660870000000005</v>
      </c>
      <c r="D3571">
        <f t="shared" si="110"/>
        <v>6.0660870000000004E-3</v>
      </c>
      <c r="E3571" s="6">
        <f t="shared" si="111"/>
        <v>0.16590747945000001</v>
      </c>
    </row>
    <row r="3572" spans="1:5" x14ac:dyDescent="0.25">
      <c r="A3572" s="1">
        <v>43704.666666666664</v>
      </c>
      <c r="B3572" s="2">
        <v>28.25</v>
      </c>
      <c r="C3572">
        <v>5.0436189999999996</v>
      </c>
      <c r="D3572">
        <f t="shared" si="110"/>
        <v>5.0436190000000001E-3</v>
      </c>
      <c r="E3572" s="6">
        <f t="shared" si="111"/>
        <v>0.14248223674999999</v>
      </c>
    </row>
    <row r="3573" spans="1:5" x14ac:dyDescent="0.25">
      <c r="A3573" s="1">
        <v>43704.708333333336</v>
      </c>
      <c r="B3573" s="2">
        <v>28.49</v>
      </c>
      <c r="C3573">
        <v>3.5859549999999998</v>
      </c>
      <c r="D3573">
        <f t="shared" si="110"/>
        <v>3.5859549999999996E-3</v>
      </c>
      <c r="E3573" s="6">
        <f t="shared" si="111"/>
        <v>0.10216385794999998</v>
      </c>
    </row>
    <row r="3574" spans="1:5" x14ac:dyDescent="0.25">
      <c r="A3574" s="1">
        <v>43704.75</v>
      </c>
      <c r="B3574" s="2">
        <v>26.46</v>
      </c>
      <c r="C3574">
        <v>1.8055809999999999</v>
      </c>
      <c r="D3574">
        <f t="shared" si="110"/>
        <v>1.8055809999999999E-3</v>
      </c>
      <c r="E3574" s="6">
        <f t="shared" si="111"/>
        <v>4.7775673259999998E-2</v>
      </c>
    </row>
    <row r="3575" spans="1:5" x14ac:dyDescent="0.25">
      <c r="A3575" s="1">
        <v>43704.791666666664</v>
      </c>
      <c r="B3575" s="2">
        <v>25.69</v>
      </c>
      <c r="C3575">
        <v>0.29844099999999996</v>
      </c>
      <c r="D3575">
        <f t="shared" si="110"/>
        <v>2.9844099999999993E-4</v>
      </c>
      <c r="E3575" s="6">
        <f t="shared" si="111"/>
        <v>7.666949289999999E-3</v>
      </c>
    </row>
    <row r="3576" spans="1:5" x14ac:dyDescent="0.25">
      <c r="A3576" s="1">
        <v>43704.833333333336</v>
      </c>
      <c r="B3576" s="2">
        <v>26.14</v>
      </c>
      <c r="C3576">
        <v>0</v>
      </c>
      <c r="D3576">
        <f t="shared" si="110"/>
        <v>0</v>
      </c>
      <c r="E3576" s="6">
        <f t="shared" si="111"/>
        <v>0</v>
      </c>
    </row>
    <row r="3577" spans="1:5" x14ac:dyDescent="0.25">
      <c r="A3577" s="1">
        <v>43704.875</v>
      </c>
      <c r="B3577" s="2">
        <v>23.7</v>
      </c>
      <c r="C3577">
        <v>0</v>
      </c>
      <c r="D3577">
        <f t="shared" si="110"/>
        <v>0</v>
      </c>
      <c r="E3577" s="6">
        <f t="shared" si="111"/>
        <v>0</v>
      </c>
    </row>
    <row r="3578" spans="1:5" x14ac:dyDescent="0.25">
      <c r="A3578" s="1">
        <v>43704.916666666664</v>
      </c>
      <c r="B3578" s="2">
        <v>20.27</v>
      </c>
      <c r="C3578">
        <v>0</v>
      </c>
      <c r="D3578">
        <f t="shared" si="110"/>
        <v>0</v>
      </c>
      <c r="E3578" s="6">
        <f t="shared" si="111"/>
        <v>0</v>
      </c>
    </row>
    <row r="3579" spans="1:5" x14ac:dyDescent="0.25">
      <c r="A3579" s="1">
        <v>43704.958333333336</v>
      </c>
      <c r="B3579" s="2">
        <v>19.64</v>
      </c>
      <c r="C3579">
        <v>0</v>
      </c>
      <c r="D3579">
        <f t="shared" si="110"/>
        <v>0</v>
      </c>
      <c r="E3579" s="6">
        <f t="shared" si="111"/>
        <v>0</v>
      </c>
    </row>
    <row r="3580" spans="1:5" x14ac:dyDescent="0.25">
      <c r="A3580" s="1">
        <v>43705</v>
      </c>
      <c r="B3580" s="2">
        <v>17.47</v>
      </c>
      <c r="C3580">
        <v>0</v>
      </c>
      <c r="D3580">
        <f t="shared" si="110"/>
        <v>0</v>
      </c>
      <c r="E3580" s="6">
        <f t="shared" si="111"/>
        <v>0</v>
      </c>
    </row>
    <row r="3581" spans="1:5" x14ac:dyDescent="0.25">
      <c r="A3581" s="1">
        <v>43705.041666666664</v>
      </c>
      <c r="B3581" s="2">
        <v>16.52</v>
      </c>
      <c r="C3581">
        <v>0</v>
      </c>
      <c r="D3581">
        <f t="shared" si="110"/>
        <v>0</v>
      </c>
      <c r="E3581" s="6">
        <f t="shared" si="111"/>
        <v>0</v>
      </c>
    </row>
    <row r="3582" spans="1:5" x14ac:dyDescent="0.25">
      <c r="A3582" s="1">
        <v>43705.083333333336</v>
      </c>
      <c r="B3582" s="2">
        <v>14.74</v>
      </c>
      <c r="C3582">
        <v>0</v>
      </c>
      <c r="D3582">
        <f t="shared" si="110"/>
        <v>0</v>
      </c>
      <c r="E3582" s="6">
        <f t="shared" si="111"/>
        <v>0</v>
      </c>
    </row>
    <row r="3583" spans="1:5" x14ac:dyDescent="0.25">
      <c r="A3583" s="1">
        <v>43705.125</v>
      </c>
      <c r="B3583" s="2">
        <v>14.03</v>
      </c>
      <c r="C3583">
        <v>0</v>
      </c>
      <c r="D3583">
        <f t="shared" si="110"/>
        <v>0</v>
      </c>
      <c r="E3583" s="6">
        <f t="shared" si="111"/>
        <v>0</v>
      </c>
    </row>
    <row r="3584" spans="1:5" x14ac:dyDescent="0.25">
      <c r="A3584" s="1">
        <v>43705.166666666664</v>
      </c>
      <c r="B3584" s="2">
        <v>14.45</v>
      </c>
      <c r="C3584">
        <v>0</v>
      </c>
      <c r="D3584">
        <f t="shared" si="110"/>
        <v>0</v>
      </c>
      <c r="E3584" s="6">
        <f t="shared" si="111"/>
        <v>0</v>
      </c>
    </row>
    <row r="3585" spans="1:5" x14ac:dyDescent="0.25">
      <c r="A3585" s="1">
        <v>43705.208333333336</v>
      </c>
      <c r="B3585" s="2">
        <v>17.09</v>
      </c>
      <c r="C3585">
        <v>0</v>
      </c>
      <c r="D3585">
        <f t="shared" si="110"/>
        <v>0</v>
      </c>
      <c r="E3585" s="6">
        <f t="shared" si="111"/>
        <v>0</v>
      </c>
    </row>
    <row r="3586" spans="1:5" x14ac:dyDescent="0.25">
      <c r="A3586" s="1">
        <v>43705.25</v>
      </c>
      <c r="B3586" s="2">
        <v>18.79</v>
      </c>
      <c r="C3586">
        <v>0</v>
      </c>
      <c r="D3586">
        <f t="shared" si="110"/>
        <v>0</v>
      </c>
      <c r="E3586" s="6">
        <f t="shared" si="111"/>
        <v>0</v>
      </c>
    </row>
    <row r="3587" spans="1:5" x14ac:dyDescent="0.25">
      <c r="A3587" s="1">
        <v>43705.291666666664</v>
      </c>
      <c r="B3587" s="2">
        <v>19.899999999999999</v>
      </c>
      <c r="C3587">
        <v>0.214314</v>
      </c>
      <c r="D3587">
        <f t="shared" si="110"/>
        <v>2.1431400000000001E-4</v>
      </c>
      <c r="E3587" s="6">
        <f t="shared" si="111"/>
        <v>4.2648486000000001E-3</v>
      </c>
    </row>
    <row r="3588" spans="1:5" x14ac:dyDescent="0.25">
      <c r="A3588" s="1">
        <v>43705.333333333336</v>
      </c>
      <c r="B3588" s="2">
        <v>20.03</v>
      </c>
      <c r="C3588">
        <v>1.5710809999999999</v>
      </c>
      <c r="D3588">
        <f t="shared" si="110"/>
        <v>1.571081E-3</v>
      </c>
      <c r="E3588" s="6">
        <f t="shared" si="111"/>
        <v>3.1468752430000003E-2</v>
      </c>
    </row>
    <row r="3589" spans="1:5" x14ac:dyDescent="0.25">
      <c r="A3589" s="1">
        <v>43705.375</v>
      </c>
      <c r="B3589" s="2">
        <v>21.67</v>
      </c>
      <c r="C3589">
        <v>3.357288</v>
      </c>
      <c r="D3589">
        <f t="shared" si="110"/>
        <v>3.3572879999999999E-3</v>
      </c>
      <c r="E3589" s="6">
        <f t="shared" si="111"/>
        <v>7.2752430960000003E-2</v>
      </c>
    </row>
    <row r="3590" spans="1:5" x14ac:dyDescent="0.25">
      <c r="A3590" s="1">
        <v>43705.416666666664</v>
      </c>
      <c r="B3590" s="2">
        <v>23.22</v>
      </c>
      <c r="C3590">
        <v>4.8625789999999993</v>
      </c>
      <c r="D3590">
        <f t="shared" ref="D3590:D3653" si="112">C3590/1000</f>
        <v>4.8625789999999997E-3</v>
      </c>
      <c r="E3590" s="6">
        <f t="shared" ref="E3590:E3653" si="113">D3590*B3590</f>
        <v>0.11290908437999998</v>
      </c>
    </row>
    <row r="3591" spans="1:5" x14ac:dyDescent="0.25">
      <c r="A3591" s="1">
        <v>43705.458333333336</v>
      </c>
      <c r="B3591" s="2">
        <v>24.81</v>
      </c>
      <c r="C3591">
        <v>5.9340989999999998</v>
      </c>
      <c r="D3591">
        <f t="shared" si="112"/>
        <v>5.934099E-3</v>
      </c>
      <c r="E3591" s="6">
        <f t="shared" si="113"/>
        <v>0.14722499618999998</v>
      </c>
    </row>
    <row r="3592" spans="1:5" x14ac:dyDescent="0.25">
      <c r="A3592" s="1">
        <v>43705.5</v>
      </c>
      <c r="B3592" s="2">
        <v>26.51</v>
      </c>
      <c r="C3592">
        <v>6.5392569999999992</v>
      </c>
      <c r="D3592">
        <f t="shared" si="112"/>
        <v>6.5392569999999988E-3</v>
      </c>
      <c r="E3592" s="6">
        <f t="shared" si="113"/>
        <v>0.17335570306999998</v>
      </c>
    </row>
    <row r="3593" spans="1:5" x14ac:dyDescent="0.25">
      <c r="A3593" s="1">
        <v>43705.541666666664</v>
      </c>
      <c r="B3593" s="2">
        <v>28.7</v>
      </c>
      <c r="C3593">
        <v>5.9195919999999997</v>
      </c>
      <c r="D3593">
        <f t="shared" si="112"/>
        <v>5.9195919999999996E-3</v>
      </c>
      <c r="E3593" s="6">
        <f t="shared" si="113"/>
        <v>0.16989229039999998</v>
      </c>
    </row>
    <row r="3594" spans="1:5" x14ac:dyDescent="0.25">
      <c r="A3594" s="1">
        <v>43705.583333333336</v>
      </c>
      <c r="B3594" s="2">
        <v>28.98</v>
      </c>
      <c r="C3594">
        <v>0.74703900000000001</v>
      </c>
      <c r="D3594">
        <f t="shared" si="112"/>
        <v>7.4703900000000001E-4</v>
      </c>
      <c r="E3594" s="6">
        <f t="shared" si="113"/>
        <v>2.164919022E-2</v>
      </c>
    </row>
    <row r="3595" spans="1:5" x14ac:dyDescent="0.25">
      <c r="A3595" s="1">
        <v>43705.625</v>
      </c>
      <c r="B3595" s="2">
        <v>29.96</v>
      </c>
      <c r="C3595">
        <v>0.97234600000000004</v>
      </c>
      <c r="D3595">
        <f t="shared" si="112"/>
        <v>9.7234600000000002E-4</v>
      </c>
      <c r="E3595" s="6">
        <f t="shared" si="113"/>
        <v>2.9131486160000001E-2</v>
      </c>
    </row>
    <row r="3596" spans="1:5" x14ac:dyDescent="0.25">
      <c r="A3596" s="1">
        <v>43705.666666666664</v>
      </c>
      <c r="B3596" s="2">
        <v>33.21</v>
      </c>
      <c r="C3596">
        <v>0.37545800000000001</v>
      </c>
      <c r="D3596">
        <f t="shared" si="112"/>
        <v>3.7545800000000001E-4</v>
      </c>
      <c r="E3596" s="6">
        <f t="shared" si="113"/>
        <v>1.246896018E-2</v>
      </c>
    </row>
    <row r="3597" spans="1:5" x14ac:dyDescent="0.25">
      <c r="A3597" s="1">
        <v>43705.708333333336</v>
      </c>
      <c r="B3597" s="2">
        <v>31.78</v>
      </c>
      <c r="C3597">
        <v>2.3919580000000003</v>
      </c>
      <c r="D3597">
        <f t="shared" si="112"/>
        <v>2.3919580000000005E-3</v>
      </c>
      <c r="E3597" s="6">
        <f t="shared" si="113"/>
        <v>7.6016425240000018E-2</v>
      </c>
    </row>
    <row r="3598" spans="1:5" x14ac:dyDescent="0.25">
      <c r="A3598" s="1">
        <v>43705.75</v>
      </c>
      <c r="B3598" s="2">
        <v>27.62</v>
      </c>
      <c r="C3598">
        <v>0.860541</v>
      </c>
      <c r="D3598">
        <f t="shared" si="112"/>
        <v>8.6054100000000004E-4</v>
      </c>
      <c r="E3598" s="6">
        <f t="shared" si="113"/>
        <v>2.3768142420000003E-2</v>
      </c>
    </row>
    <row r="3599" spans="1:5" x14ac:dyDescent="0.25">
      <c r="A3599" s="1">
        <v>43705.791666666664</v>
      </c>
      <c r="B3599" s="2">
        <v>27.49</v>
      </c>
      <c r="C3599">
        <v>0.18402099999999999</v>
      </c>
      <c r="D3599">
        <f t="shared" si="112"/>
        <v>1.8402099999999998E-4</v>
      </c>
      <c r="E3599" s="6">
        <f t="shared" si="113"/>
        <v>5.0587372899999995E-3</v>
      </c>
    </row>
    <row r="3600" spans="1:5" x14ac:dyDescent="0.25">
      <c r="A3600" s="1">
        <v>43705.833333333336</v>
      </c>
      <c r="B3600" s="2">
        <v>27.11</v>
      </c>
      <c r="C3600">
        <v>0</v>
      </c>
      <c r="D3600">
        <f t="shared" si="112"/>
        <v>0</v>
      </c>
      <c r="E3600" s="6">
        <f t="shared" si="113"/>
        <v>0</v>
      </c>
    </row>
    <row r="3601" spans="1:5" x14ac:dyDescent="0.25">
      <c r="A3601" s="1">
        <v>43705.875</v>
      </c>
      <c r="B3601" s="2">
        <v>23.78</v>
      </c>
      <c r="C3601">
        <v>0</v>
      </c>
      <c r="D3601">
        <f t="shared" si="112"/>
        <v>0</v>
      </c>
      <c r="E3601" s="6">
        <f t="shared" si="113"/>
        <v>0</v>
      </c>
    </row>
    <row r="3602" spans="1:5" x14ac:dyDescent="0.25">
      <c r="A3602" s="1">
        <v>43705.916666666664</v>
      </c>
      <c r="B3602" s="2">
        <v>20.49</v>
      </c>
      <c r="C3602">
        <v>0</v>
      </c>
      <c r="D3602">
        <f t="shared" si="112"/>
        <v>0</v>
      </c>
      <c r="E3602" s="6">
        <f t="shared" si="113"/>
        <v>0</v>
      </c>
    </row>
    <row r="3603" spans="1:5" x14ac:dyDescent="0.25">
      <c r="A3603" s="1">
        <v>43705.958333333336</v>
      </c>
      <c r="B3603" s="2">
        <v>18.61</v>
      </c>
      <c r="C3603">
        <v>0</v>
      </c>
      <c r="D3603">
        <f t="shared" si="112"/>
        <v>0</v>
      </c>
      <c r="E3603" s="6">
        <f t="shared" si="113"/>
        <v>0</v>
      </c>
    </row>
    <row r="3604" spans="1:5" x14ac:dyDescent="0.25">
      <c r="A3604" s="1">
        <v>43706</v>
      </c>
      <c r="B3604" s="2">
        <v>17.95</v>
      </c>
      <c r="C3604">
        <v>0</v>
      </c>
      <c r="D3604">
        <f t="shared" si="112"/>
        <v>0</v>
      </c>
      <c r="E3604" s="6">
        <f t="shared" si="113"/>
        <v>0</v>
      </c>
    </row>
    <row r="3605" spans="1:5" x14ac:dyDescent="0.25">
      <c r="A3605" s="1">
        <v>43706.041666666664</v>
      </c>
      <c r="B3605" s="2">
        <v>16.87</v>
      </c>
      <c r="C3605">
        <v>0</v>
      </c>
      <c r="D3605">
        <f t="shared" si="112"/>
        <v>0</v>
      </c>
      <c r="E3605" s="6">
        <f t="shared" si="113"/>
        <v>0</v>
      </c>
    </row>
    <row r="3606" spans="1:5" x14ac:dyDescent="0.25">
      <c r="A3606" s="1">
        <v>43706.083333333336</v>
      </c>
      <c r="B3606" s="2">
        <v>15.01</v>
      </c>
      <c r="C3606">
        <v>0</v>
      </c>
      <c r="D3606">
        <f t="shared" si="112"/>
        <v>0</v>
      </c>
      <c r="E3606" s="6">
        <f t="shared" si="113"/>
        <v>0</v>
      </c>
    </row>
    <row r="3607" spans="1:5" x14ac:dyDescent="0.25">
      <c r="A3607" s="1">
        <v>43706.125</v>
      </c>
      <c r="B3607" s="2">
        <v>14.17</v>
      </c>
      <c r="C3607">
        <v>0</v>
      </c>
      <c r="D3607">
        <f t="shared" si="112"/>
        <v>0</v>
      </c>
      <c r="E3607" s="6">
        <f t="shared" si="113"/>
        <v>0</v>
      </c>
    </row>
    <row r="3608" spans="1:5" x14ac:dyDescent="0.25">
      <c r="A3608" s="1">
        <v>43706.166666666664</v>
      </c>
      <c r="B3608" s="2">
        <v>14.63</v>
      </c>
      <c r="C3608">
        <v>0</v>
      </c>
      <c r="D3608">
        <f t="shared" si="112"/>
        <v>0</v>
      </c>
      <c r="E3608" s="6">
        <f t="shared" si="113"/>
        <v>0</v>
      </c>
    </row>
    <row r="3609" spans="1:5" x14ac:dyDescent="0.25">
      <c r="A3609" s="1">
        <v>43706.208333333336</v>
      </c>
      <c r="B3609" s="2">
        <v>18.02</v>
      </c>
      <c r="C3609">
        <v>0</v>
      </c>
      <c r="D3609">
        <f t="shared" si="112"/>
        <v>0</v>
      </c>
      <c r="E3609" s="6">
        <f t="shared" si="113"/>
        <v>0</v>
      </c>
    </row>
    <row r="3610" spans="1:5" x14ac:dyDescent="0.25">
      <c r="A3610" s="1">
        <v>43706.25</v>
      </c>
      <c r="B3610" s="2">
        <v>20.03</v>
      </c>
      <c r="C3610">
        <v>0</v>
      </c>
      <c r="D3610">
        <f t="shared" si="112"/>
        <v>0</v>
      </c>
      <c r="E3610" s="6">
        <f t="shared" si="113"/>
        <v>0</v>
      </c>
    </row>
    <row r="3611" spans="1:5" x14ac:dyDescent="0.25">
      <c r="A3611" s="1">
        <v>43706.291666666664</v>
      </c>
      <c r="B3611" s="2">
        <v>20.22</v>
      </c>
      <c r="C3611">
        <v>0.20521999999999999</v>
      </c>
      <c r="D3611">
        <f t="shared" si="112"/>
        <v>2.0521999999999999E-4</v>
      </c>
      <c r="E3611" s="6">
        <f t="shared" si="113"/>
        <v>4.1495483999999996E-3</v>
      </c>
    </row>
    <row r="3612" spans="1:5" x14ac:dyDescent="0.25">
      <c r="A3612" s="1">
        <v>43706.333333333336</v>
      </c>
      <c r="B3612" s="2">
        <v>20.239999999999998</v>
      </c>
      <c r="C3612">
        <v>1.619907</v>
      </c>
      <c r="D3612">
        <f t="shared" si="112"/>
        <v>1.6199070000000001E-3</v>
      </c>
      <c r="E3612" s="6">
        <f t="shared" si="113"/>
        <v>3.278691768E-2</v>
      </c>
    </row>
    <row r="3613" spans="1:5" x14ac:dyDescent="0.25">
      <c r="A3613" s="1">
        <v>43706.375</v>
      </c>
      <c r="B3613" s="2">
        <v>21.58</v>
      </c>
      <c r="C3613">
        <v>3.4643539999999997</v>
      </c>
      <c r="D3613">
        <f t="shared" si="112"/>
        <v>3.4643539999999998E-3</v>
      </c>
      <c r="E3613" s="6">
        <f t="shared" si="113"/>
        <v>7.4760759319999995E-2</v>
      </c>
    </row>
    <row r="3614" spans="1:5" x14ac:dyDescent="0.25">
      <c r="A3614" s="1">
        <v>43706.416666666664</v>
      </c>
      <c r="B3614" s="2">
        <v>23.42</v>
      </c>
      <c r="C3614">
        <v>4.9804810000000002</v>
      </c>
      <c r="D3614">
        <f t="shared" si="112"/>
        <v>4.9804810000000001E-3</v>
      </c>
      <c r="E3614" s="6">
        <f t="shared" si="113"/>
        <v>0.11664286502000001</v>
      </c>
    </row>
    <row r="3615" spans="1:5" x14ac:dyDescent="0.25">
      <c r="A3615" s="1">
        <v>43706.458333333336</v>
      </c>
      <c r="B3615" s="2">
        <v>25</v>
      </c>
      <c r="C3615">
        <v>4.7250420000000002</v>
      </c>
      <c r="D3615">
        <f t="shared" si="112"/>
        <v>4.7250420000000005E-3</v>
      </c>
      <c r="E3615" s="6">
        <f t="shared" si="113"/>
        <v>0.11812605000000001</v>
      </c>
    </row>
    <row r="3616" spans="1:5" x14ac:dyDescent="0.25">
      <c r="A3616" s="1">
        <v>43706.5</v>
      </c>
      <c r="B3616" s="2">
        <v>26.46</v>
      </c>
      <c r="C3616">
        <v>6.7402150000000001</v>
      </c>
      <c r="D3616">
        <f t="shared" si="112"/>
        <v>6.7402149999999999E-3</v>
      </c>
      <c r="E3616" s="6">
        <f t="shared" si="113"/>
        <v>0.1783460889</v>
      </c>
    </row>
    <row r="3617" spans="1:5" x14ac:dyDescent="0.25">
      <c r="A3617" s="1">
        <v>43706.541666666664</v>
      </c>
      <c r="B3617" s="2">
        <v>29.42</v>
      </c>
      <c r="C3617">
        <v>6.8933140000000002</v>
      </c>
      <c r="D3617">
        <f t="shared" si="112"/>
        <v>6.8933140000000002E-3</v>
      </c>
      <c r="E3617" s="6">
        <f t="shared" si="113"/>
        <v>0.20280129788000001</v>
      </c>
    </row>
    <row r="3618" spans="1:5" x14ac:dyDescent="0.25">
      <c r="A3618" s="1">
        <v>43706.583333333336</v>
      </c>
      <c r="B3618" s="2">
        <v>30.03</v>
      </c>
      <c r="C3618">
        <v>3.7146570000000003</v>
      </c>
      <c r="D3618">
        <f t="shared" si="112"/>
        <v>3.7146570000000001E-3</v>
      </c>
      <c r="E3618" s="6">
        <f t="shared" si="113"/>
        <v>0.11155114971000001</v>
      </c>
    </row>
    <row r="3619" spans="1:5" x14ac:dyDescent="0.25">
      <c r="A3619" s="1">
        <v>43706.625</v>
      </c>
      <c r="B3619" s="2">
        <v>33.93</v>
      </c>
      <c r="C3619">
        <v>6.136298</v>
      </c>
      <c r="D3619">
        <f t="shared" si="112"/>
        <v>6.1362980000000001E-3</v>
      </c>
      <c r="E3619" s="6">
        <f t="shared" si="113"/>
        <v>0.20820459114000001</v>
      </c>
    </row>
    <row r="3620" spans="1:5" x14ac:dyDescent="0.25">
      <c r="A3620" s="1">
        <v>43706.666666666664</v>
      </c>
      <c r="B3620" s="2">
        <v>35.43</v>
      </c>
      <c r="C3620">
        <v>5.0174440000000002</v>
      </c>
      <c r="D3620">
        <f t="shared" si="112"/>
        <v>5.0174440000000002E-3</v>
      </c>
      <c r="E3620" s="6">
        <f t="shared" si="113"/>
        <v>0.17776804092000001</v>
      </c>
    </row>
    <row r="3621" spans="1:5" x14ac:dyDescent="0.25">
      <c r="A3621" s="1">
        <v>43706.708333333336</v>
      </c>
      <c r="B3621" s="2">
        <v>37.619999999999997</v>
      </c>
      <c r="C3621">
        <v>3.4286720000000002</v>
      </c>
      <c r="D3621">
        <f t="shared" si="112"/>
        <v>3.4286720000000002E-3</v>
      </c>
      <c r="E3621" s="6">
        <f t="shared" si="113"/>
        <v>0.12898664064000001</v>
      </c>
    </row>
    <row r="3622" spans="1:5" x14ac:dyDescent="0.25">
      <c r="A3622" s="1">
        <v>43706.75</v>
      </c>
      <c r="B3622" s="2">
        <v>29.89</v>
      </c>
      <c r="C3622">
        <v>1.654253</v>
      </c>
      <c r="D3622">
        <f t="shared" si="112"/>
        <v>1.6542530000000001E-3</v>
      </c>
      <c r="E3622" s="6">
        <f t="shared" si="113"/>
        <v>4.9445622170000002E-2</v>
      </c>
    </row>
    <row r="3623" spans="1:5" x14ac:dyDescent="0.25">
      <c r="A3623" s="1">
        <v>43706.791666666664</v>
      </c>
      <c r="B3623" s="2">
        <v>27.65</v>
      </c>
      <c r="C3623">
        <v>0.27061799999999997</v>
      </c>
      <c r="D3623">
        <f t="shared" si="112"/>
        <v>2.7061799999999998E-4</v>
      </c>
      <c r="E3623" s="6">
        <f t="shared" si="113"/>
        <v>7.4825876999999987E-3</v>
      </c>
    </row>
    <row r="3624" spans="1:5" x14ac:dyDescent="0.25">
      <c r="A3624" s="1">
        <v>43706.833333333336</v>
      </c>
      <c r="B3624" s="2">
        <v>28.3</v>
      </c>
      <c r="C3624">
        <v>0</v>
      </c>
      <c r="D3624">
        <f t="shared" si="112"/>
        <v>0</v>
      </c>
      <c r="E3624" s="6">
        <f t="shared" si="113"/>
        <v>0</v>
      </c>
    </row>
    <row r="3625" spans="1:5" x14ac:dyDescent="0.25">
      <c r="A3625" s="1">
        <v>43706.875</v>
      </c>
      <c r="B3625" s="2">
        <v>24.36</v>
      </c>
      <c r="C3625">
        <v>0</v>
      </c>
      <c r="D3625">
        <f t="shared" si="112"/>
        <v>0</v>
      </c>
      <c r="E3625" s="6">
        <f t="shared" si="113"/>
        <v>0</v>
      </c>
    </row>
    <row r="3626" spans="1:5" x14ac:dyDescent="0.25">
      <c r="A3626" s="1">
        <v>43706.916666666664</v>
      </c>
      <c r="B3626" s="2">
        <v>20.55</v>
      </c>
      <c r="C3626">
        <v>0</v>
      </c>
      <c r="D3626">
        <f t="shared" si="112"/>
        <v>0</v>
      </c>
      <c r="E3626" s="6">
        <f t="shared" si="113"/>
        <v>0</v>
      </c>
    </row>
    <row r="3627" spans="1:5" x14ac:dyDescent="0.25">
      <c r="A3627" s="1">
        <v>43706.958333333336</v>
      </c>
      <c r="B3627" s="2">
        <v>19.66</v>
      </c>
      <c r="C3627">
        <v>0</v>
      </c>
      <c r="D3627">
        <f t="shared" si="112"/>
        <v>0</v>
      </c>
      <c r="E3627" s="6">
        <f t="shared" si="113"/>
        <v>0</v>
      </c>
    </row>
    <row r="3628" spans="1:5" x14ac:dyDescent="0.25">
      <c r="A3628" s="1">
        <v>43707</v>
      </c>
      <c r="B3628" s="2">
        <v>18.61</v>
      </c>
      <c r="C3628">
        <v>0</v>
      </c>
      <c r="D3628">
        <f t="shared" si="112"/>
        <v>0</v>
      </c>
      <c r="E3628" s="6">
        <f t="shared" si="113"/>
        <v>0</v>
      </c>
    </row>
    <row r="3629" spans="1:5" x14ac:dyDescent="0.25">
      <c r="A3629" s="1">
        <v>43707.041666666664</v>
      </c>
      <c r="B3629" s="2">
        <v>16.420000000000002</v>
      </c>
      <c r="C3629">
        <v>0</v>
      </c>
      <c r="D3629">
        <f t="shared" si="112"/>
        <v>0</v>
      </c>
      <c r="E3629" s="6">
        <f t="shared" si="113"/>
        <v>0</v>
      </c>
    </row>
    <row r="3630" spans="1:5" x14ac:dyDescent="0.25">
      <c r="A3630" s="1">
        <v>43707.083333333336</v>
      </c>
      <c r="B3630" s="2">
        <v>14.87</v>
      </c>
      <c r="C3630">
        <v>0</v>
      </c>
      <c r="D3630">
        <f t="shared" si="112"/>
        <v>0</v>
      </c>
      <c r="E3630" s="6">
        <f t="shared" si="113"/>
        <v>0</v>
      </c>
    </row>
    <row r="3631" spans="1:5" x14ac:dyDescent="0.25">
      <c r="A3631" s="1">
        <v>43707.125</v>
      </c>
      <c r="B3631" s="2">
        <v>14.29</v>
      </c>
      <c r="C3631">
        <v>0</v>
      </c>
      <c r="D3631">
        <f t="shared" si="112"/>
        <v>0</v>
      </c>
      <c r="E3631" s="6">
        <f t="shared" si="113"/>
        <v>0</v>
      </c>
    </row>
    <row r="3632" spans="1:5" x14ac:dyDescent="0.25">
      <c r="A3632" s="1">
        <v>43707.166666666664</v>
      </c>
      <c r="B3632" s="2">
        <v>14.96</v>
      </c>
      <c r="C3632">
        <v>0</v>
      </c>
      <c r="D3632">
        <f t="shared" si="112"/>
        <v>0</v>
      </c>
      <c r="E3632" s="6">
        <f t="shared" si="113"/>
        <v>0</v>
      </c>
    </row>
    <row r="3633" spans="1:5" x14ac:dyDescent="0.25">
      <c r="A3633" s="1">
        <v>43707.208333333336</v>
      </c>
      <c r="B3633" s="2">
        <v>16.79</v>
      </c>
      <c r="C3633">
        <v>0</v>
      </c>
      <c r="D3633">
        <f t="shared" si="112"/>
        <v>0</v>
      </c>
      <c r="E3633" s="6">
        <f t="shared" si="113"/>
        <v>0</v>
      </c>
    </row>
    <row r="3634" spans="1:5" x14ac:dyDescent="0.25">
      <c r="A3634" s="1">
        <v>43707.25</v>
      </c>
      <c r="B3634" s="2">
        <v>19.87</v>
      </c>
      <c r="C3634">
        <v>0</v>
      </c>
      <c r="D3634">
        <f t="shared" si="112"/>
        <v>0</v>
      </c>
      <c r="E3634" s="6">
        <f t="shared" si="113"/>
        <v>0</v>
      </c>
    </row>
    <row r="3635" spans="1:5" x14ac:dyDescent="0.25">
      <c r="A3635" s="1">
        <v>43707.291666666664</v>
      </c>
      <c r="B3635" s="2">
        <v>19.98</v>
      </c>
      <c r="C3635">
        <v>0.19895299999999999</v>
      </c>
      <c r="D3635">
        <f t="shared" si="112"/>
        <v>1.98953E-4</v>
      </c>
      <c r="E3635" s="6">
        <f t="shared" si="113"/>
        <v>3.9750809400000003E-3</v>
      </c>
    </row>
    <row r="3636" spans="1:5" x14ac:dyDescent="0.25">
      <c r="A3636" s="1">
        <v>43707.333333333336</v>
      </c>
      <c r="B3636" s="2">
        <v>20.56</v>
      </c>
      <c r="C3636">
        <v>1.5980150000000002</v>
      </c>
      <c r="D3636">
        <f t="shared" si="112"/>
        <v>1.5980150000000002E-3</v>
      </c>
      <c r="E3636" s="6">
        <f t="shared" si="113"/>
        <v>3.2855188399999999E-2</v>
      </c>
    </row>
    <row r="3637" spans="1:5" x14ac:dyDescent="0.25">
      <c r="A3637" s="1">
        <v>43707.375</v>
      </c>
      <c r="B3637" s="2">
        <v>22.55</v>
      </c>
      <c r="C3637">
        <v>3.4347020000000001</v>
      </c>
      <c r="D3637">
        <f t="shared" si="112"/>
        <v>3.434702E-3</v>
      </c>
      <c r="E3637" s="6">
        <f t="shared" si="113"/>
        <v>7.74525301E-2</v>
      </c>
    </row>
    <row r="3638" spans="1:5" x14ac:dyDescent="0.25">
      <c r="A3638" s="1">
        <v>43707.416666666664</v>
      </c>
      <c r="B3638" s="2">
        <v>23.83</v>
      </c>
      <c r="C3638">
        <v>4.9623720000000002</v>
      </c>
      <c r="D3638">
        <f t="shared" si="112"/>
        <v>4.9623720000000005E-3</v>
      </c>
      <c r="E3638" s="6">
        <f t="shared" si="113"/>
        <v>0.11825332476</v>
      </c>
    </row>
    <row r="3639" spans="1:5" x14ac:dyDescent="0.25">
      <c r="A3639" s="1">
        <v>43707.458333333336</v>
      </c>
      <c r="B3639" s="2">
        <v>26.42</v>
      </c>
      <c r="C3639">
        <v>6.0612180000000002</v>
      </c>
      <c r="D3639">
        <f t="shared" si="112"/>
        <v>6.0612180000000002E-3</v>
      </c>
      <c r="E3639" s="6">
        <f t="shared" si="113"/>
        <v>0.16013737956000001</v>
      </c>
    </row>
    <row r="3640" spans="1:5" x14ac:dyDescent="0.25">
      <c r="A3640" s="1">
        <v>43707.5</v>
      </c>
      <c r="B3640" s="2">
        <v>27.34</v>
      </c>
      <c r="C3640">
        <v>6.653918</v>
      </c>
      <c r="D3640">
        <f t="shared" si="112"/>
        <v>6.653918E-3</v>
      </c>
      <c r="E3640" s="6">
        <f t="shared" si="113"/>
        <v>0.18191811812</v>
      </c>
    </row>
    <row r="3641" spans="1:5" x14ac:dyDescent="0.25">
      <c r="A3641" s="1">
        <v>43707.541666666664</v>
      </c>
      <c r="B3641" s="2">
        <v>29.55</v>
      </c>
      <c r="C3641">
        <v>6.8507240000000005</v>
      </c>
      <c r="D3641">
        <f t="shared" si="112"/>
        <v>6.8507240000000007E-3</v>
      </c>
      <c r="E3641" s="6">
        <f t="shared" si="113"/>
        <v>0.20243889420000002</v>
      </c>
    </row>
    <row r="3642" spans="1:5" x14ac:dyDescent="0.25">
      <c r="A3642" s="1">
        <v>43707.583333333336</v>
      </c>
      <c r="B3642" s="2">
        <v>33.94</v>
      </c>
      <c r="C3642">
        <v>6.6596279999999997</v>
      </c>
      <c r="D3642">
        <f t="shared" si="112"/>
        <v>6.6596279999999999E-3</v>
      </c>
      <c r="E3642" s="6">
        <f t="shared" si="113"/>
        <v>0.22602777431999999</v>
      </c>
    </row>
    <row r="3643" spans="1:5" x14ac:dyDescent="0.25">
      <c r="A3643" s="1">
        <v>43707.625</v>
      </c>
      <c r="B3643" s="2">
        <v>36.340000000000003</v>
      </c>
      <c r="C3643">
        <v>1.8707960000000001</v>
      </c>
      <c r="D3643">
        <f t="shared" si="112"/>
        <v>1.8707960000000001E-3</v>
      </c>
      <c r="E3643" s="6">
        <f t="shared" si="113"/>
        <v>6.7984726640000007E-2</v>
      </c>
    </row>
    <row r="3644" spans="1:5" x14ac:dyDescent="0.25">
      <c r="A3644" s="1">
        <v>43707.666666666664</v>
      </c>
      <c r="B3644" s="2">
        <v>38.979999999999997</v>
      </c>
      <c r="C3644">
        <v>4.5760020000000008</v>
      </c>
      <c r="D3644">
        <f t="shared" si="112"/>
        <v>4.5760020000000009E-3</v>
      </c>
      <c r="E3644" s="6">
        <f t="shared" si="113"/>
        <v>0.17837255796000001</v>
      </c>
    </row>
    <row r="3645" spans="1:5" x14ac:dyDescent="0.25">
      <c r="A3645" s="1">
        <v>43707.708333333336</v>
      </c>
      <c r="B3645" s="2">
        <v>37.26</v>
      </c>
      <c r="C3645">
        <v>3.5287730000000002</v>
      </c>
      <c r="D3645">
        <f t="shared" si="112"/>
        <v>3.5287730000000002E-3</v>
      </c>
      <c r="E3645" s="6">
        <f t="shared" si="113"/>
        <v>0.13148208198</v>
      </c>
    </row>
    <row r="3646" spans="1:5" x14ac:dyDescent="0.25">
      <c r="A3646" s="1">
        <v>43707.75</v>
      </c>
      <c r="B3646" s="2">
        <v>29.29</v>
      </c>
      <c r="C3646">
        <v>1.714914</v>
      </c>
      <c r="D3646">
        <f t="shared" si="112"/>
        <v>1.7149140000000001E-3</v>
      </c>
      <c r="E3646" s="6">
        <f t="shared" si="113"/>
        <v>5.0229831060000001E-2</v>
      </c>
    </row>
    <row r="3647" spans="1:5" x14ac:dyDescent="0.25">
      <c r="A3647" s="1">
        <v>43707.791666666664</v>
      </c>
      <c r="B3647" s="2">
        <v>27.51</v>
      </c>
      <c r="C3647">
        <v>0.25094699999999998</v>
      </c>
      <c r="D3647">
        <f t="shared" si="112"/>
        <v>2.5094699999999995E-4</v>
      </c>
      <c r="E3647" s="6">
        <f t="shared" si="113"/>
        <v>6.9035519699999996E-3</v>
      </c>
    </row>
    <row r="3648" spans="1:5" x14ac:dyDescent="0.25">
      <c r="A3648" s="1">
        <v>43707.833333333336</v>
      </c>
      <c r="B3648" s="2">
        <v>27.3</v>
      </c>
      <c r="C3648">
        <v>0</v>
      </c>
      <c r="D3648">
        <f t="shared" si="112"/>
        <v>0</v>
      </c>
      <c r="E3648" s="6">
        <f t="shared" si="113"/>
        <v>0</v>
      </c>
    </row>
    <row r="3649" spans="1:5" x14ac:dyDescent="0.25">
      <c r="A3649" s="1">
        <v>43707.875</v>
      </c>
      <c r="B3649" s="2">
        <v>24.03</v>
      </c>
      <c r="C3649">
        <v>0</v>
      </c>
      <c r="D3649">
        <f t="shared" si="112"/>
        <v>0</v>
      </c>
      <c r="E3649" s="6">
        <f t="shared" si="113"/>
        <v>0</v>
      </c>
    </row>
    <row r="3650" spans="1:5" x14ac:dyDescent="0.25">
      <c r="A3650" s="1">
        <v>43707.916666666664</v>
      </c>
      <c r="B3650" s="2">
        <v>20.76</v>
      </c>
      <c r="C3650">
        <v>0</v>
      </c>
      <c r="D3650">
        <f t="shared" si="112"/>
        <v>0</v>
      </c>
      <c r="E3650" s="6">
        <f t="shared" si="113"/>
        <v>0</v>
      </c>
    </row>
    <row r="3651" spans="1:5" x14ac:dyDescent="0.25">
      <c r="A3651" s="1">
        <v>43707.958333333336</v>
      </c>
      <c r="B3651" s="2">
        <v>19.07</v>
      </c>
      <c r="C3651">
        <v>0</v>
      </c>
      <c r="D3651">
        <f t="shared" si="112"/>
        <v>0</v>
      </c>
      <c r="E3651" s="6">
        <f t="shared" si="113"/>
        <v>0</v>
      </c>
    </row>
    <row r="3652" spans="1:5" x14ac:dyDescent="0.25">
      <c r="A3652" s="1">
        <v>43708</v>
      </c>
      <c r="B3652" s="2">
        <v>17.850000000000001</v>
      </c>
      <c r="C3652">
        <v>0</v>
      </c>
      <c r="D3652">
        <f t="shared" si="112"/>
        <v>0</v>
      </c>
      <c r="E3652" s="6">
        <f t="shared" si="113"/>
        <v>0</v>
      </c>
    </row>
    <row r="3653" spans="1:5" x14ac:dyDescent="0.25">
      <c r="A3653" s="1">
        <v>43708.041666666664</v>
      </c>
      <c r="B3653" s="2">
        <v>16.53</v>
      </c>
      <c r="C3653">
        <v>0</v>
      </c>
      <c r="D3653">
        <f t="shared" si="112"/>
        <v>0</v>
      </c>
      <c r="E3653" s="6">
        <f t="shared" si="113"/>
        <v>0</v>
      </c>
    </row>
    <row r="3654" spans="1:5" x14ac:dyDescent="0.25">
      <c r="A3654" s="1">
        <v>43708.083333333336</v>
      </c>
      <c r="B3654" s="2">
        <v>15.41</v>
      </c>
      <c r="C3654">
        <v>0</v>
      </c>
      <c r="D3654">
        <f t="shared" ref="D3654:D3717" si="114">C3654/1000</f>
        <v>0</v>
      </c>
      <c r="E3654" s="6">
        <f t="shared" ref="E3654:E3717" si="115">D3654*B3654</f>
        <v>0</v>
      </c>
    </row>
    <row r="3655" spans="1:5" x14ac:dyDescent="0.25">
      <c r="A3655" s="1">
        <v>43708.125</v>
      </c>
      <c r="B3655" s="2">
        <v>14.78</v>
      </c>
      <c r="C3655">
        <v>0</v>
      </c>
      <c r="D3655">
        <f t="shared" si="114"/>
        <v>0</v>
      </c>
      <c r="E3655" s="6">
        <f t="shared" si="115"/>
        <v>0</v>
      </c>
    </row>
    <row r="3656" spans="1:5" x14ac:dyDescent="0.25">
      <c r="A3656" s="1">
        <v>43708.166666666664</v>
      </c>
      <c r="B3656" s="2">
        <v>14.45</v>
      </c>
      <c r="C3656">
        <v>0</v>
      </c>
      <c r="D3656">
        <f t="shared" si="114"/>
        <v>0</v>
      </c>
      <c r="E3656" s="6">
        <f t="shared" si="115"/>
        <v>0</v>
      </c>
    </row>
    <row r="3657" spans="1:5" x14ac:dyDescent="0.25">
      <c r="A3657" s="1">
        <v>43708.208333333336</v>
      </c>
      <c r="B3657" s="2">
        <v>14.64</v>
      </c>
      <c r="C3657">
        <v>0</v>
      </c>
      <c r="D3657">
        <f t="shared" si="114"/>
        <v>0</v>
      </c>
      <c r="E3657" s="6">
        <f t="shared" si="115"/>
        <v>0</v>
      </c>
    </row>
    <row r="3658" spans="1:5" x14ac:dyDescent="0.25">
      <c r="A3658" s="1">
        <v>43708.25</v>
      </c>
      <c r="B3658" s="2">
        <v>14.89</v>
      </c>
      <c r="C3658">
        <v>0</v>
      </c>
      <c r="D3658">
        <f t="shared" si="114"/>
        <v>0</v>
      </c>
      <c r="E3658" s="6">
        <f t="shared" si="115"/>
        <v>0</v>
      </c>
    </row>
    <row r="3659" spans="1:5" x14ac:dyDescent="0.25">
      <c r="A3659" s="1">
        <v>43708.291666666664</v>
      </c>
      <c r="B3659" s="2">
        <v>15.46</v>
      </c>
      <c r="C3659">
        <v>0.19097900000000001</v>
      </c>
      <c r="D3659">
        <f t="shared" si="114"/>
        <v>1.90979E-4</v>
      </c>
      <c r="E3659" s="6">
        <f t="shared" si="115"/>
        <v>2.95253534E-3</v>
      </c>
    </row>
    <row r="3660" spans="1:5" x14ac:dyDescent="0.25">
      <c r="A3660" s="1">
        <v>43708.333333333336</v>
      </c>
      <c r="B3660" s="2">
        <v>17.850000000000001</v>
      </c>
      <c r="C3660">
        <v>1.6246149999999999</v>
      </c>
      <c r="D3660">
        <f t="shared" si="114"/>
        <v>1.6246149999999998E-3</v>
      </c>
      <c r="E3660" s="6">
        <f t="shared" si="115"/>
        <v>2.8999377749999999E-2</v>
      </c>
    </row>
    <row r="3661" spans="1:5" x14ac:dyDescent="0.25">
      <c r="A3661" s="1">
        <v>43708.375</v>
      </c>
      <c r="B3661" s="2">
        <v>19.59</v>
      </c>
      <c r="C3661">
        <v>3.5173829999999997</v>
      </c>
      <c r="D3661">
        <f t="shared" si="114"/>
        <v>3.5173829999999998E-3</v>
      </c>
      <c r="E3661" s="6">
        <f t="shared" si="115"/>
        <v>6.8905532969999989E-2</v>
      </c>
    </row>
    <row r="3662" spans="1:5" x14ac:dyDescent="0.25">
      <c r="A3662" s="1">
        <v>43708.416666666664</v>
      </c>
      <c r="B3662" s="2">
        <v>21.04</v>
      </c>
      <c r="C3662">
        <v>5.0392419999999998</v>
      </c>
      <c r="D3662">
        <f t="shared" si="114"/>
        <v>5.0392420000000002E-3</v>
      </c>
      <c r="E3662" s="6">
        <f t="shared" si="115"/>
        <v>0.10602565168</v>
      </c>
    </row>
    <row r="3663" spans="1:5" x14ac:dyDescent="0.25">
      <c r="A3663" s="1">
        <v>43708.458333333336</v>
      </c>
      <c r="B3663" s="2">
        <v>22.49</v>
      </c>
      <c r="C3663">
        <v>6.1027169999999993</v>
      </c>
      <c r="D3663">
        <f t="shared" si="114"/>
        <v>6.1027169999999997E-3</v>
      </c>
      <c r="E3663" s="6">
        <f t="shared" si="115"/>
        <v>0.13725010532999998</v>
      </c>
    </row>
    <row r="3664" spans="1:5" x14ac:dyDescent="0.25">
      <c r="A3664" s="1">
        <v>43708.5</v>
      </c>
      <c r="B3664" s="2">
        <v>23.98</v>
      </c>
      <c r="C3664">
        <v>6.713533</v>
      </c>
      <c r="D3664">
        <f t="shared" si="114"/>
        <v>6.7135329999999998E-3</v>
      </c>
      <c r="E3664" s="6">
        <f t="shared" si="115"/>
        <v>0.16099052134</v>
      </c>
    </row>
    <row r="3665" spans="1:5" x14ac:dyDescent="0.25">
      <c r="A3665" s="1">
        <v>43708.541666666664</v>
      </c>
      <c r="B3665" s="2">
        <v>25.26</v>
      </c>
      <c r="C3665">
        <v>6.8834200000000001</v>
      </c>
      <c r="D3665">
        <f t="shared" si="114"/>
        <v>6.8834200000000003E-3</v>
      </c>
      <c r="E3665" s="6">
        <f t="shared" si="115"/>
        <v>0.17387518920000003</v>
      </c>
    </row>
    <row r="3666" spans="1:5" x14ac:dyDescent="0.25">
      <c r="A3666" s="1">
        <v>43708.583333333336</v>
      </c>
      <c r="B3666" s="2">
        <v>27.76</v>
      </c>
      <c r="C3666">
        <v>4.4085640000000001</v>
      </c>
      <c r="D3666">
        <f t="shared" si="114"/>
        <v>4.4085640000000002E-3</v>
      </c>
      <c r="E3666" s="6">
        <f t="shared" si="115"/>
        <v>0.12238173664000002</v>
      </c>
    </row>
    <row r="3667" spans="1:5" x14ac:dyDescent="0.25">
      <c r="A3667" s="1">
        <v>43708.625</v>
      </c>
      <c r="B3667" s="2">
        <v>28.62</v>
      </c>
      <c r="C3667">
        <v>6.0891980000000006</v>
      </c>
      <c r="D3667">
        <f t="shared" si="114"/>
        <v>6.0891980000000005E-3</v>
      </c>
      <c r="E3667" s="6">
        <f t="shared" si="115"/>
        <v>0.17427284676000002</v>
      </c>
    </row>
    <row r="3668" spans="1:5" x14ac:dyDescent="0.25">
      <c r="A3668" s="1">
        <v>43708.666666666664</v>
      </c>
      <c r="B3668" s="2">
        <v>30.75</v>
      </c>
      <c r="C3668">
        <v>4.9586509999999997</v>
      </c>
      <c r="D3668">
        <f t="shared" si="114"/>
        <v>4.9586509999999997E-3</v>
      </c>
      <c r="E3668" s="6">
        <f t="shared" si="115"/>
        <v>0.15247851825</v>
      </c>
    </row>
    <row r="3669" spans="1:5" x14ac:dyDescent="0.25">
      <c r="A3669" s="1">
        <v>43708.708333333336</v>
      </c>
      <c r="B3669" s="2">
        <v>30.26</v>
      </c>
      <c r="C3669">
        <v>3.473233</v>
      </c>
      <c r="D3669">
        <f t="shared" si="114"/>
        <v>3.473233E-3</v>
      </c>
      <c r="E3669" s="6">
        <f t="shared" si="115"/>
        <v>0.10510003058</v>
      </c>
    </row>
    <row r="3670" spans="1:5" x14ac:dyDescent="0.25">
      <c r="A3670" s="1">
        <v>43708.75</v>
      </c>
      <c r="B3670" s="2">
        <v>26.42</v>
      </c>
      <c r="C3670">
        <v>1.676955</v>
      </c>
      <c r="D3670">
        <f t="shared" si="114"/>
        <v>1.6769549999999999E-3</v>
      </c>
      <c r="E3670" s="6">
        <f t="shared" si="115"/>
        <v>4.4305151100000002E-2</v>
      </c>
    </row>
    <row r="3671" spans="1:5" x14ac:dyDescent="0.25">
      <c r="A3671" s="1">
        <v>43708.791666666664</v>
      </c>
      <c r="B3671" s="2">
        <v>24.28</v>
      </c>
      <c r="C3671">
        <v>0.25036000000000003</v>
      </c>
      <c r="D3671">
        <f t="shared" si="114"/>
        <v>2.5036000000000004E-4</v>
      </c>
      <c r="E3671" s="6">
        <f t="shared" si="115"/>
        <v>6.0787408000000012E-3</v>
      </c>
    </row>
    <row r="3672" spans="1:5" x14ac:dyDescent="0.25">
      <c r="A3672" s="1">
        <v>43708.833333333336</v>
      </c>
      <c r="B3672" s="2">
        <v>23.59</v>
      </c>
      <c r="C3672">
        <v>0</v>
      </c>
      <c r="D3672">
        <f t="shared" si="114"/>
        <v>0</v>
      </c>
      <c r="E3672" s="6">
        <f t="shared" si="115"/>
        <v>0</v>
      </c>
    </row>
    <row r="3673" spans="1:5" x14ac:dyDescent="0.25">
      <c r="A3673" s="1">
        <v>43708.875</v>
      </c>
      <c r="B3673" s="2">
        <v>21.75</v>
      </c>
      <c r="C3673">
        <v>0</v>
      </c>
      <c r="D3673">
        <f t="shared" si="114"/>
        <v>0</v>
      </c>
      <c r="E3673" s="6">
        <f t="shared" si="115"/>
        <v>0</v>
      </c>
    </row>
    <row r="3674" spans="1:5" x14ac:dyDescent="0.25">
      <c r="A3674" s="1">
        <v>43708.916666666664</v>
      </c>
      <c r="B3674" s="2">
        <v>19.71</v>
      </c>
      <c r="C3674">
        <v>0</v>
      </c>
      <c r="D3674">
        <f t="shared" si="114"/>
        <v>0</v>
      </c>
      <c r="E3674" s="6">
        <f t="shared" si="115"/>
        <v>0</v>
      </c>
    </row>
    <row r="3675" spans="1:5" x14ac:dyDescent="0.25">
      <c r="A3675" s="1">
        <v>43708.958333333336</v>
      </c>
      <c r="B3675" s="2">
        <v>18.96</v>
      </c>
      <c r="C3675">
        <v>0</v>
      </c>
      <c r="D3675">
        <f t="shared" si="114"/>
        <v>0</v>
      </c>
      <c r="E3675" s="6">
        <f t="shared" si="115"/>
        <v>0</v>
      </c>
    </row>
    <row r="3676" spans="1:5" x14ac:dyDescent="0.25">
      <c r="A3676" s="1">
        <v>43709</v>
      </c>
      <c r="B3676" s="2">
        <v>16.41</v>
      </c>
      <c r="C3676">
        <v>0</v>
      </c>
      <c r="D3676">
        <f t="shared" si="114"/>
        <v>0</v>
      </c>
      <c r="E3676" s="6">
        <f t="shared" si="115"/>
        <v>0</v>
      </c>
    </row>
    <row r="3677" spans="1:5" x14ac:dyDescent="0.25">
      <c r="A3677" s="1">
        <v>43709.041666666664</v>
      </c>
      <c r="B3677" s="2">
        <v>15.72</v>
      </c>
      <c r="C3677">
        <v>0</v>
      </c>
      <c r="D3677">
        <f t="shared" si="114"/>
        <v>0</v>
      </c>
      <c r="E3677" s="6">
        <f t="shared" si="115"/>
        <v>0</v>
      </c>
    </row>
    <row r="3678" spans="1:5" x14ac:dyDescent="0.25">
      <c r="A3678" s="1">
        <v>43709.083333333336</v>
      </c>
      <c r="B3678" s="2">
        <v>14.83</v>
      </c>
      <c r="C3678">
        <v>0</v>
      </c>
      <c r="D3678">
        <f t="shared" si="114"/>
        <v>0</v>
      </c>
      <c r="E3678" s="6">
        <f t="shared" si="115"/>
        <v>0</v>
      </c>
    </row>
    <row r="3679" spans="1:5" x14ac:dyDescent="0.25">
      <c r="A3679" s="1">
        <v>43709.125</v>
      </c>
      <c r="B3679" s="2">
        <v>14.71</v>
      </c>
      <c r="C3679">
        <v>0</v>
      </c>
      <c r="D3679">
        <f t="shared" si="114"/>
        <v>0</v>
      </c>
      <c r="E3679" s="6">
        <f t="shared" si="115"/>
        <v>0</v>
      </c>
    </row>
    <row r="3680" spans="1:5" x14ac:dyDescent="0.25">
      <c r="A3680" s="1">
        <v>43709.166666666664</v>
      </c>
      <c r="B3680" s="2">
        <v>14.53</v>
      </c>
      <c r="C3680">
        <v>0</v>
      </c>
      <c r="D3680">
        <f t="shared" si="114"/>
        <v>0</v>
      </c>
      <c r="E3680" s="6">
        <f t="shared" si="115"/>
        <v>0</v>
      </c>
    </row>
    <row r="3681" spans="1:5" x14ac:dyDescent="0.25">
      <c r="A3681" s="1">
        <v>43709.208333333336</v>
      </c>
      <c r="B3681" s="2">
        <v>14.66</v>
      </c>
      <c r="C3681">
        <v>0</v>
      </c>
      <c r="D3681">
        <f t="shared" si="114"/>
        <v>0</v>
      </c>
      <c r="E3681" s="6">
        <f t="shared" si="115"/>
        <v>0</v>
      </c>
    </row>
    <row r="3682" spans="1:5" x14ac:dyDescent="0.25">
      <c r="A3682" s="1">
        <v>43709.25</v>
      </c>
      <c r="B3682" s="2">
        <v>14.87</v>
      </c>
      <c r="C3682">
        <v>0</v>
      </c>
      <c r="D3682">
        <f t="shared" si="114"/>
        <v>0</v>
      </c>
      <c r="E3682" s="6">
        <f t="shared" si="115"/>
        <v>0</v>
      </c>
    </row>
    <row r="3683" spans="1:5" x14ac:dyDescent="0.25">
      <c r="A3683" s="1">
        <v>43709.291666666664</v>
      </c>
      <c r="B3683" s="2">
        <v>14.76</v>
      </c>
      <c r="C3683">
        <v>0.175174</v>
      </c>
      <c r="D3683">
        <f t="shared" si="114"/>
        <v>1.75174E-4</v>
      </c>
      <c r="E3683" s="6">
        <f t="shared" si="115"/>
        <v>2.5855682399999998E-3</v>
      </c>
    </row>
    <row r="3684" spans="1:5" x14ac:dyDescent="0.25">
      <c r="A3684" s="1">
        <v>43709.333333333336</v>
      </c>
      <c r="B3684" s="2">
        <v>16.260000000000002</v>
      </c>
      <c r="C3684">
        <v>1.0714760000000001</v>
      </c>
      <c r="D3684">
        <f t="shared" si="114"/>
        <v>1.071476E-3</v>
      </c>
      <c r="E3684" s="6">
        <f t="shared" si="115"/>
        <v>1.7422199760000003E-2</v>
      </c>
    </row>
    <row r="3685" spans="1:5" x14ac:dyDescent="0.25">
      <c r="A3685" s="1">
        <v>43709.375</v>
      </c>
      <c r="B3685" s="2">
        <v>19.13</v>
      </c>
      <c r="C3685">
        <v>1.989949</v>
      </c>
      <c r="D3685">
        <f t="shared" si="114"/>
        <v>1.989949E-3</v>
      </c>
      <c r="E3685" s="6">
        <f t="shared" si="115"/>
        <v>3.806772437E-2</v>
      </c>
    </row>
    <row r="3686" spans="1:5" x14ac:dyDescent="0.25">
      <c r="A3686" s="1">
        <v>43709.416666666664</v>
      </c>
      <c r="B3686" s="2">
        <v>19.23</v>
      </c>
      <c r="C3686">
        <v>3.5341999999999998</v>
      </c>
      <c r="D3686">
        <f t="shared" si="114"/>
        <v>3.5341999999999999E-3</v>
      </c>
      <c r="E3686" s="6">
        <f t="shared" si="115"/>
        <v>6.7962666000000005E-2</v>
      </c>
    </row>
    <row r="3687" spans="1:5" x14ac:dyDescent="0.25">
      <c r="A3687" s="1">
        <v>43709.458333333336</v>
      </c>
      <c r="B3687" s="2">
        <v>21.02</v>
      </c>
      <c r="C3687">
        <v>5.0101400000000007</v>
      </c>
      <c r="D3687">
        <f t="shared" si="114"/>
        <v>5.0101400000000006E-3</v>
      </c>
      <c r="E3687" s="6">
        <f t="shared" si="115"/>
        <v>0.10531314280000001</v>
      </c>
    </row>
    <row r="3688" spans="1:5" x14ac:dyDescent="0.25">
      <c r="A3688" s="1">
        <v>43709.5</v>
      </c>
      <c r="B3688" s="2">
        <v>22.36</v>
      </c>
      <c r="C3688">
        <v>6.8600719999999997</v>
      </c>
      <c r="D3688">
        <f t="shared" si="114"/>
        <v>6.860072E-3</v>
      </c>
      <c r="E3688" s="6">
        <f t="shared" si="115"/>
        <v>0.15339120991999999</v>
      </c>
    </row>
    <row r="3689" spans="1:5" x14ac:dyDescent="0.25">
      <c r="A3689" s="1">
        <v>43709.541666666664</v>
      </c>
      <c r="B3689" s="2">
        <v>24.38</v>
      </c>
      <c r="C3689">
        <v>5.2172479999999997</v>
      </c>
      <c r="D3689">
        <f t="shared" si="114"/>
        <v>5.2172479999999999E-3</v>
      </c>
      <c r="E3689" s="6">
        <f t="shared" si="115"/>
        <v>0.12719650623999998</v>
      </c>
    </row>
    <row r="3690" spans="1:5" x14ac:dyDescent="0.25">
      <c r="A3690" s="1">
        <v>43709.583333333336</v>
      </c>
      <c r="B3690" s="2">
        <v>26.32</v>
      </c>
      <c r="C3690">
        <v>6.7839210000000003</v>
      </c>
      <c r="D3690">
        <f t="shared" si="114"/>
        <v>6.783921E-3</v>
      </c>
      <c r="E3690" s="6">
        <f t="shared" si="115"/>
        <v>0.17855280072000002</v>
      </c>
    </row>
    <row r="3691" spans="1:5" x14ac:dyDescent="0.25">
      <c r="A3691" s="1">
        <v>43709.625</v>
      </c>
      <c r="B3691" s="2">
        <v>27.8</v>
      </c>
      <c r="C3691">
        <v>6.1030899999999999</v>
      </c>
      <c r="D3691">
        <f t="shared" si="114"/>
        <v>6.1030900000000003E-3</v>
      </c>
      <c r="E3691" s="6">
        <f t="shared" si="115"/>
        <v>0.16966590200000001</v>
      </c>
    </row>
    <row r="3692" spans="1:5" x14ac:dyDescent="0.25">
      <c r="A3692" s="1">
        <v>43709.666666666664</v>
      </c>
      <c r="B3692" s="2">
        <v>31.42</v>
      </c>
      <c r="C3692">
        <v>3.781396</v>
      </c>
      <c r="D3692">
        <f t="shared" si="114"/>
        <v>3.7813959999999998E-3</v>
      </c>
      <c r="E3692" s="6">
        <f t="shared" si="115"/>
        <v>0.11881146232000001</v>
      </c>
    </row>
    <row r="3693" spans="1:5" x14ac:dyDescent="0.25">
      <c r="A3693" s="1">
        <v>43709.708333333336</v>
      </c>
      <c r="B3693" s="2">
        <v>30.63</v>
      </c>
      <c r="C3693">
        <v>3.5466329999999999</v>
      </c>
      <c r="D3693">
        <f t="shared" si="114"/>
        <v>3.546633E-3</v>
      </c>
      <c r="E3693" s="6">
        <f t="shared" si="115"/>
        <v>0.10863336878999999</v>
      </c>
    </row>
    <row r="3694" spans="1:5" x14ac:dyDescent="0.25">
      <c r="A3694" s="1">
        <v>43709.75</v>
      </c>
      <c r="B3694" s="2">
        <v>26.25</v>
      </c>
      <c r="C3694">
        <v>1.701568</v>
      </c>
      <c r="D3694">
        <f t="shared" si="114"/>
        <v>1.7015679999999999E-3</v>
      </c>
      <c r="E3694" s="6">
        <f t="shared" si="115"/>
        <v>4.4666159999999996E-2</v>
      </c>
    </row>
    <row r="3695" spans="1:5" x14ac:dyDescent="0.25">
      <c r="A3695" s="1">
        <v>43709.791666666664</v>
      </c>
      <c r="B3695" s="2">
        <v>24.82</v>
      </c>
      <c r="C3695">
        <v>0.24859399999999998</v>
      </c>
      <c r="D3695">
        <f t="shared" si="114"/>
        <v>2.4859399999999999E-4</v>
      </c>
      <c r="E3695" s="6">
        <f t="shared" si="115"/>
        <v>6.1701030799999994E-3</v>
      </c>
    </row>
    <row r="3696" spans="1:5" x14ac:dyDescent="0.25">
      <c r="A3696" s="1">
        <v>43709.833333333336</v>
      </c>
      <c r="B3696" s="2">
        <v>24.74</v>
      </c>
      <c r="C3696">
        <v>0</v>
      </c>
      <c r="D3696">
        <f t="shared" si="114"/>
        <v>0</v>
      </c>
      <c r="E3696" s="6">
        <f t="shared" si="115"/>
        <v>0</v>
      </c>
    </row>
    <row r="3697" spans="1:5" x14ac:dyDescent="0.25">
      <c r="A3697" s="1">
        <v>43709.875</v>
      </c>
      <c r="B3697" s="2">
        <v>22.15</v>
      </c>
      <c r="C3697">
        <v>0</v>
      </c>
      <c r="D3697">
        <f t="shared" si="114"/>
        <v>0</v>
      </c>
      <c r="E3697" s="6">
        <f t="shared" si="115"/>
        <v>0</v>
      </c>
    </row>
    <row r="3698" spans="1:5" x14ac:dyDescent="0.25">
      <c r="A3698" s="1">
        <v>43709.916666666664</v>
      </c>
      <c r="B3698" s="2">
        <v>20.23</v>
      </c>
      <c r="C3698">
        <v>0</v>
      </c>
      <c r="D3698">
        <f t="shared" si="114"/>
        <v>0</v>
      </c>
      <c r="E3698" s="6">
        <f t="shared" si="115"/>
        <v>0</v>
      </c>
    </row>
    <row r="3699" spans="1:5" x14ac:dyDescent="0.25">
      <c r="A3699" s="1">
        <v>43709.958333333336</v>
      </c>
      <c r="B3699" s="2">
        <v>18.77</v>
      </c>
      <c r="C3699">
        <v>0</v>
      </c>
      <c r="D3699">
        <f t="shared" si="114"/>
        <v>0</v>
      </c>
      <c r="E3699" s="6">
        <f t="shared" si="115"/>
        <v>0</v>
      </c>
    </row>
    <row r="3700" spans="1:5" x14ac:dyDescent="0.25">
      <c r="A3700" s="1">
        <v>43710</v>
      </c>
      <c r="B3700" s="2">
        <v>16.25</v>
      </c>
      <c r="C3700">
        <v>0</v>
      </c>
      <c r="D3700">
        <f t="shared" si="114"/>
        <v>0</v>
      </c>
      <c r="E3700" s="6">
        <f t="shared" si="115"/>
        <v>0</v>
      </c>
    </row>
    <row r="3701" spans="1:5" x14ac:dyDescent="0.25">
      <c r="A3701" s="1">
        <v>43710.041666666664</v>
      </c>
      <c r="B3701" s="2">
        <v>15.12</v>
      </c>
      <c r="C3701">
        <v>0</v>
      </c>
      <c r="D3701">
        <f t="shared" si="114"/>
        <v>0</v>
      </c>
      <c r="E3701" s="6">
        <f t="shared" si="115"/>
        <v>0</v>
      </c>
    </row>
    <row r="3702" spans="1:5" x14ac:dyDescent="0.25">
      <c r="A3702" s="1">
        <v>43710.083333333336</v>
      </c>
      <c r="B3702" s="2">
        <v>14.72</v>
      </c>
      <c r="C3702">
        <v>0</v>
      </c>
      <c r="D3702">
        <f t="shared" si="114"/>
        <v>0</v>
      </c>
      <c r="E3702" s="6">
        <f t="shared" si="115"/>
        <v>0</v>
      </c>
    </row>
    <row r="3703" spans="1:5" x14ac:dyDescent="0.25">
      <c r="A3703" s="1">
        <v>43710.125</v>
      </c>
      <c r="B3703" s="2">
        <v>14.47</v>
      </c>
      <c r="C3703">
        <v>0</v>
      </c>
      <c r="D3703">
        <f t="shared" si="114"/>
        <v>0</v>
      </c>
      <c r="E3703" s="6">
        <f t="shared" si="115"/>
        <v>0</v>
      </c>
    </row>
    <row r="3704" spans="1:5" x14ac:dyDescent="0.25">
      <c r="A3704" s="1">
        <v>43710.166666666664</v>
      </c>
      <c r="B3704" s="2">
        <v>14.15</v>
      </c>
      <c r="C3704">
        <v>0</v>
      </c>
      <c r="D3704">
        <f t="shared" si="114"/>
        <v>0</v>
      </c>
      <c r="E3704" s="6">
        <f t="shared" si="115"/>
        <v>0</v>
      </c>
    </row>
    <row r="3705" spans="1:5" x14ac:dyDescent="0.25">
      <c r="A3705" s="1">
        <v>43710.208333333336</v>
      </c>
      <c r="B3705" s="2">
        <v>14.55</v>
      </c>
      <c r="C3705">
        <v>0</v>
      </c>
      <c r="D3705">
        <f t="shared" si="114"/>
        <v>0</v>
      </c>
      <c r="E3705" s="6">
        <f t="shared" si="115"/>
        <v>0</v>
      </c>
    </row>
    <row r="3706" spans="1:5" x14ac:dyDescent="0.25">
      <c r="A3706" s="1">
        <v>43710.25</v>
      </c>
      <c r="B3706" s="2">
        <v>14.75</v>
      </c>
      <c r="C3706">
        <v>0</v>
      </c>
      <c r="D3706">
        <f t="shared" si="114"/>
        <v>0</v>
      </c>
      <c r="E3706" s="6">
        <f t="shared" si="115"/>
        <v>0</v>
      </c>
    </row>
    <row r="3707" spans="1:5" x14ac:dyDescent="0.25">
      <c r="A3707" s="1">
        <v>43710.291666666664</v>
      </c>
      <c r="B3707" s="2">
        <v>14.5</v>
      </c>
      <c r="C3707">
        <v>0.20100999999999999</v>
      </c>
      <c r="D3707">
        <f t="shared" si="114"/>
        <v>2.0101E-4</v>
      </c>
      <c r="E3707" s="6">
        <f t="shared" si="115"/>
        <v>2.914645E-3</v>
      </c>
    </row>
    <row r="3708" spans="1:5" x14ac:dyDescent="0.25">
      <c r="A3708" s="1">
        <v>43710.333333333336</v>
      </c>
      <c r="B3708" s="2">
        <v>16.899999999999999</v>
      </c>
      <c r="C3708">
        <v>1.5845509999999998</v>
      </c>
      <c r="D3708">
        <f t="shared" si="114"/>
        <v>1.5845509999999998E-3</v>
      </c>
      <c r="E3708" s="6">
        <f t="shared" si="115"/>
        <v>2.6778911899999994E-2</v>
      </c>
    </row>
    <row r="3709" spans="1:5" x14ac:dyDescent="0.25">
      <c r="A3709" s="1">
        <v>43710.375</v>
      </c>
      <c r="B3709" s="2">
        <v>19.73</v>
      </c>
      <c r="C3709">
        <v>3.3954209999999998</v>
      </c>
      <c r="D3709">
        <f t="shared" si="114"/>
        <v>3.3954209999999996E-3</v>
      </c>
      <c r="E3709" s="6">
        <f t="shared" si="115"/>
        <v>6.6991656329999996E-2</v>
      </c>
    </row>
    <row r="3710" spans="1:5" x14ac:dyDescent="0.25">
      <c r="A3710" s="1">
        <v>43710.416666666664</v>
      </c>
      <c r="B3710" s="2">
        <v>20.6</v>
      </c>
      <c r="C3710">
        <v>4.8975240000000007</v>
      </c>
      <c r="D3710">
        <f t="shared" si="114"/>
        <v>4.8975240000000003E-3</v>
      </c>
      <c r="E3710" s="6">
        <f t="shared" si="115"/>
        <v>0.10088899440000001</v>
      </c>
    </row>
    <row r="3711" spans="1:5" x14ac:dyDescent="0.25">
      <c r="A3711" s="1">
        <v>43710.458333333336</v>
      </c>
      <c r="B3711" s="2">
        <v>22.99</v>
      </c>
      <c r="C3711">
        <v>6.0131360000000003</v>
      </c>
      <c r="D3711">
        <f t="shared" si="114"/>
        <v>6.0131360000000005E-3</v>
      </c>
      <c r="E3711" s="6">
        <f t="shared" si="115"/>
        <v>0.13824199664</v>
      </c>
    </row>
    <row r="3712" spans="1:5" x14ac:dyDescent="0.25">
      <c r="A3712" s="1">
        <v>43710.5</v>
      </c>
      <c r="B3712" s="2">
        <v>25.85</v>
      </c>
      <c r="C3712">
        <v>5.154725</v>
      </c>
      <c r="D3712">
        <f t="shared" si="114"/>
        <v>5.1547249999999998E-3</v>
      </c>
      <c r="E3712" s="6">
        <f t="shared" si="115"/>
        <v>0.13324964124999999</v>
      </c>
    </row>
    <row r="3713" spans="1:5" x14ac:dyDescent="0.25">
      <c r="A3713" s="1">
        <v>43710.541666666664</v>
      </c>
      <c r="B3713" s="2">
        <v>28.82</v>
      </c>
      <c r="C3713">
        <v>3.419324</v>
      </c>
      <c r="D3713">
        <f t="shared" si="114"/>
        <v>3.4193240000000001E-3</v>
      </c>
      <c r="E3713" s="6">
        <f t="shared" si="115"/>
        <v>9.8544917679999997E-2</v>
      </c>
    </row>
    <row r="3714" spans="1:5" x14ac:dyDescent="0.25">
      <c r="A3714" s="1">
        <v>43710.583333333336</v>
      </c>
      <c r="B3714" s="2">
        <v>32.229999999999997</v>
      </c>
      <c r="C3714">
        <v>5.8929930000000006</v>
      </c>
      <c r="D3714">
        <f t="shared" si="114"/>
        <v>5.8929930000000009E-3</v>
      </c>
      <c r="E3714" s="6">
        <f t="shared" si="115"/>
        <v>0.18993116439000002</v>
      </c>
    </row>
    <row r="3715" spans="1:5" x14ac:dyDescent="0.25">
      <c r="A3715" s="1">
        <v>43710.625</v>
      </c>
      <c r="B3715" s="2">
        <v>31.81</v>
      </c>
      <c r="C3715">
        <v>5.9247740000000002</v>
      </c>
      <c r="D3715">
        <f t="shared" si="114"/>
        <v>5.9247739999999998E-3</v>
      </c>
      <c r="E3715" s="6">
        <f t="shared" si="115"/>
        <v>0.18846706093999999</v>
      </c>
    </row>
    <row r="3716" spans="1:5" x14ac:dyDescent="0.25">
      <c r="A3716" s="1">
        <v>43710.666666666664</v>
      </c>
      <c r="B3716" s="2">
        <v>36.159999999999997</v>
      </c>
      <c r="C3716">
        <v>1.7077560000000001</v>
      </c>
      <c r="D3716">
        <f t="shared" si="114"/>
        <v>1.7077559999999999E-3</v>
      </c>
      <c r="E3716" s="6">
        <f t="shared" si="115"/>
        <v>6.1752456959999993E-2</v>
      </c>
    </row>
    <row r="3717" spans="1:5" x14ac:dyDescent="0.25">
      <c r="A3717" s="1">
        <v>43710.708333333336</v>
      </c>
      <c r="B3717" s="2">
        <v>35.33</v>
      </c>
      <c r="C3717">
        <v>1.452348</v>
      </c>
      <c r="D3717">
        <f t="shared" si="114"/>
        <v>1.452348E-3</v>
      </c>
      <c r="E3717" s="6">
        <f t="shared" si="115"/>
        <v>5.131145484E-2</v>
      </c>
    </row>
    <row r="3718" spans="1:5" x14ac:dyDescent="0.25">
      <c r="A3718" s="1">
        <v>43710.75</v>
      </c>
      <c r="B3718" s="2">
        <v>31.77</v>
      </c>
      <c r="C3718">
        <v>0.62950899999999999</v>
      </c>
      <c r="D3718">
        <f t="shared" ref="D3718:D3781" si="116">C3718/1000</f>
        <v>6.2950899999999999E-4</v>
      </c>
      <c r="E3718" s="6">
        <f t="shared" ref="E3718:E3781" si="117">D3718*B3718</f>
        <v>1.9999500930000001E-2</v>
      </c>
    </row>
    <row r="3719" spans="1:5" x14ac:dyDescent="0.25">
      <c r="A3719" s="1">
        <v>43710.791666666664</v>
      </c>
      <c r="B3719" s="2">
        <v>29.52</v>
      </c>
      <c r="C3719">
        <v>0</v>
      </c>
      <c r="D3719">
        <f t="shared" si="116"/>
        <v>0</v>
      </c>
      <c r="E3719" s="6">
        <f t="shared" si="117"/>
        <v>0</v>
      </c>
    </row>
    <row r="3720" spans="1:5" x14ac:dyDescent="0.25">
      <c r="A3720" s="1">
        <v>43710.833333333336</v>
      </c>
      <c r="B3720" s="2">
        <v>30.18</v>
      </c>
      <c r="C3720">
        <v>0</v>
      </c>
      <c r="D3720">
        <f t="shared" si="116"/>
        <v>0</v>
      </c>
      <c r="E3720" s="6">
        <f t="shared" si="117"/>
        <v>0</v>
      </c>
    </row>
    <row r="3721" spans="1:5" x14ac:dyDescent="0.25">
      <c r="A3721" s="1">
        <v>43710.875</v>
      </c>
      <c r="B3721" s="2">
        <v>24.86</v>
      </c>
      <c r="C3721">
        <v>0</v>
      </c>
      <c r="D3721">
        <f t="shared" si="116"/>
        <v>0</v>
      </c>
      <c r="E3721" s="6">
        <f t="shared" si="117"/>
        <v>0</v>
      </c>
    </row>
    <row r="3722" spans="1:5" x14ac:dyDescent="0.25">
      <c r="A3722" s="1">
        <v>43710.916666666664</v>
      </c>
      <c r="B3722" s="2">
        <v>21.96</v>
      </c>
      <c r="C3722">
        <v>0</v>
      </c>
      <c r="D3722">
        <f t="shared" si="116"/>
        <v>0</v>
      </c>
      <c r="E3722" s="6">
        <f t="shared" si="117"/>
        <v>0</v>
      </c>
    </row>
    <row r="3723" spans="1:5" x14ac:dyDescent="0.25">
      <c r="A3723" s="1">
        <v>43710.958333333336</v>
      </c>
      <c r="B3723" s="2">
        <v>20.079999999999998</v>
      </c>
      <c r="C3723">
        <v>0</v>
      </c>
      <c r="D3723">
        <f t="shared" si="116"/>
        <v>0</v>
      </c>
      <c r="E3723" s="6">
        <f t="shared" si="117"/>
        <v>0</v>
      </c>
    </row>
    <row r="3724" spans="1:5" x14ac:dyDescent="0.25">
      <c r="A3724" s="1">
        <v>43711</v>
      </c>
      <c r="B3724" s="2">
        <v>18.54</v>
      </c>
      <c r="C3724">
        <v>0</v>
      </c>
      <c r="D3724">
        <f t="shared" si="116"/>
        <v>0</v>
      </c>
      <c r="E3724" s="6">
        <f t="shared" si="117"/>
        <v>0</v>
      </c>
    </row>
    <row r="3725" spans="1:5" x14ac:dyDescent="0.25">
      <c r="A3725" s="1">
        <v>43711.041666666664</v>
      </c>
      <c r="B3725" s="2">
        <v>18.54</v>
      </c>
      <c r="C3725">
        <v>0</v>
      </c>
      <c r="D3725">
        <f t="shared" si="116"/>
        <v>0</v>
      </c>
      <c r="E3725" s="6">
        <f t="shared" si="117"/>
        <v>0</v>
      </c>
    </row>
    <row r="3726" spans="1:5" x14ac:dyDescent="0.25">
      <c r="A3726" s="1">
        <v>43711.083333333336</v>
      </c>
      <c r="B3726" s="2">
        <v>16.940000000000001</v>
      </c>
      <c r="C3726">
        <v>0</v>
      </c>
      <c r="D3726">
        <f t="shared" si="116"/>
        <v>0</v>
      </c>
      <c r="E3726" s="6">
        <f t="shared" si="117"/>
        <v>0</v>
      </c>
    </row>
    <row r="3727" spans="1:5" x14ac:dyDescent="0.25">
      <c r="A3727" s="1">
        <v>43711.125</v>
      </c>
      <c r="B3727" s="2">
        <v>16.41</v>
      </c>
      <c r="C3727">
        <v>0</v>
      </c>
      <c r="D3727">
        <f t="shared" si="116"/>
        <v>0</v>
      </c>
      <c r="E3727" s="6">
        <f t="shared" si="117"/>
        <v>0</v>
      </c>
    </row>
    <row r="3728" spans="1:5" x14ac:dyDescent="0.25">
      <c r="A3728" s="1">
        <v>43711.166666666664</v>
      </c>
      <c r="B3728" s="2">
        <v>16.5</v>
      </c>
      <c r="C3728">
        <v>0</v>
      </c>
      <c r="D3728">
        <f t="shared" si="116"/>
        <v>0</v>
      </c>
      <c r="E3728" s="6">
        <f t="shared" si="117"/>
        <v>0</v>
      </c>
    </row>
    <row r="3729" spans="1:5" x14ac:dyDescent="0.25">
      <c r="A3729" s="1">
        <v>43711.208333333336</v>
      </c>
      <c r="B3729" s="2">
        <v>18.850000000000001</v>
      </c>
      <c r="C3729">
        <v>0</v>
      </c>
      <c r="D3729">
        <f t="shared" si="116"/>
        <v>0</v>
      </c>
      <c r="E3729" s="6">
        <f t="shared" si="117"/>
        <v>0</v>
      </c>
    </row>
    <row r="3730" spans="1:5" x14ac:dyDescent="0.25">
      <c r="A3730" s="1">
        <v>43711.25</v>
      </c>
      <c r="B3730" s="2">
        <v>20.78</v>
      </c>
      <c r="C3730">
        <v>0</v>
      </c>
      <c r="D3730">
        <f t="shared" si="116"/>
        <v>0</v>
      </c>
      <c r="E3730" s="6">
        <f t="shared" si="117"/>
        <v>0</v>
      </c>
    </row>
    <row r="3731" spans="1:5" x14ac:dyDescent="0.25">
      <c r="A3731" s="1">
        <v>43711.291666666664</v>
      </c>
      <c r="B3731" s="2">
        <v>20.99</v>
      </c>
      <c r="C3731">
        <v>0.18300899999999998</v>
      </c>
      <c r="D3731">
        <f t="shared" si="116"/>
        <v>1.8300899999999998E-4</v>
      </c>
      <c r="E3731" s="6">
        <f t="shared" si="117"/>
        <v>3.8413589099999994E-3</v>
      </c>
    </row>
    <row r="3732" spans="1:5" x14ac:dyDescent="0.25">
      <c r="A3732" s="1">
        <v>43711.333333333336</v>
      </c>
      <c r="B3732" s="2">
        <v>21.19</v>
      </c>
      <c r="C3732">
        <v>1.5460050000000001</v>
      </c>
      <c r="D3732">
        <f t="shared" si="116"/>
        <v>1.546005E-3</v>
      </c>
      <c r="E3732" s="6">
        <f t="shared" si="117"/>
        <v>3.2759845950000005E-2</v>
      </c>
    </row>
    <row r="3733" spans="1:5" x14ac:dyDescent="0.25">
      <c r="A3733" s="1">
        <v>43711.375</v>
      </c>
      <c r="B3733" s="2">
        <v>23.08</v>
      </c>
      <c r="C3733">
        <v>3.2900800000000001</v>
      </c>
      <c r="D3733">
        <f t="shared" si="116"/>
        <v>3.2900799999999999E-3</v>
      </c>
      <c r="E3733" s="6">
        <f t="shared" si="117"/>
        <v>7.5935046399999998E-2</v>
      </c>
    </row>
    <row r="3734" spans="1:5" x14ac:dyDescent="0.25">
      <c r="A3734" s="1">
        <v>43711.416666666664</v>
      </c>
      <c r="B3734" s="2">
        <v>24.64</v>
      </c>
      <c r="C3734">
        <v>4.7981340000000001</v>
      </c>
      <c r="D3734">
        <f t="shared" si="116"/>
        <v>4.7981339999999999E-3</v>
      </c>
      <c r="E3734" s="6">
        <f t="shared" si="117"/>
        <v>0.11822602175999999</v>
      </c>
    </row>
    <row r="3735" spans="1:5" x14ac:dyDescent="0.25">
      <c r="A3735" s="1">
        <v>43711.458333333336</v>
      </c>
      <c r="B3735" s="2">
        <v>26.32</v>
      </c>
      <c r="C3735">
        <v>5.2127410000000003</v>
      </c>
      <c r="D3735">
        <f t="shared" si="116"/>
        <v>5.2127409999999999E-3</v>
      </c>
      <c r="E3735" s="6">
        <f t="shared" si="117"/>
        <v>0.13719934312000001</v>
      </c>
    </row>
    <row r="3736" spans="1:5" x14ac:dyDescent="0.25">
      <c r="A3736" s="1">
        <v>43711.5</v>
      </c>
      <c r="B3736" s="2">
        <v>30.52</v>
      </c>
      <c r="C3736">
        <v>4.2857470000000006</v>
      </c>
      <c r="D3736">
        <f t="shared" si="116"/>
        <v>4.2857470000000003E-3</v>
      </c>
      <c r="E3736" s="6">
        <f t="shared" si="117"/>
        <v>0.13080099844000001</v>
      </c>
    </row>
    <row r="3737" spans="1:5" x14ac:dyDescent="0.25">
      <c r="A3737" s="1">
        <v>43711.541666666664</v>
      </c>
      <c r="B3737" s="2">
        <v>32.15</v>
      </c>
      <c r="C3737">
        <v>5.0410200000000005</v>
      </c>
      <c r="D3737">
        <f t="shared" si="116"/>
        <v>5.0410200000000002E-3</v>
      </c>
      <c r="E3737" s="6">
        <f t="shared" si="117"/>
        <v>0.16206879299999999</v>
      </c>
    </row>
    <row r="3738" spans="1:5" x14ac:dyDescent="0.25">
      <c r="A3738" s="1">
        <v>43711.583333333336</v>
      </c>
      <c r="B3738" s="2">
        <v>35.92</v>
      </c>
      <c r="C3738">
        <v>3.6721350000000004</v>
      </c>
      <c r="D3738">
        <f t="shared" si="116"/>
        <v>3.6721350000000004E-3</v>
      </c>
      <c r="E3738" s="6">
        <f t="shared" si="117"/>
        <v>0.13190308920000002</v>
      </c>
    </row>
    <row r="3739" spans="1:5" x14ac:dyDescent="0.25">
      <c r="A3739" s="1">
        <v>43711.625</v>
      </c>
      <c r="B3739" s="2">
        <v>38.22</v>
      </c>
      <c r="C3739">
        <v>4.6360169999999998</v>
      </c>
      <c r="D3739">
        <f t="shared" si="116"/>
        <v>4.6360170000000001E-3</v>
      </c>
      <c r="E3739" s="6">
        <f t="shared" si="117"/>
        <v>0.17718856974</v>
      </c>
    </row>
    <row r="3740" spans="1:5" x14ac:dyDescent="0.25">
      <c r="A3740" s="1">
        <v>43711.666666666664</v>
      </c>
      <c r="B3740" s="2">
        <v>40.340000000000003</v>
      </c>
      <c r="C3740">
        <v>4.7684129999999998</v>
      </c>
      <c r="D3740">
        <f t="shared" si="116"/>
        <v>4.768413E-3</v>
      </c>
      <c r="E3740" s="6">
        <f t="shared" si="117"/>
        <v>0.19235778042000001</v>
      </c>
    </row>
    <row r="3741" spans="1:5" x14ac:dyDescent="0.25">
      <c r="A3741" s="1">
        <v>43711.708333333336</v>
      </c>
      <c r="B3741" s="2">
        <v>39.82</v>
      </c>
      <c r="C3741">
        <v>3.2668560000000002</v>
      </c>
      <c r="D3741">
        <f t="shared" si="116"/>
        <v>3.2668560000000003E-3</v>
      </c>
      <c r="E3741" s="6">
        <f t="shared" si="117"/>
        <v>0.13008620592</v>
      </c>
    </row>
    <row r="3742" spans="1:5" x14ac:dyDescent="0.25">
      <c r="A3742" s="1">
        <v>43711.75</v>
      </c>
      <c r="B3742" s="2">
        <v>36.630000000000003</v>
      </c>
      <c r="C3742">
        <v>1.57464</v>
      </c>
      <c r="D3742">
        <f t="shared" si="116"/>
        <v>1.57464E-3</v>
      </c>
      <c r="E3742" s="6">
        <f t="shared" si="117"/>
        <v>5.7679063200000005E-2</v>
      </c>
    </row>
    <row r="3743" spans="1:5" x14ac:dyDescent="0.25">
      <c r="A3743" s="1">
        <v>43711.791666666664</v>
      </c>
      <c r="B3743" s="2">
        <v>32.57</v>
      </c>
      <c r="C3743">
        <v>0.21928500000000001</v>
      </c>
      <c r="D3743">
        <f t="shared" si="116"/>
        <v>2.19285E-4</v>
      </c>
      <c r="E3743" s="6">
        <f t="shared" si="117"/>
        <v>7.1421124499999999E-3</v>
      </c>
    </row>
    <row r="3744" spans="1:5" x14ac:dyDescent="0.25">
      <c r="A3744" s="1">
        <v>43711.833333333336</v>
      </c>
      <c r="B3744" s="2">
        <v>32.53</v>
      </c>
      <c r="C3744">
        <v>0</v>
      </c>
      <c r="D3744">
        <f t="shared" si="116"/>
        <v>0</v>
      </c>
      <c r="E3744" s="6">
        <f t="shared" si="117"/>
        <v>0</v>
      </c>
    </row>
    <row r="3745" spans="1:5" x14ac:dyDescent="0.25">
      <c r="A3745" s="1">
        <v>43711.875</v>
      </c>
      <c r="B3745" s="2">
        <v>27.22</v>
      </c>
      <c r="C3745">
        <v>0</v>
      </c>
      <c r="D3745">
        <f t="shared" si="116"/>
        <v>0</v>
      </c>
      <c r="E3745" s="6">
        <f t="shared" si="117"/>
        <v>0</v>
      </c>
    </row>
    <row r="3746" spans="1:5" x14ac:dyDescent="0.25">
      <c r="A3746" s="1">
        <v>43711.916666666664</v>
      </c>
      <c r="B3746" s="2">
        <v>22.92</v>
      </c>
      <c r="C3746">
        <v>0</v>
      </c>
      <c r="D3746">
        <f t="shared" si="116"/>
        <v>0</v>
      </c>
      <c r="E3746" s="6">
        <f t="shared" si="117"/>
        <v>0</v>
      </c>
    </row>
    <row r="3747" spans="1:5" x14ac:dyDescent="0.25">
      <c r="A3747" s="1">
        <v>43711.958333333336</v>
      </c>
      <c r="B3747" s="2">
        <v>20.71</v>
      </c>
      <c r="C3747">
        <v>0</v>
      </c>
      <c r="D3747">
        <f t="shared" si="116"/>
        <v>0</v>
      </c>
      <c r="E3747" s="6">
        <f t="shared" si="117"/>
        <v>0</v>
      </c>
    </row>
    <row r="3748" spans="1:5" x14ac:dyDescent="0.25">
      <c r="A3748" s="1">
        <v>43712</v>
      </c>
      <c r="B3748" s="2">
        <v>19.32</v>
      </c>
      <c r="C3748">
        <v>0</v>
      </c>
      <c r="D3748">
        <f t="shared" si="116"/>
        <v>0</v>
      </c>
      <c r="E3748" s="6">
        <f t="shared" si="117"/>
        <v>0</v>
      </c>
    </row>
    <row r="3749" spans="1:5" x14ac:dyDescent="0.25">
      <c r="A3749" s="1">
        <v>43712.041666666664</v>
      </c>
      <c r="B3749" s="2">
        <v>18.190000000000001</v>
      </c>
      <c r="C3749">
        <v>0</v>
      </c>
      <c r="D3749">
        <f t="shared" si="116"/>
        <v>0</v>
      </c>
      <c r="E3749" s="6">
        <f t="shared" si="117"/>
        <v>0</v>
      </c>
    </row>
    <row r="3750" spans="1:5" x14ac:dyDescent="0.25">
      <c r="A3750" s="1">
        <v>43712.083333333336</v>
      </c>
      <c r="B3750" s="2">
        <v>17.21</v>
      </c>
      <c r="C3750">
        <v>0</v>
      </c>
      <c r="D3750">
        <f t="shared" si="116"/>
        <v>0</v>
      </c>
      <c r="E3750" s="6">
        <f t="shared" si="117"/>
        <v>0</v>
      </c>
    </row>
    <row r="3751" spans="1:5" x14ac:dyDescent="0.25">
      <c r="A3751" s="1">
        <v>43712.125</v>
      </c>
      <c r="B3751" s="2">
        <v>16.149999999999999</v>
      </c>
      <c r="C3751">
        <v>0</v>
      </c>
      <c r="D3751">
        <f t="shared" si="116"/>
        <v>0</v>
      </c>
      <c r="E3751" s="6">
        <f t="shared" si="117"/>
        <v>0</v>
      </c>
    </row>
    <row r="3752" spans="1:5" x14ac:dyDescent="0.25">
      <c r="A3752" s="1">
        <v>43712.166666666664</v>
      </c>
      <c r="B3752" s="2">
        <v>17.12</v>
      </c>
      <c r="C3752">
        <v>0</v>
      </c>
      <c r="D3752">
        <f t="shared" si="116"/>
        <v>0</v>
      </c>
      <c r="E3752" s="6">
        <f t="shared" si="117"/>
        <v>0</v>
      </c>
    </row>
    <row r="3753" spans="1:5" x14ac:dyDescent="0.25">
      <c r="A3753" s="1">
        <v>43712.208333333336</v>
      </c>
      <c r="B3753" s="2">
        <v>19.100000000000001</v>
      </c>
      <c r="C3753">
        <v>0</v>
      </c>
      <c r="D3753">
        <f t="shared" si="116"/>
        <v>0</v>
      </c>
      <c r="E3753" s="6">
        <f t="shared" si="117"/>
        <v>0</v>
      </c>
    </row>
    <row r="3754" spans="1:5" x14ac:dyDescent="0.25">
      <c r="A3754" s="1">
        <v>43712.25</v>
      </c>
      <c r="B3754" s="2">
        <v>21.1</v>
      </c>
      <c r="C3754">
        <v>0</v>
      </c>
      <c r="D3754">
        <f t="shared" si="116"/>
        <v>0</v>
      </c>
      <c r="E3754" s="6">
        <f t="shared" si="117"/>
        <v>0</v>
      </c>
    </row>
    <row r="3755" spans="1:5" x14ac:dyDescent="0.25">
      <c r="A3755" s="1">
        <v>43712.291666666664</v>
      </c>
      <c r="B3755" s="2">
        <v>21.21</v>
      </c>
      <c r="C3755">
        <v>0.13544999999999999</v>
      </c>
      <c r="D3755">
        <f t="shared" si="116"/>
        <v>1.3544999999999999E-4</v>
      </c>
      <c r="E3755" s="6">
        <f t="shared" si="117"/>
        <v>2.8728944999999997E-3</v>
      </c>
    </row>
    <row r="3756" spans="1:5" x14ac:dyDescent="0.25">
      <c r="A3756" s="1">
        <v>43712.333333333336</v>
      </c>
      <c r="B3756" s="2">
        <v>21.35</v>
      </c>
      <c r="C3756">
        <v>0.586835</v>
      </c>
      <c r="D3756">
        <f t="shared" si="116"/>
        <v>5.8683499999999996E-4</v>
      </c>
      <c r="E3756" s="6">
        <f t="shared" si="117"/>
        <v>1.252892725E-2</v>
      </c>
    </row>
    <row r="3757" spans="1:5" x14ac:dyDescent="0.25">
      <c r="A3757" s="1">
        <v>43712.375</v>
      </c>
      <c r="B3757" s="2">
        <v>23.35</v>
      </c>
      <c r="C3757">
        <v>3.126528</v>
      </c>
      <c r="D3757">
        <f t="shared" si="116"/>
        <v>3.1265279999999999E-3</v>
      </c>
      <c r="E3757" s="6">
        <f t="shared" si="117"/>
        <v>7.3004428800000007E-2</v>
      </c>
    </row>
    <row r="3758" spans="1:5" x14ac:dyDescent="0.25">
      <c r="A3758" s="1">
        <v>43712.416666666664</v>
      </c>
      <c r="B3758" s="2">
        <v>26.86</v>
      </c>
      <c r="C3758">
        <v>4.6267659999999999</v>
      </c>
      <c r="D3758">
        <f t="shared" si="116"/>
        <v>4.626766E-3</v>
      </c>
      <c r="E3758" s="6">
        <f t="shared" si="117"/>
        <v>0.12427493476</v>
      </c>
    </row>
    <row r="3759" spans="1:5" x14ac:dyDescent="0.25">
      <c r="A3759" s="1">
        <v>43712.458333333336</v>
      </c>
      <c r="B3759" s="2">
        <v>29.63</v>
      </c>
      <c r="C3759">
        <v>5.6801090000000007</v>
      </c>
      <c r="D3759">
        <f t="shared" si="116"/>
        <v>5.6801090000000009E-3</v>
      </c>
      <c r="E3759" s="6">
        <f t="shared" si="117"/>
        <v>0.16830162967000001</v>
      </c>
    </row>
    <row r="3760" spans="1:5" x14ac:dyDescent="0.25">
      <c r="A3760" s="1">
        <v>43712.5</v>
      </c>
      <c r="B3760" s="2">
        <v>31.52</v>
      </c>
      <c r="C3760">
        <v>4.8700200000000002</v>
      </c>
      <c r="D3760">
        <f t="shared" si="116"/>
        <v>4.8700200000000001E-3</v>
      </c>
      <c r="E3760" s="6">
        <f t="shared" si="117"/>
        <v>0.15350303039999999</v>
      </c>
    </row>
    <row r="3761" spans="1:5" x14ac:dyDescent="0.25">
      <c r="A3761" s="1">
        <v>43712.541666666664</v>
      </c>
      <c r="B3761" s="2">
        <v>33.659999999999997</v>
      </c>
      <c r="C3761">
        <v>5.4250910000000001</v>
      </c>
      <c r="D3761">
        <f t="shared" si="116"/>
        <v>5.4250909999999999E-3</v>
      </c>
      <c r="E3761" s="6">
        <f t="shared" si="117"/>
        <v>0.18260856305999998</v>
      </c>
    </row>
    <row r="3762" spans="1:5" x14ac:dyDescent="0.25">
      <c r="A3762" s="1">
        <v>43712.583333333336</v>
      </c>
      <c r="B3762" s="2">
        <v>37.21</v>
      </c>
      <c r="C3762">
        <v>5.3565889999999996</v>
      </c>
      <c r="D3762">
        <f t="shared" si="116"/>
        <v>5.3565889999999993E-3</v>
      </c>
      <c r="E3762" s="6">
        <f t="shared" si="117"/>
        <v>0.19931867668999997</v>
      </c>
    </row>
    <row r="3763" spans="1:5" x14ac:dyDescent="0.25">
      <c r="A3763" s="1">
        <v>43712.625</v>
      </c>
      <c r="B3763" s="2">
        <v>38.15</v>
      </c>
      <c r="C3763">
        <v>6.0275749999999997</v>
      </c>
      <c r="D3763">
        <f t="shared" si="116"/>
        <v>6.0275749999999994E-3</v>
      </c>
      <c r="E3763" s="6">
        <f t="shared" si="117"/>
        <v>0.22995198624999996</v>
      </c>
    </row>
    <row r="3764" spans="1:5" x14ac:dyDescent="0.25">
      <c r="A3764" s="1">
        <v>43712.666666666664</v>
      </c>
      <c r="B3764" s="2">
        <v>40.090000000000003</v>
      </c>
      <c r="C3764">
        <v>4.9788059999999996</v>
      </c>
      <c r="D3764">
        <f t="shared" si="116"/>
        <v>4.9788059999999997E-3</v>
      </c>
      <c r="E3764" s="6">
        <f t="shared" si="117"/>
        <v>0.19960033254000001</v>
      </c>
    </row>
    <row r="3765" spans="1:5" x14ac:dyDescent="0.25">
      <c r="A3765" s="1">
        <v>43712.708333333336</v>
      </c>
      <c r="B3765" s="2">
        <v>36.159999999999997</v>
      </c>
      <c r="C3765">
        <v>3.4627950000000003</v>
      </c>
      <c r="D3765">
        <f t="shared" si="116"/>
        <v>3.4627950000000003E-3</v>
      </c>
      <c r="E3765" s="6">
        <f t="shared" si="117"/>
        <v>0.12521466719999999</v>
      </c>
    </row>
    <row r="3766" spans="1:5" x14ac:dyDescent="0.25">
      <c r="A3766" s="1">
        <v>43712.75</v>
      </c>
      <c r="B3766" s="2">
        <v>32.83</v>
      </c>
      <c r="C3766">
        <v>1.6755719999999998</v>
      </c>
      <c r="D3766">
        <f t="shared" si="116"/>
        <v>1.6755719999999997E-3</v>
      </c>
      <c r="E3766" s="6">
        <f t="shared" si="117"/>
        <v>5.5009028759999988E-2</v>
      </c>
    </row>
    <row r="3767" spans="1:5" x14ac:dyDescent="0.25">
      <c r="A3767" s="1">
        <v>43712.791666666664</v>
      </c>
      <c r="B3767" s="2">
        <v>31.48</v>
      </c>
      <c r="C3767">
        <v>0.214674</v>
      </c>
      <c r="D3767">
        <f t="shared" si="116"/>
        <v>2.1467400000000001E-4</v>
      </c>
      <c r="E3767" s="6">
        <f t="shared" si="117"/>
        <v>6.7579375200000008E-3</v>
      </c>
    </row>
    <row r="3768" spans="1:5" x14ac:dyDescent="0.25">
      <c r="A3768" s="1">
        <v>43712.833333333336</v>
      </c>
      <c r="B3768" s="2">
        <v>31.16</v>
      </c>
      <c r="C3768">
        <v>0</v>
      </c>
      <c r="D3768">
        <f t="shared" si="116"/>
        <v>0</v>
      </c>
      <c r="E3768" s="6">
        <f t="shared" si="117"/>
        <v>0</v>
      </c>
    </row>
    <row r="3769" spans="1:5" x14ac:dyDescent="0.25">
      <c r="A3769" s="1">
        <v>43712.875</v>
      </c>
      <c r="B3769" s="2">
        <v>25.2</v>
      </c>
      <c r="C3769">
        <v>0</v>
      </c>
      <c r="D3769">
        <f t="shared" si="116"/>
        <v>0</v>
      </c>
      <c r="E3769" s="6">
        <f t="shared" si="117"/>
        <v>0</v>
      </c>
    </row>
    <row r="3770" spans="1:5" x14ac:dyDescent="0.25">
      <c r="A3770" s="1">
        <v>43712.916666666664</v>
      </c>
      <c r="B3770" s="2">
        <v>21.52</v>
      </c>
      <c r="C3770">
        <v>0</v>
      </c>
      <c r="D3770">
        <f t="shared" si="116"/>
        <v>0</v>
      </c>
      <c r="E3770" s="6">
        <f t="shared" si="117"/>
        <v>0</v>
      </c>
    </row>
    <row r="3771" spans="1:5" x14ac:dyDescent="0.25">
      <c r="A3771" s="1">
        <v>43712.958333333336</v>
      </c>
      <c r="B3771" s="2">
        <v>19.96</v>
      </c>
      <c r="C3771">
        <v>0</v>
      </c>
      <c r="D3771">
        <f t="shared" si="116"/>
        <v>0</v>
      </c>
      <c r="E3771" s="6">
        <f t="shared" si="117"/>
        <v>0</v>
      </c>
    </row>
    <row r="3772" spans="1:5" x14ac:dyDescent="0.25">
      <c r="A3772" s="1">
        <v>43713</v>
      </c>
      <c r="B3772" s="2">
        <v>20.420000000000002</v>
      </c>
      <c r="C3772">
        <v>0</v>
      </c>
      <c r="D3772">
        <f t="shared" si="116"/>
        <v>0</v>
      </c>
      <c r="E3772" s="6">
        <f t="shared" si="117"/>
        <v>0</v>
      </c>
    </row>
    <row r="3773" spans="1:5" x14ac:dyDescent="0.25">
      <c r="A3773" s="1">
        <v>43713.041666666664</v>
      </c>
      <c r="B3773" s="2">
        <v>19.440000000000001</v>
      </c>
      <c r="C3773">
        <v>0</v>
      </c>
      <c r="D3773">
        <f t="shared" si="116"/>
        <v>0</v>
      </c>
      <c r="E3773" s="6">
        <f t="shared" si="117"/>
        <v>0</v>
      </c>
    </row>
    <row r="3774" spans="1:5" x14ac:dyDescent="0.25">
      <c r="A3774" s="1">
        <v>43713.083333333336</v>
      </c>
      <c r="B3774" s="2">
        <v>18.77</v>
      </c>
      <c r="C3774">
        <v>0</v>
      </c>
      <c r="D3774">
        <f t="shared" si="116"/>
        <v>0</v>
      </c>
      <c r="E3774" s="6">
        <f t="shared" si="117"/>
        <v>0</v>
      </c>
    </row>
    <row r="3775" spans="1:5" x14ac:dyDescent="0.25">
      <c r="A3775" s="1">
        <v>43713.125</v>
      </c>
      <c r="B3775" s="2">
        <v>18.440000000000001</v>
      </c>
      <c r="C3775">
        <v>0</v>
      </c>
      <c r="D3775">
        <f t="shared" si="116"/>
        <v>0</v>
      </c>
      <c r="E3775" s="6">
        <f t="shared" si="117"/>
        <v>0</v>
      </c>
    </row>
    <row r="3776" spans="1:5" x14ac:dyDescent="0.25">
      <c r="A3776" s="1">
        <v>43713.166666666664</v>
      </c>
      <c r="B3776" s="2">
        <v>18.7</v>
      </c>
      <c r="C3776">
        <v>0</v>
      </c>
      <c r="D3776">
        <f t="shared" si="116"/>
        <v>0</v>
      </c>
      <c r="E3776" s="6">
        <f t="shared" si="117"/>
        <v>0</v>
      </c>
    </row>
    <row r="3777" spans="1:5" x14ac:dyDescent="0.25">
      <c r="A3777" s="1">
        <v>43713.208333333336</v>
      </c>
      <c r="B3777" s="2">
        <v>19.77</v>
      </c>
      <c r="C3777">
        <v>0</v>
      </c>
      <c r="D3777">
        <f t="shared" si="116"/>
        <v>0</v>
      </c>
      <c r="E3777" s="6">
        <f t="shared" si="117"/>
        <v>0</v>
      </c>
    </row>
    <row r="3778" spans="1:5" x14ac:dyDescent="0.25">
      <c r="A3778" s="1">
        <v>43713.25</v>
      </c>
      <c r="B3778" s="2">
        <v>22.11</v>
      </c>
      <c r="C3778">
        <v>0</v>
      </c>
      <c r="D3778">
        <f t="shared" si="116"/>
        <v>0</v>
      </c>
      <c r="E3778" s="6">
        <f t="shared" si="117"/>
        <v>0</v>
      </c>
    </row>
    <row r="3779" spans="1:5" x14ac:dyDescent="0.25">
      <c r="A3779" s="1">
        <v>43713.291666666664</v>
      </c>
      <c r="B3779" s="2">
        <v>21.75</v>
      </c>
      <c r="C3779">
        <v>0.18534200000000001</v>
      </c>
      <c r="D3779">
        <f t="shared" si="116"/>
        <v>1.8534200000000002E-4</v>
      </c>
      <c r="E3779" s="6">
        <f t="shared" si="117"/>
        <v>4.0311885000000004E-3</v>
      </c>
    </row>
    <row r="3780" spans="1:5" x14ac:dyDescent="0.25">
      <c r="A3780" s="1">
        <v>43713.333333333336</v>
      </c>
      <c r="B3780" s="2">
        <v>21.89</v>
      </c>
      <c r="C3780">
        <v>1.7733639999999999</v>
      </c>
      <c r="D3780">
        <f t="shared" si="116"/>
        <v>1.7733639999999999E-3</v>
      </c>
      <c r="E3780" s="6">
        <f t="shared" si="117"/>
        <v>3.8818937960000001E-2</v>
      </c>
    </row>
    <row r="3781" spans="1:5" x14ac:dyDescent="0.25">
      <c r="A3781" s="1">
        <v>43713.375</v>
      </c>
      <c r="B3781" s="2">
        <v>24.34</v>
      </c>
      <c r="C3781">
        <v>3.8305599999999997</v>
      </c>
      <c r="D3781">
        <f t="shared" si="116"/>
        <v>3.8305599999999998E-3</v>
      </c>
      <c r="E3781" s="6">
        <f t="shared" si="117"/>
        <v>9.3235830399999997E-2</v>
      </c>
    </row>
    <row r="3782" spans="1:5" x14ac:dyDescent="0.25">
      <c r="A3782" s="1">
        <v>43713.416666666664</v>
      </c>
      <c r="B3782" s="2">
        <v>25.46</v>
      </c>
      <c r="C3782">
        <v>5.4493990000000005</v>
      </c>
      <c r="D3782">
        <f t="shared" ref="D3782:D3845" si="118">C3782/1000</f>
        <v>5.4493990000000006E-3</v>
      </c>
      <c r="E3782" s="6">
        <f t="shared" ref="E3782:E3845" si="119">D3782*B3782</f>
        <v>0.13874169854000001</v>
      </c>
    </row>
    <row r="3783" spans="1:5" x14ac:dyDescent="0.25">
      <c r="A3783" s="1">
        <v>43713.458333333336</v>
      </c>
      <c r="B3783" s="2">
        <v>26.63</v>
      </c>
      <c r="C3783">
        <v>6.5556570000000001</v>
      </c>
      <c r="D3783">
        <f t="shared" si="118"/>
        <v>6.5556570000000003E-3</v>
      </c>
      <c r="E3783" s="6">
        <f t="shared" si="119"/>
        <v>0.17457714591000001</v>
      </c>
    </row>
    <row r="3784" spans="1:5" x14ac:dyDescent="0.25">
      <c r="A3784" s="1">
        <v>43713.5</v>
      </c>
      <c r="B3784" s="2">
        <v>30.38</v>
      </c>
      <c r="C3784">
        <v>7.1544530000000002</v>
      </c>
      <c r="D3784">
        <f t="shared" si="118"/>
        <v>7.1544529999999999E-3</v>
      </c>
      <c r="E3784" s="6">
        <f t="shared" si="119"/>
        <v>0.21735228213999999</v>
      </c>
    </row>
    <row r="3785" spans="1:5" x14ac:dyDescent="0.25">
      <c r="A3785" s="1">
        <v>43713.541666666664</v>
      </c>
      <c r="B3785" s="2">
        <v>29.05</v>
      </c>
      <c r="C3785">
        <v>7.3269790000000006</v>
      </c>
      <c r="D3785">
        <f t="shared" si="118"/>
        <v>7.3269790000000008E-3</v>
      </c>
      <c r="E3785" s="6">
        <f t="shared" si="119"/>
        <v>0.21284873995000003</v>
      </c>
    </row>
    <row r="3786" spans="1:5" x14ac:dyDescent="0.25">
      <c r="A3786" s="1">
        <v>43713.583333333336</v>
      </c>
      <c r="B3786" s="2">
        <v>31.1</v>
      </c>
      <c r="C3786">
        <v>7.0619589999999999</v>
      </c>
      <c r="D3786">
        <f t="shared" si="118"/>
        <v>7.0619589999999996E-3</v>
      </c>
      <c r="E3786" s="6">
        <f t="shared" si="119"/>
        <v>0.21962692489999999</v>
      </c>
    </row>
    <row r="3787" spans="1:5" x14ac:dyDescent="0.25">
      <c r="A3787" s="1">
        <v>43713.625</v>
      </c>
      <c r="B3787" s="2">
        <v>32.020000000000003</v>
      </c>
      <c r="C3787">
        <v>6.4255719999999998</v>
      </c>
      <c r="D3787">
        <f t="shared" si="118"/>
        <v>6.4255720000000001E-3</v>
      </c>
      <c r="E3787" s="6">
        <f t="shared" si="119"/>
        <v>0.20574681544000001</v>
      </c>
    </row>
    <row r="3788" spans="1:5" x14ac:dyDescent="0.25">
      <c r="A3788" s="1">
        <v>43713.666666666664</v>
      </c>
      <c r="B3788" s="2">
        <v>31.46</v>
      </c>
      <c r="C3788">
        <v>5.2785339999999996</v>
      </c>
      <c r="D3788">
        <f t="shared" si="118"/>
        <v>5.2785339999999997E-3</v>
      </c>
      <c r="E3788" s="6">
        <f t="shared" si="119"/>
        <v>0.16606267963999999</v>
      </c>
    </row>
    <row r="3789" spans="1:5" x14ac:dyDescent="0.25">
      <c r="A3789" s="1">
        <v>43713.708333333336</v>
      </c>
      <c r="B3789" s="2">
        <v>30.1</v>
      </c>
      <c r="C3789">
        <v>3.693168</v>
      </c>
      <c r="D3789">
        <f t="shared" si="118"/>
        <v>3.6931680000000001E-3</v>
      </c>
      <c r="E3789" s="6">
        <f t="shared" si="119"/>
        <v>0.11116435680000002</v>
      </c>
    </row>
    <row r="3790" spans="1:5" x14ac:dyDescent="0.25">
      <c r="A3790" s="1">
        <v>43713.75</v>
      </c>
      <c r="B3790" s="2">
        <v>28.77</v>
      </c>
      <c r="C3790">
        <v>1.7421990000000001</v>
      </c>
      <c r="D3790">
        <f t="shared" si="118"/>
        <v>1.742199E-3</v>
      </c>
      <c r="E3790" s="6">
        <f t="shared" si="119"/>
        <v>5.012306523E-2</v>
      </c>
    </row>
    <row r="3791" spans="1:5" x14ac:dyDescent="0.25">
      <c r="A3791" s="1">
        <v>43713.791666666664</v>
      </c>
      <c r="B3791" s="2">
        <v>28.82</v>
      </c>
      <c r="C3791">
        <v>0.20036000000000001</v>
      </c>
      <c r="D3791">
        <f t="shared" si="118"/>
        <v>2.0036000000000001E-4</v>
      </c>
      <c r="E3791" s="6">
        <f t="shared" si="119"/>
        <v>5.7743752000000001E-3</v>
      </c>
    </row>
    <row r="3792" spans="1:5" x14ac:dyDescent="0.25">
      <c r="A3792" s="1">
        <v>43713.833333333336</v>
      </c>
      <c r="B3792" s="2">
        <v>26.97</v>
      </c>
      <c r="C3792">
        <v>0</v>
      </c>
      <c r="D3792">
        <f t="shared" si="118"/>
        <v>0</v>
      </c>
      <c r="E3792" s="6">
        <f t="shared" si="119"/>
        <v>0</v>
      </c>
    </row>
    <row r="3793" spans="1:5" x14ac:dyDescent="0.25">
      <c r="A3793" s="1">
        <v>43713.875</v>
      </c>
      <c r="B3793" s="2">
        <v>23.87</v>
      </c>
      <c r="C3793">
        <v>0</v>
      </c>
      <c r="D3793">
        <f t="shared" si="118"/>
        <v>0</v>
      </c>
      <c r="E3793" s="6">
        <f t="shared" si="119"/>
        <v>0</v>
      </c>
    </row>
    <row r="3794" spans="1:5" x14ac:dyDescent="0.25">
      <c r="A3794" s="1">
        <v>43713.916666666664</v>
      </c>
      <c r="B3794" s="2">
        <v>20.48</v>
      </c>
      <c r="C3794">
        <v>0</v>
      </c>
      <c r="D3794">
        <f t="shared" si="118"/>
        <v>0</v>
      </c>
      <c r="E3794" s="6">
        <f t="shared" si="119"/>
        <v>0</v>
      </c>
    </row>
    <row r="3795" spans="1:5" x14ac:dyDescent="0.25">
      <c r="A3795" s="1">
        <v>43713.958333333336</v>
      </c>
      <c r="B3795" s="2">
        <v>19.03</v>
      </c>
      <c r="C3795">
        <v>0</v>
      </c>
      <c r="D3795">
        <f t="shared" si="118"/>
        <v>0</v>
      </c>
      <c r="E3795" s="6">
        <f t="shared" si="119"/>
        <v>0</v>
      </c>
    </row>
    <row r="3796" spans="1:5" x14ac:dyDescent="0.25">
      <c r="A3796" s="1">
        <v>43714</v>
      </c>
      <c r="B3796" s="2">
        <v>19.829999999999998</v>
      </c>
      <c r="C3796">
        <v>0</v>
      </c>
      <c r="D3796">
        <f t="shared" si="118"/>
        <v>0</v>
      </c>
      <c r="E3796" s="6">
        <f t="shared" si="119"/>
        <v>0</v>
      </c>
    </row>
    <row r="3797" spans="1:5" x14ac:dyDescent="0.25">
      <c r="A3797" s="1">
        <v>43714.041666666664</v>
      </c>
      <c r="B3797" s="2">
        <v>19.260000000000002</v>
      </c>
      <c r="C3797">
        <v>0</v>
      </c>
      <c r="D3797">
        <f t="shared" si="118"/>
        <v>0</v>
      </c>
      <c r="E3797" s="6">
        <f t="shared" si="119"/>
        <v>0</v>
      </c>
    </row>
    <row r="3798" spans="1:5" x14ac:dyDescent="0.25">
      <c r="A3798" s="1">
        <v>43714.083333333336</v>
      </c>
      <c r="B3798" s="2">
        <v>18.579999999999998</v>
      </c>
      <c r="C3798">
        <v>0</v>
      </c>
      <c r="D3798">
        <f t="shared" si="118"/>
        <v>0</v>
      </c>
      <c r="E3798" s="6">
        <f t="shared" si="119"/>
        <v>0</v>
      </c>
    </row>
    <row r="3799" spans="1:5" x14ac:dyDescent="0.25">
      <c r="A3799" s="1">
        <v>43714.125</v>
      </c>
      <c r="B3799" s="2">
        <v>18.690000000000001</v>
      </c>
      <c r="C3799">
        <v>0</v>
      </c>
      <c r="D3799">
        <f t="shared" si="118"/>
        <v>0</v>
      </c>
      <c r="E3799" s="6">
        <f t="shared" si="119"/>
        <v>0</v>
      </c>
    </row>
    <row r="3800" spans="1:5" x14ac:dyDescent="0.25">
      <c r="A3800" s="1">
        <v>43714.166666666664</v>
      </c>
      <c r="B3800" s="2">
        <v>19.100000000000001</v>
      </c>
      <c r="C3800">
        <v>0</v>
      </c>
      <c r="D3800">
        <f t="shared" si="118"/>
        <v>0</v>
      </c>
      <c r="E3800" s="6">
        <f t="shared" si="119"/>
        <v>0</v>
      </c>
    </row>
    <row r="3801" spans="1:5" x14ac:dyDescent="0.25">
      <c r="A3801" s="1">
        <v>43714.208333333336</v>
      </c>
      <c r="B3801" s="2">
        <v>20.05</v>
      </c>
      <c r="C3801">
        <v>0</v>
      </c>
      <c r="D3801">
        <f t="shared" si="118"/>
        <v>0</v>
      </c>
      <c r="E3801" s="6">
        <f t="shared" si="119"/>
        <v>0</v>
      </c>
    </row>
    <row r="3802" spans="1:5" x14ac:dyDescent="0.25">
      <c r="A3802" s="1">
        <v>43714.25</v>
      </c>
      <c r="B3802" s="2">
        <v>22.17</v>
      </c>
      <c r="C3802">
        <v>0</v>
      </c>
      <c r="D3802">
        <f t="shared" si="118"/>
        <v>0</v>
      </c>
      <c r="E3802" s="6">
        <f t="shared" si="119"/>
        <v>0</v>
      </c>
    </row>
    <row r="3803" spans="1:5" x14ac:dyDescent="0.25">
      <c r="A3803" s="1">
        <v>43714.291666666664</v>
      </c>
      <c r="B3803" s="2">
        <v>21.82</v>
      </c>
      <c r="C3803">
        <v>0.175148</v>
      </c>
      <c r="D3803">
        <f t="shared" si="118"/>
        <v>1.75148E-4</v>
      </c>
      <c r="E3803" s="6">
        <f t="shared" si="119"/>
        <v>3.8217293600000001E-3</v>
      </c>
    </row>
    <row r="3804" spans="1:5" x14ac:dyDescent="0.25">
      <c r="A3804" s="1">
        <v>43714.333333333336</v>
      </c>
      <c r="B3804" s="2">
        <v>22.25</v>
      </c>
      <c r="C3804">
        <v>1.7452860000000001</v>
      </c>
      <c r="D3804">
        <f t="shared" si="118"/>
        <v>1.7452860000000002E-3</v>
      </c>
      <c r="E3804" s="6">
        <f t="shared" si="119"/>
        <v>3.8832613500000002E-2</v>
      </c>
    </row>
    <row r="3805" spans="1:5" x14ac:dyDescent="0.25">
      <c r="A3805" s="1">
        <v>43714.375</v>
      </c>
      <c r="B3805" s="2">
        <v>24.45</v>
      </c>
      <c r="C3805">
        <v>3.7618470000000004</v>
      </c>
      <c r="D3805">
        <f t="shared" si="118"/>
        <v>3.7618470000000005E-3</v>
      </c>
      <c r="E3805" s="6">
        <f t="shared" si="119"/>
        <v>9.1977159150000015E-2</v>
      </c>
    </row>
    <row r="3806" spans="1:5" x14ac:dyDescent="0.25">
      <c r="A3806" s="1">
        <v>43714.416666666664</v>
      </c>
      <c r="B3806" s="2">
        <v>26.86</v>
      </c>
      <c r="C3806">
        <v>5.3271109999999995</v>
      </c>
      <c r="D3806">
        <f t="shared" si="118"/>
        <v>5.3271109999999998E-3</v>
      </c>
      <c r="E3806" s="6">
        <f t="shared" si="119"/>
        <v>0.14308620145999998</v>
      </c>
    </row>
    <row r="3807" spans="1:5" x14ac:dyDescent="0.25">
      <c r="A3807" s="1">
        <v>43714.458333333336</v>
      </c>
      <c r="B3807" s="2">
        <v>29.66</v>
      </c>
      <c r="C3807">
        <v>6.3718529999999998</v>
      </c>
      <c r="D3807">
        <f t="shared" si="118"/>
        <v>6.3718529999999994E-3</v>
      </c>
      <c r="E3807" s="6">
        <f t="shared" si="119"/>
        <v>0.18898915997999999</v>
      </c>
    </row>
    <row r="3808" spans="1:5" x14ac:dyDescent="0.25">
      <c r="A3808" s="1">
        <v>43714.5</v>
      </c>
      <c r="B3808" s="2">
        <v>31.35</v>
      </c>
      <c r="C3808">
        <v>6.9536350000000002</v>
      </c>
      <c r="D3808">
        <f t="shared" si="118"/>
        <v>6.9536350000000005E-3</v>
      </c>
      <c r="E3808" s="6">
        <f t="shared" si="119"/>
        <v>0.21799645725000003</v>
      </c>
    </row>
    <row r="3809" spans="1:5" x14ac:dyDescent="0.25">
      <c r="A3809" s="1">
        <v>43714.541666666664</v>
      </c>
      <c r="B3809" s="2">
        <v>32.24</v>
      </c>
      <c r="C3809">
        <v>7.1233339999999998</v>
      </c>
      <c r="D3809">
        <f t="shared" si="118"/>
        <v>7.1233340000000003E-3</v>
      </c>
      <c r="E3809" s="6">
        <f t="shared" si="119"/>
        <v>0.22965628816000003</v>
      </c>
    </row>
    <row r="3810" spans="1:5" x14ac:dyDescent="0.25">
      <c r="A3810" s="1">
        <v>43714.583333333336</v>
      </c>
      <c r="B3810" s="2">
        <v>33.590000000000003</v>
      </c>
      <c r="C3810">
        <v>6.8723210000000003</v>
      </c>
      <c r="D3810">
        <f t="shared" si="118"/>
        <v>6.8723210000000007E-3</v>
      </c>
      <c r="E3810" s="6">
        <f t="shared" si="119"/>
        <v>0.23084126239000005</v>
      </c>
    </row>
    <row r="3811" spans="1:5" x14ac:dyDescent="0.25">
      <c r="A3811" s="1">
        <v>43714.625</v>
      </c>
      <c r="B3811" s="2">
        <v>33.92</v>
      </c>
      <c r="C3811">
        <v>6.2115609999999997</v>
      </c>
      <c r="D3811">
        <f t="shared" si="118"/>
        <v>6.211561E-3</v>
      </c>
      <c r="E3811" s="6">
        <f t="shared" si="119"/>
        <v>0.21069614912000001</v>
      </c>
    </row>
    <row r="3812" spans="1:5" x14ac:dyDescent="0.25">
      <c r="A3812" s="1">
        <v>43714.666666666664</v>
      </c>
      <c r="B3812" s="2">
        <v>34.65</v>
      </c>
      <c r="C3812">
        <v>5.1208410000000004</v>
      </c>
      <c r="D3812">
        <f t="shared" si="118"/>
        <v>5.1208410000000001E-3</v>
      </c>
      <c r="E3812" s="6">
        <f t="shared" si="119"/>
        <v>0.17743714064999999</v>
      </c>
    </row>
    <row r="3813" spans="1:5" x14ac:dyDescent="0.25">
      <c r="A3813" s="1">
        <v>43714.708333333336</v>
      </c>
      <c r="B3813" s="2">
        <v>33.74</v>
      </c>
      <c r="C3813">
        <v>3.5470359999999999</v>
      </c>
      <c r="D3813">
        <f t="shared" si="118"/>
        <v>3.5470359999999999E-3</v>
      </c>
      <c r="E3813" s="6">
        <f t="shared" si="119"/>
        <v>0.11967699464000001</v>
      </c>
    </row>
    <row r="3814" spans="1:5" x14ac:dyDescent="0.25">
      <c r="A3814" s="1">
        <v>43714.75</v>
      </c>
      <c r="B3814" s="2">
        <v>31.74</v>
      </c>
      <c r="C3814">
        <v>1.646204</v>
      </c>
      <c r="D3814">
        <f t="shared" si="118"/>
        <v>1.6462040000000001E-3</v>
      </c>
      <c r="E3814" s="6">
        <f t="shared" si="119"/>
        <v>5.2250514960000001E-2</v>
      </c>
    </row>
    <row r="3815" spans="1:5" x14ac:dyDescent="0.25">
      <c r="A3815" s="1">
        <v>43714.791666666664</v>
      </c>
      <c r="B3815" s="2">
        <v>28.83</v>
      </c>
      <c r="C3815">
        <v>0.17984899999999998</v>
      </c>
      <c r="D3815">
        <f t="shared" si="118"/>
        <v>1.7984899999999999E-4</v>
      </c>
      <c r="E3815" s="6">
        <f t="shared" si="119"/>
        <v>5.1850466699999995E-3</v>
      </c>
    </row>
    <row r="3816" spans="1:5" x14ac:dyDescent="0.25">
      <c r="A3816" s="1">
        <v>43714.833333333336</v>
      </c>
      <c r="B3816" s="2">
        <v>26.53</v>
      </c>
      <c r="C3816">
        <v>0</v>
      </c>
      <c r="D3816">
        <f t="shared" si="118"/>
        <v>0</v>
      </c>
      <c r="E3816" s="6">
        <f t="shared" si="119"/>
        <v>0</v>
      </c>
    </row>
    <row r="3817" spans="1:5" x14ac:dyDescent="0.25">
      <c r="A3817" s="1">
        <v>43714.875</v>
      </c>
      <c r="B3817" s="2">
        <v>23.74</v>
      </c>
      <c r="C3817">
        <v>0</v>
      </c>
      <c r="D3817">
        <f t="shared" si="118"/>
        <v>0</v>
      </c>
      <c r="E3817" s="6">
        <f t="shared" si="119"/>
        <v>0</v>
      </c>
    </row>
    <row r="3818" spans="1:5" x14ac:dyDescent="0.25">
      <c r="A3818" s="1">
        <v>43714.916666666664</v>
      </c>
      <c r="B3818" s="2">
        <v>21.8</v>
      </c>
      <c r="C3818">
        <v>0</v>
      </c>
      <c r="D3818">
        <f t="shared" si="118"/>
        <v>0</v>
      </c>
      <c r="E3818" s="6">
        <f t="shared" si="119"/>
        <v>0</v>
      </c>
    </row>
    <row r="3819" spans="1:5" x14ac:dyDescent="0.25">
      <c r="A3819" s="1">
        <v>43714.958333333336</v>
      </c>
      <c r="B3819" s="2">
        <v>20.059999999999999</v>
      </c>
      <c r="C3819">
        <v>0</v>
      </c>
      <c r="D3819">
        <f t="shared" si="118"/>
        <v>0</v>
      </c>
      <c r="E3819" s="6">
        <f t="shared" si="119"/>
        <v>0</v>
      </c>
    </row>
    <row r="3820" spans="1:5" x14ac:dyDescent="0.25">
      <c r="A3820" s="1">
        <v>43715</v>
      </c>
      <c r="B3820" s="2">
        <v>17.97</v>
      </c>
      <c r="C3820">
        <v>0</v>
      </c>
      <c r="D3820">
        <f t="shared" si="118"/>
        <v>0</v>
      </c>
      <c r="E3820" s="6">
        <f t="shared" si="119"/>
        <v>0</v>
      </c>
    </row>
    <row r="3821" spans="1:5" x14ac:dyDescent="0.25">
      <c r="A3821" s="1">
        <v>43715.041666666664</v>
      </c>
      <c r="B3821" s="2">
        <v>16.93</v>
      </c>
      <c r="C3821">
        <v>0</v>
      </c>
      <c r="D3821">
        <f t="shared" si="118"/>
        <v>0</v>
      </c>
      <c r="E3821" s="6">
        <f t="shared" si="119"/>
        <v>0</v>
      </c>
    </row>
    <row r="3822" spans="1:5" x14ac:dyDescent="0.25">
      <c r="A3822" s="1">
        <v>43715.083333333336</v>
      </c>
      <c r="B3822" s="2">
        <v>16.010000000000002</v>
      </c>
      <c r="C3822">
        <v>0</v>
      </c>
      <c r="D3822">
        <f t="shared" si="118"/>
        <v>0</v>
      </c>
      <c r="E3822" s="6">
        <f t="shared" si="119"/>
        <v>0</v>
      </c>
    </row>
    <row r="3823" spans="1:5" x14ac:dyDescent="0.25">
      <c r="A3823" s="1">
        <v>43715.125</v>
      </c>
      <c r="B3823" s="2">
        <v>15.2</v>
      </c>
      <c r="C3823">
        <v>0</v>
      </c>
      <c r="D3823">
        <f t="shared" si="118"/>
        <v>0</v>
      </c>
      <c r="E3823" s="6">
        <f t="shared" si="119"/>
        <v>0</v>
      </c>
    </row>
    <row r="3824" spans="1:5" x14ac:dyDescent="0.25">
      <c r="A3824" s="1">
        <v>43715.166666666664</v>
      </c>
      <c r="B3824" s="2">
        <v>14.79</v>
      </c>
      <c r="C3824">
        <v>0</v>
      </c>
      <c r="D3824">
        <f t="shared" si="118"/>
        <v>0</v>
      </c>
      <c r="E3824" s="6">
        <f t="shared" si="119"/>
        <v>0</v>
      </c>
    </row>
    <row r="3825" spans="1:5" x14ac:dyDescent="0.25">
      <c r="A3825" s="1">
        <v>43715.208333333336</v>
      </c>
      <c r="B3825" s="2">
        <v>15.45</v>
      </c>
      <c r="C3825">
        <v>0</v>
      </c>
      <c r="D3825">
        <f t="shared" si="118"/>
        <v>0</v>
      </c>
      <c r="E3825" s="6">
        <f t="shared" si="119"/>
        <v>0</v>
      </c>
    </row>
    <row r="3826" spans="1:5" x14ac:dyDescent="0.25">
      <c r="A3826" s="1">
        <v>43715.25</v>
      </c>
      <c r="B3826" s="2">
        <v>16.82</v>
      </c>
      <c r="C3826">
        <v>0</v>
      </c>
      <c r="D3826">
        <f t="shared" si="118"/>
        <v>0</v>
      </c>
      <c r="E3826" s="6">
        <f t="shared" si="119"/>
        <v>0</v>
      </c>
    </row>
    <row r="3827" spans="1:5" x14ac:dyDescent="0.25">
      <c r="A3827" s="1">
        <v>43715.291666666664</v>
      </c>
      <c r="B3827" s="2">
        <v>17.02</v>
      </c>
      <c r="C3827">
        <v>0.16741399999999998</v>
      </c>
      <c r="D3827">
        <f t="shared" si="118"/>
        <v>1.6741399999999998E-4</v>
      </c>
      <c r="E3827" s="6">
        <f t="shared" si="119"/>
        <v>2.8493862799999995E-3</v>
      </c>
    </row>
    <row r="3828" spans="1:5" x14ac:dyDescent="0.25">
      <c r="A3828" s="1">
        <v>43715.333333333336</v>
      </c>
      <c r="B3828" s="2">
        <v>17.829999999999998</v>
      </c>
      <c r="C3828">
        <v>1.6782509999999999</v>
      </c>
      <c r="D3828">
        <f t="shared" si="118"/>
        <v>1.678251E-3</v>
      </c>
      <c r="E3828" s="6">
        <f t="shared" si="119"/>
        <v>2.9923215329999996E-2</v>
      </c>
    </row>
    <row r="3829" spans="1:5" x14ac:dyDescent="0.25">
      <c r="A3829" s="1">
        <v>43715.375</v>
      </c>
      <c r="B3829" s="2">
        <v>19.829999999999998</v>
      </c>
      <c r="C3829">
        <v>3.6402489999999998</v>
      </c>
      <c r="D3829">
        <f t="shared" si="118"/>
        <v>3.6402489999999999E-3</v>
      </c>
      <c r="E3829" s="6">
        <f t="shared" si="119"/>
        <v>7.2186137669999997E-2</v>
      </c>
    </row>
    <row r="3830" spans="1:5" x14ac:dyDescent="0.25">
      <c r="A3830" s="1">
        <v>43715.416666666664</v>
      </c>
      <c r="B3830" s="2">
        <v>20.75</v>
      </c>
      <c r="C3830">
        <v>5.1901650000000004</v>
      </c>
      <c r="D3830">
        <f t="shared" si="118"/>
        <v>5.1901650000000001E-3</v>
      </c>
      <c r="E3830" s="6">
        <f t="shared" si="119"/>
        <v>0.10769592375000001</v>
      </c>
    </row>
    <row r="3831" spans="1:5" x14ac:dyDescent="0.25">
      <c r="A3831" s="1">
        <v>43715.458333333336</v>
      </c>
      <c r="B3831" s="2">
        <v>22.38</v>
      </c>
      <c r="C3831">
        <v>6.1962479999999998</v>
      </c>
      <c r="D3831">
        <f t="shared" si="118"/>
        <v>6.1962479999999997E-3</v>
      </c>
      <c r="E3831" s="6">
        <f t="shared" si="119"/>
        <v>0.13867203023999999</v>
      </c>
    </row>
    <row r="3832" spans="1:5" x14ac:dyDescent="0.25">
      <c r="A3832" s="1">
        <v>43715.5</v>
      </c>
      <c r="B3832" s="2">
        <v>23.31</v>
      </c>
      <c r="C3832">
        <v>6.8049080000000002</v>
      </c>
      <c r="D3832">
        <f t="shared" si="118"/>
        <v>6.8049080000000001E-3</v>
      </c>
      <c r="E3832" s="6">
        <f t="shared" si="119"/>
        <v>0.15862240548000001</v>
      </c>
    </row>
    <row r="3833" spans="1:5" x14ac:dyDescent="0.25">
      <c r="A3833" s="1">
        <v>43715.541666666664</v>
      </c>
      <c r="B3833" s="2">
        <v>24.54</v>
      </c>
      <c r="C3833">
        <v>6.9705110000000001</v>
      </c>
      <c r="D3833">
        <f t="shared" si="118"/>
        <v>6.9705110000000004E-3</v>
      </c>
      <c r="E3833" s="6">
        <f t="shared" si="119"/>
        <v>0.17105633994</v>
      </c>
    </row>
    <row r="3834" spans="1:5" x14ac:dyDescent="0.25">
      <c r="A3834" s="1">
        <v>43715.583333333336</v>
      </c>
      <c r="B3834" s="2">
        <v>25.79</v>
      </c>
      <c r="C3834">
        <v>6.6705800000000002</v>
      </c>
      <c r="D3834">
        <f t="shared" si="118"/>
        <v>6.6705800000000006E-3</v>
      </c>
      <c r="E3834" s="6">
        <f t="shared" si="119"/>
        <v>0.17203425820000001</v>
      </c>
    </row>
    <row r="3835" spans="1:5" x14ac:dyDescent="0.25">
      <c r="A3835" s="1">
        <v>43715.625</v>
      </c>
      <c r="B3835" s="2">
        <v>29.1</v>
      </c>
      <c r="C3835">
        <v>6.0054650000000001</v>
      </c>
      <c r="D3835">
        <f t="shared" si="118"/>
        <v>6.0054649999999998E-3</v>
      </c>
      <c r="E3835" s="6">
        <f t="shared" si="119"/>
        <v>0.17475903149999999</v>
      </c>
    </row>
    <row r="3836" spans="1:5" x14ac:dyDescent="0.25">
      <c r="A3836" s="1">
        <v>43715.666666666664</v>
      </c>
      <c r="B3836" s="2">
        <v>31.09</v>
      </c>
      <c r="C3836">
        <v>4.9214609999999999</v>
      </c>
      <c r="D3836">
        <f t="shared" si="118"/>
        <v>4.9214610000000002E-3</v>
      </c>
      <c r="E3836" s="6">
        <f t="shared" si="119"/>
        <v>0.15300822249000001</v>
      </c>
    </row>
    <row r="3837" spans="1:5" x14ac:dyDescent="0.25">
      <c r="A3837" s="1">
        <v>43715.708333333336</v>
      </c>
      <c r="B3837" s="2">
        <v>31.14</v>
      </c>
      <c r="C3837">
        <v>3.3776979999999996</v>
      </c>
      <c r="D3837">
        <f t="shared" si="118"/>
        <v>3.3776979999999997E-3</v>
      </c>
      <c r="E3837" s="6">
        <f t="shared" si="119"/>
        <v>0.10518151571999999</v>
      </c>
    </row>
    <row r="3838" spans="1:5" x14ac:dyDescent="0.25">
      <c r="A3838" s="1">
        <v>43715.75</v>
      </c>
      <c r="B3838" s="2">
        <v>24.93</v>
      </c>
      <c r="C3838">
        <v>1.5502560000000001</v>
      </c>
      <c r="D3838">
        <f t="shared" si="118"/>
        <v>1.5502560000000001E-3</v>
      </c>
      <c r="E3838" s="6">
        <f t="shared" si="119"/>
        <v>3.8647882080000001E-2</v>
      </c>
    </row>
    <row r="3839" spans="1:5" x14ac:dyDescent="0.25">
      <c r="A3839" s="1">
        <v>43715.791666666664</v>
      </c>
      <c r="B3839" s="2">
        <v>24.89</v>
      </c>
      <c r="C3839">
        <v>0.162358</v>
      </c>
      <c r="D3839">
        <f t="shared" si="118"/>
        <v>1.6235800000000001E-4</v>
      </c>
      <c r="E3839" s="6">
        <f t="shared" si="119"/>
        <v>4.0410906199999999E-3</v>
      </c>
    </row>
    <row r="3840" spans="1:5" x14ac:dyDescent="0.25">
      <c r="A3840" s="1">
        <v>43715.833333333336</v>
      </c>
      <c r="B3840" s="2">
        <v>23.78</v>
      </c>
      <c r="C3840">
        <v>0</v>
      </c>
      <c r="D3840">
        <f t="shared" si="118"/>
        <v>0</v>
      </c>
      <c r="E3840" s="6">
        <f t="shared" si="119"/>
        <v>0</v>
      </c>
    </row>
    <row r="3841" spans="1:5" x14ac:dyDescent="0.25">
      <c r="A3841" s="1">
        <v>43715.875</v>
      </c>
      <c r="B3841" s="2">
        <v>21.7</v>
      </c>
      <c r="C3841">
        <v>0</v>
      </c>
      <c r="D3841">
        <f t="shared" si="118"/>
        <v>0</v>
      </c>
      <c r="E3841" s="6">
        <f t="shared" si="119"/>
        <v>0</v>
      </c>
    </row>
    <row r="3842" spans="1:5" x14ac:dyDescent="0.25">
      <c r="A3842" s="1">
        <v>43715.916666666664</v>
      </c>
      <c r="B3842" s="2">
        <v>20.170000000000002</v>
      </c>
      <c r="C3842">
        <v>0</v>
      </c>
      <c r="D3842">
        <f t="shared" si="118"/>
        <v>0</v>
      </c>
      <c r="E3842" s="6">
        <f t="shared" si="119"/>
        <v>0</v>
      </c>
    </row>
    <row r="3843" spans="1:5" x14ac:dyDescent="0.25">
      <c r="A3843" s="1">
        <v>43715.958333333336</v>
      </c>
      <c r="B3843" s="2">
        <v>18.73</v>
      </c>
      <c r="C3843">
        <v>0</v>
      </c>
      <c r="D3843">
        <f t="shared" si="118"/>
        <v>0</v>
      </c>
      <c r="E3843" s="6">
        <f t="shared" si="119"/>
        <v>0</v>
      </c>
    </row>
    <row r="3844" spans="1:5" x14ac:dyDescent="0.25">
      <c r="A3844" s="1">
        <v>43716</v>
      </c>
      <c r="B3844" s="2">
        <v>17.68</v>
      </c>
      <c r="C3844">
        <v>0</v>
      </c>
      <c r="D3844">
        <f t="shared" si="118"/>
        <v>0</v>
      </c>
      <c r="E3844" s="6">
        <f t="shared" si="119"/>
        <v>0</v>
      </c>
    </row>
    <row r="3845" spans="1:5" x14ac:dyDescent="0.25">
      <c r="A3845" s="1">
        <v>43716.041666666664</v>
      </c>
      <c r="B3845" s="2">
        <v>17.34</v>
      </c>
      <c r="C3845">
        <v>0</v>
      </c>
      <c r="D3845">
        <f t="shared" si="118"/>
        <v>0</v>
      </c>
      <c r="E3845" s="6">
        <f t="shared" si="119"/>
        <v>0</v>
      </c>
    </row>
    <row r="3846" spans="1:5" x14ac:dyDescent="0.25">
      <c r="A3846" s="1">
        <v>43716.083333333336</v>
      </c>
      <c r="B3846" s="2">
        <v>15.88</v>
      </c>
      <c r="C3846">
        <v>0</v>
      </c>
      <c r="D3846">
        <f t="shared" ref="D3846:D3909" si="120">C3846/1000</f>
        <v>0</v>
      </c>
      <c r="E3846" s="6">
        <f t="shared" ref="E3846:E3909" si="121">D3846*B3846</f>
        <v>0</v>
      </c>
    </row>
    <row r="3847" spans="1:5" x14ac:dyDescent="0.25">
      <c r="A3847" s="1">
        <v>43716.125</v>
      </c>
      <c r="B3847" s="2">
        <v>15.24</v>
      </c>
      <c r="C3847">
        <v>0</v>
      </c>
      <c r="D3847">
        <f t="shared" si="120"/>
        <v>0</v>
      </c>
      <c r="E3847" s="6">
        <f t="shared" si="121"/>
        <v>0</v>
      </c>
    </row>
    <row r="3848" spans="1:5" x14ac:dyDescent="0.25">
      <c r="A3848" s="1">
        <v>43716.166666666664</v>
      </c>
      <c r="B3848" s="2">
        <v>14.96</v>
      </c>
      <c r="C3848">
        <v>0</v>
      </c>
      <c r="D3848">
        <f t="shared" si="120"/>
        <v>0</v>
      </c>
      <c r="E3848" s="6">
        <f t="shared" si="121"/>
        <v>0</v>
      </c>
    </row>
    <row r="3849" spans="1:5" x14ac:dyDescent="0.25">
      <c r="A3849" s="1">
        <v>43716.208333333336</v>
      </c>
      <c r="B3849" s="2">
        <v>15.2</v>
      </c>
      <c r="C3849">
        <v>0</v>
      </c>
      <c r="D3849">
        <f t="shared" si="120"/>
        <v>0</v>
      </c>
      <c r="E3849" s="6">
        <f t="shared" si="121"/>
        <v>0</v>
      </c>
    </row>
    <row r="3850" spans="1:5" x14ac:dyDescent="0.25">
      <c r="A3850" s="1">
        <v>43716.25</v>
      </c>
      <c r="B3850" s="2">
        <v>16.010000000000002</v>
      </c>
      <c r="C3850">
        <v>0</v>
      </c>
      <c r="D3850">
        <f t="shared" si="120"/>
        <v>0</v>
      </c>
      <c r="E3850" s="6">
        <f t="shared" si="121"/>
        <v>0</v>
      </c>
    </row>
    <row r="3851" spans="1:5" x14ac:dyDescent="0.25">
      <c r="A3851" s="1">
        <v>43716.291666666664</v>
      </c>
      <c r="B3851" s="2">
        <v>16.09</v>
      </c>
      <c r="C3851">
        <v>0.16409800000000002</v>
      </c>
      <c r="D3851">
        <f t="shared" si="120"/>
        <v>1.6409800000000003E-4</v>
      </c>
      <c r="E3851" s="6">
        <f t="shared" si="121"/>
        <v>2.6403368200000003E-3</v>
      </c>
    </row>
    <row r="3852" spans="1:5" x14ac:dyDescent="0.25">
      <c r="A3852" s="1">
        <v>43716.333333333336</v>
      </c>
      <c r="B3852" s="2">
        <v>17.899999999999999</v>
      </c>
      <c r="C3852">
        <v>1.6202319999999999</v>
      </c>
      <c r="D3852">
        <f t="shared" si="120"/>
        <v>1.6202319999999999E-3</v>
      </c>
      <c r="E3852" s="6">
        <f t="shared" si="121"/>
        <v>2.9002152799999997E-2</v>
      </c>
    </row>
    <row r="3853" spans="1:5" x14ac:dyDescent="0.25">
      <c r="A3853" s="1">
        <v>43716.375</v>
      </c>
      <c r="B3853" s="2">
        <v>19.649999999999999</v>
      </c>
      <c r="C3853">
        <v>3.5540050000000001</v>
      </c>
      <c r="D3853">
        <f t="shared" si="120"/>
        <v>3.5540050000000003E-3</v>
      </c>
      <c r="E3853" s="6">
        <f t="shared" si="121"/>
        <v>6.9836198249999995E-2</v>
      </c>
    </row>
    <row r="3854" spans="1:5" x14ac:dyDescent="0.25">
      <c r="A3854" s="1">
        <v>43716.416666666664</v>
      </c>
      <c r="B3854" s="2">
        <v>20.38</v>
      </c>
      <c r="C3854">
        <v>5.0932009999999996</v>
      </c>
      <c r="D3854">
        <f t="shared" si="120"/>
        <v>5.0932009999999995E-3</v>
      </c>
      <c r="E3854" s="6">
        <f t="shared" si="121"/>
        <v>0.10379943637999998</v>
      </c>
    </row>
    <row r="3855" spans="1:5" x14ac:dyDescent="0.25">
      <c r="A3855" s="1">
        <v>43716.458333333336</v>
      </c>
      <c r="B3855" s="2">
        <v>21.12</v>
      </c>
      <c r="C3855">
        <v>6.1354410000000001</v>
      </c>
      <c r="D3855">
        <f t="shared" si="120"/>
        <v>6.1354410000000002E-3</v>
      </c>
      <c r="E3855" s="6">
        <f t="shared" si="121"/>
        <v>0.12958051392</v>
      </c>
    </row>
    <row r="3856" spans="1:5" x14ac:dyDescent="0.25">
      <c r="A3856" s="1">
        <v>43716.5</v>
      </c>
      <c r="B3856" s="2">
        <v>21.62</v>
      </c>
      <c r="C3856">
        <v>6.7642740000000003</v>
      </c>
      <c r="D3856">
        <f t="shared" si="120"/>
        <v>6.7642740000000007E-3</v>
      </c>
      <c r="E3856" s="6">
        <f t="shared" si="121"/>
        <v>0.14624360388000002</v>
      </c>
    </row>
    <row r="3857" spans="1:5" x14ac:dyDescent="0.25">
      <c r="A3857" s="1">
        <v>43716.541666666664</v>
      </c>
      <c r="B3857" s="2">
        <v>22.88</v>
      </c>
      <c r="C3857">
        <v>6.8967659999999995</v>
      </c>
      <c r="D3857">
        <f t="shared" si="120"/>
        <v>6.8967659999999995E-3</v>
      </c>
      <c r="E3857" s="6">
        <f t="shared" si="121"/>
        <v>0.15779800607999997</v>
      </c>
    </row>
    <row r="3858" spans="1:5" x14ac:dyDescent="0.25">
      <c r="A3858" s="1">
        <v>43716.583333333336</v>
      </c>
      <c r="B3858" s="2">
        <v>24.2</v>
      </c>
      <c r="C3858">
        <v>6.6153339999999998</v>
      </c>
      <c r="D3858">
        <f t="shared" si="120"/>
        <v>6.6153339999999996E-3</v>
      </c>
      <c r="E3858" s="6">
        <f t="shared" si="121"/>
        <v>0.16009108279999998</v>
      </c>
    </row>
    <row r="3859" spans="1:5" x14ac:dyDescent="0.25">
      <c r="A3859" s="1">
        <v>43716.625</v>
      </c>
      <c r="B3859" s="2">
        <v>26.25</v>
      </c>
      <c r="C3859">
        <v>5.9521880000000005</v>
      </c>
      <c r="D3859">
        <f t="shared" si="120"/>
        <v>5.9521880000000006E-3</v>
      </c>
      <c r="E3859" s="6">
        <f t="shared" si="121"/>
        <v>0.15624493500000003</v>
      </c>
    </row>
    <row r="3860" spans="1:5" x14ac:dyDescent="0.25">
      <c r="A3860" s="1">
        <v>43716.666666666664</v>
      </c>
      <c r="B3860" s="2">
        <v>28.12</v>
      </c>
      <c r="C3860">
        <v>4.8754910000000002</v>
      </c>
      <c r="D3860">
        <f t="shared" si="120"/>
        <v>4.875491E-3</v>
      </c>
      <c r="E3860" s="6">
        <f t="shared" si="121"/>
        <v>0.13709880692000001</v>
      </c>
    </row>
    <row r="3861" spans="1:5" x14ac:dyDescent="0.25">
      <c r="A3861" s="1">
        <v>43716.708333333336</v>
      </c>
      <c r="B3861" s="2">
        <v>29.57</v>
      </c>
      <c r="C3861">
        <v>3.3292469999999996</v>
      </c>
      <c r="D3861">
        <f t="shared" si="120"/>
        <v>3.3292469999999996E-3</v>
      </c>
      <c r="E3861" s="6">
        <f t="shared" si="121"/>
        <v>9.8445833789999992E-2</v>
      </c>
    </row>
    <row r="3862" spans="1:5" x14ac:dyDescent="0.25">
      <c r="A3862" s="1">
        <v>43716.75</v>
      </c>
      <c r="B3862" s="2">
        <v>25.34</v>
      </c>
      <c r="C3862">
        <v>1.507584</v>
      </c>
      <c r="D3862">
        <f t="shared" si="120"/>
        <v>1.507584E-3</v>
      </c>
      <c r="E3862" s="6">
        <f t="shared" si="121"/>
        <v>3.8202178560000001E-2</v>
      </c>
    </row>
    <row r="3863" spans="1:5" x14ac:dyDescent="0.25">
      <c r="A3863" s="1">
        <v>43716.791666666664</v>
      </c>
      <c r="B3863" s="2">
        <v>25.68</v>
      </c>
      <c r="C3863">
        <v>0.151117</v>
      </c>
      <c r="D3863">
        <f t="shared" si="120"/>
        <v>1.5111700000000001E-4</v>
      </c>
      <c r="E3863" s="6">
        <f t="shared" si="121"/>
        <v>3.8806845600000001E-3</v>
      </c>
    </row>
    <row r="3864" spans="1:5" x14ac:dyDescent="0.25">
      <c r="A3864" s="1">
        <v>43716.833333333336</v>
      </c>
      <c r="B3864" s="2">
        <v>24.19</v>
      </c>
      <c r="C3864">
        <v>0</v>
      </c>
      <c r="D3864">
        <f t="shared" si="120"/>
        <v>0</v>
      </c>
      <c r="E3864" s="6">
        <f t="shared" si="121"/>
        <v>0</v>
      </c>
    </row>
    <row r="3865" spans="1:5" x14ac:dyDescent="0.25">
      <c r="A3865" s="1">
        <v>43716.875</v>
      </c>
      <c r="B3865" s="2">
        <v>21.45</v>
      </c>
      <c r="C3865">
        <v>0</v>
      </c>
      <c r="D3865">
        <f t="shared" si="120"/>
        <v>0</v>
      </c>
      <c r="E3865" s="6">
        <f t="shared" si="121"/>
        <v>0</v>
      </c>
    </row>
    <row r="3866" spans="1:5" x14ac:dyDescent="0.25">
      <c r="A3866" s="1">
        <v>43716.916666666664</v>
      </c>
      <c r="B3866" s="2">
        <v>19.96</v>
      </c>
      <c r="C3866">
        <v>0</v>
      </c>
      <c r="D3866">
        <f t="shared" si="120"/>
        <v>0</v>
      </c>
      <c r="E3866" s="6">
        <f t="shared" si="121"/>
        <v>0</v>
      </c>
    </row>
    <row r="3867" spans="1:5" x14ac:dyDescent="0.25">
      <c r="A3867" s="1">
        <v>43716.958333333336</v>
      </c>
      <c r="B3867" s="2">
        <v>18.54</v>
      </c>
      <c r="C3867">
        <v>0</v>
      </c>
      <c r="D3867">
        <f t="shared" si="120"/>
        <v>0</v>
      </c>
      <c r="E3867" s="6">
        <f t="shared" si="121"/>
        <v>0</v>
      </c>
    </row>
    <row r="3868" spans="1:5" x14ac:dyDescent="0.25">
      <c r="A3868" s="1">
        <v>43717</v>
      </c>
      <c r="B3868" s="2">
        <v>18.579999999999998</v>
      </c>
      <c r="C3868">
        <v>0</v>
      </c>
      <c r="D3868">
        <f t="shared" si="120"/>
        <v>0</v>
      </c>
      <c r="E3868" s="6">
        <f t="shared" si="121"/>
        <v>0</v>
      </c>
    </row>
    <row r="3869" spans="1:5" x14ac:dyDescent="0.25">
      <c r="A3869" s="1">
        <v>43717.041666666664</v>
      </c>
      <c r="B3869" s="2">
        <v>17.489999999999998</v>
      </c>
      <c r="C3869">
        <v>0</v>
      </c>
      <c r="D3869">
        <f t="shared" si="120"/>
        <v>0</v>
      </c>
      <c r="E3869" s="6">
        <f t="shared" si="121"/>
        <v>0</v>
      </c>
    </row>
    <row r="3870" spans="1:5" x14ac:dyDescent="0.25">
      <c r="A3870" s="1">
        <v>43717.083333333336</v>
      </c>
      <c r="B3870" s="2">
        <v>16.649999999999999</v>
      </c>
      <c r="C3870">
        <v>0</v>
      </c>
      <c r="D3870">
        <f t="shared" si="120"/>
        <v>0</v>
      </c>
      <c r="E3870" s="6">
        <f t="shared" si="121"/>
        <v>0</v>
      </c>
    </row>
    <row r="3871" spans="1:5" x14ac:dyDescent="0.25">
      <c r="A3871" s="1">
        <v>43717.125</v>
      </c>
      <c r="B3871" s="2">
        <v>16.29</v>
      </c>
      <c r="C3871">
        <v>0</v>
      </c>
      <c r="D3871">
        <f t="shared" si="120"/>
        <v>0</v>
      </c>
      <c r="E3871" s="6">
        <f t="shared" si="121"/>
        <v>0</v>
      </c>
    </row>
    <row r="3872" spans="1:5" x14ac:dyDescent="0.25">
      <c r="A3872" s="1">
        <v>43717.166666666664</v>
      </c>
      <c r="B3872" s="2">
        <v>17.190000000000001</v>
      </c>
      <c r="C3872">
        <v>0</v>
      </c>
      <c r="D3872">
        <f t="shared" si="120"/>
        <v>0</v>
      </c>
      <c r="E3872" s="6">
        <f t="shared" si="121"/>
        <v>0</v>
      </c>
    </row>
    <row r="3873" spans="1:5" x14ac:dyDescent="0.25">
      <c r="A3873" s="1">
        <v>43717.208333333336</v>
      </c>
      <c r="B3873" s="2">
        <v>18.84</v>
      </c>
      <c r="C3873">
        <v>0</v>
      </c>
      <c r="D3873">
        <f t="shared" si="120"/>
        <v>0</v>
      </c>
      <c r="E3873" s="6">
        <f t="shared" si="121"/>
        <v>0</v>
      </c>
    </row>
    <row r="3874" spans="1:5" x14ac:dyDescent="0.25">
      <c r="A3874" s="1">
        <v>43717.25</v>
      </c>
      <c r="B3874" s="2">
        <v>22.58</v>
      </c>
      <c r="C3874">
        <v>0</v>
      </c>
      <c r="D3874">
        <f t="shared" si="120"/>
        <v>0</v>
      </c>
      <c r="E3874" s="6">
        <f t="shared" si="121"/>
        <v>0</v>
      </c>
    </row>
    <row r="3875" spans="1:5" x14ac:dyDescent="0.25">
      <c r="A3875" s="1">
        <v>43717.291666666664</v>
      </c>
      <c r="B3875" s="2">
        <v>22.71</v>
      </c>
      <c r="C3875">
        <v>0.157249</v>
      </c>
      <c r="D3875">
        <f t="shared" si="120"/>
        <v>1.5724900000000001E-4</v>
      </c>
      <c r="E3875" s="6">
        <f t="shared" si="121"/>
        <v>3.5711247900000005E-3</v>
      </c>
    </row>
    <row r="3876" spans="1:5" x14ac:dyDescent="0.25">
      <c r="A3876" s="1">
        <v>43717.333333333336</v>
      </c>
      <c r="B3876" s="2">
        <v>22.82</v>
      </c>
      <c r="C3876">
        <v>1.649769</v>
      </c>
      <c r="D3876">
        <f t="shared" si="120"/>
        <v>1.6497690000000001E-3</v>
      </c>
      <c r="E3876" s="6">
        <f t="shared" si="121"/>
        <v>3.7647728580000005E-2</v>
      </c>
    </row>
    <row r="3877" spans="1:5" x14ac:dyDescent="0.25">
      <c r="A3877" s="1">
        <v>43717.375</v>
      </c>
      <c r="B3877" s="2">
        <v>25.45</v>
      </c>
      <c r="C3877">
        <v>3.6050880000000003</v>
      </c>
      <c r="D3877">
        <f t="shared" si="120"/>
        <v>3.6050880000000002E-3</v>
      </c>
      <c r="E3877" s="6">
        <f t="shared" si="121"/>
        <v>9.1749489599999998E-2</v>
      </c>
    </row>
    <row r="3878" spans="1:5" x14ac:dyDescent="0.25">
      <c r="A3878" s="1">
        <v>43717.416666666664</v>
      </c>
      <c r="B3878" s="2">
        <v>26.47</v>
      </c>
      <c r="C3878">
        <v>5.1663879999999995</v>
      </c>
      <c r="D3878">
        <f t="shared" si="120"/>
        <v>5.1663879999999992E-3</v>
      </c>
      <c r="E3878" s="6">
        <f t="shared" si="121"/>
        <v>0.13675429035999997</v>
      </c>
    </row>
    <row r="3879" spans="1:5" x14ac:dyDescent="0.25">
      <c r="A3879" s="1">
        <v>43717.458333333336</v>
      </c>
      <c r="B3879" s="2">
        <v>26.99</v>
      </c>
      <c r="C3879">
        <v>6.2518000000000002</v>
      </c>
      <c r="D3879">
        <f t="shared" si="120"/>
        <v>6.2518000000000001E-3</v>
      </c>
      <c r="E3879" s="6">
        <f t="shared" si="121"/>
        <v>0.16873608199999998</v>
      </c>
    </row>
    <row r="3880" spans="1:5" x14ac:dyDescent="0.25">
      <c r="A3880" s="1">
        <v>43717.5</v>
      </c>
      <c r="B3880" s="2">
        <v>32.81</v>
      </c>
      <c r="C3880">
        <v>6.8667590000000001</v>
      </c>
      <c r="D3880">
        <f t="shared" si="120"/>
        <v>6.8667590000000001E-3</v>
      </c>
      <c r="E3880" s="6">
        <f t="shared" si="121"/>
        <v>0.22529836279000001</v>
      </c>
    </row>
    <row r="3881" spans="1:5" x14ac:dyDescent="0.25">
      <c r="A3881" s="1">
        <v>43717.541666666664</v>
      </c>
      <c r="B3881" s="2">
        <v>35.43</v>
      </c>
      <c r="C3881">
        <v>7.035927</v>
      </c>
      <c r="D3881">
        <f t="shared" si="120"/>
        <v>7.035927E-3</v>
      </c>
      <c r="E3881" s="6">
        <f t="shared" si="121"/>
        <v>0.24928289361</v>
      </c>
    </row>
    <row r="3882" spans="1:5" x14ac:dyDescent="0.25">
      <c r="A3882" s="1">
        <v>43717.583333333336</v>
      </c>
      <c r="B3882" s="2">
        <v>36.15</v>
      </c>
      <c r="C3882">
        <v>6.7386739999999996</v>
      </c>
      <c r="D3882">
        <f t="shared" si="120"/>
        <v>6.7386739999999992E-3</v>
      </c>
      <c r="E3882" s="6">
        <f t="shared" si="121"/>
        <v>0.24360306509999996</v>
      </c>
    </row>
    <row r="3883" spans="1:5" x14ac:dyDescent="0.25">
      <c r="A3883" s="1">
        <v>43717.625</v>
      </c>
      <c r="B3883" s="2">
        <v>37.869999999999997</v>
      </c>
      <c r="C3883">
        <v>6.1128019999999994</v>
      </c>
      <c r="D3883">
        <f t="shared" si="120"/>
        <v>6.1128019999999996E-3</v>
      </c>
      <c r="E3883" s="6">
        <f t="shared" si="121"/>
        <v>0.23149181173999997</v>
      </c>
    </row>
    <row r="3884" spans="1:5" x14ac:dyDescent="0.25">
      <c r="A3884" s="1">
        <v>43717.666666666664</v>
      </c>
      <c r="B3884" s="2">
        <v>44.83</v>
      </c>
      <c r="C3884">
        <v>5.0354889999999992</v>
      </c>
      <c r="D3884">
        <f t="shared" si="120"/>
        <v>5.0354889999999989E-3</v>
      </c>
      <c r="E3884" s="6">
        <f t="shared" si="121"/>
        <v>0.22574097186999995</v>
      </c>
    </row>
    <row r="3885" spans="1:5" x14ac:dyDescent="0.25">
      <c r="A3885" s="1">
        <v>43717.708333333336</v>
      </c>
      <c r="B3885" s="2">
        <v>40.5</v>
      </c>
      <c r="C3885">
        <v>3.4528049999999997</v>
      </c>
      <c r="D3885">
        <f t="shared" si="120"/>
        <v>3.4528049999999998E-3</v>
      </c>
      <c r="E3885" s="6">
        <f t="shared" si="121"/>
        <v>0.13983860249999999</v>
      </c>
    </row>
    <row r="3886" spans="1:5" x14ac:dyDescent="0.25">
      <c r="A3886" s="1">
        <v>43717.75</v>
      </c>
      <c r="B3886" s="2">
        <v>36.51</v>
      </c>
      <c r="C3886">
        <v>1.559323</v>
      </c>
      <c r="D3886">
        <f t="shared" si="120"/>
        <v>1.559323E-3</v>
      </c>
      <c r="E3886" s="6">
        <f t="shared" si="121"/>
        <v>5.693088273E-2</v>
      </c>
    </row>
    <row r="3887" spans="1:5" x14ac:dyDescent="0.25">
      <c r="A3887" s="1">
        <v>43717.791666666664</v>
      </c>
      <c r="B3887" s="2">
        <v>37.369999999999997</v>
      </c>
      <c r="C3887">
        <v>0.140513</v>
      </c>
      <c r="D3887">
        <f t="shared" si="120"/>
        <v>1.4051299999999999E-4</v>
      </c>
      <c r="E3887" s="6">
        <f t="shared" si="121"/>
        <v>5.2509708099999991E-3</v>
      </c>
    </row>
    <row r="3888" spans="1:5" x14ac:dyDescent="0.25">
      <c r="A3888" s="1">
        <v>43717.833333333336</v>
      </c>
      <c r="B3888" s="2">
        <v>33</v>
      </c>
      <c r="C3888">
        <v>0</v>
      </c>
      <c r="D3888">
        <f t="shared" si="120"/>
        <v>0</v>
      </c>
      <c r="E3888" s="6">
        <f t="shared" si="121"/>
        <v>0</v>
      </c>
    </row>
    <row r="3889" spans="1:5" x14ac:dyDescent="0.25">
      <c r="A3889" s="1">
        <v>43717.875</v>
      </c>
      <c r="B3889" s="2">
        <v>24.32</v>
      </c>
      <c r="C3889">
        <v>0</v>
      </c>
      <c r="D3889">
        <f t="shared" si="120"/>
        <v>0</v>
      </c>
      <c r="E3889" s="6">
        <f t="shared" si="121"/>
        <v>0</v>
      </c>
    </row>
    <row r="3890" spans="1:5" x14ac:dyDescent="0.25">
      <c r="A3890" s="1">
        <v>43717.916666666664</v>
      </c>
      <c r="B3890" s="2">
        <v>22.27</v>
      </c>
      <c r="C3890">
        <v>0</v>
      </c>
      <c r="D3890">
        <f t="shared" si="120"/>
        <v>0</v>
      </c>
      <c r="E3890" s="6">
        <f t="shared" si="121"/>
        <v>0</v>
      </c>
    </row>
    <row r="3891" spans="1:5" x14ac:dyDescent="0.25">
      <c r="A3891" s="1">
        <v>43717.958333333336</v>
      </c>
      <c r="B3891" s="2">
        <v>20.04</v>
      </c>
      <c r="C3891">
        <v>0</v>
      </c>
      <c r="D3891">
        <f t="shared" si="120"/>
        <v>0</v>
      </c>
      <c r="E3891" s="6">
        <f t="shared" si="121"/>
        <v>0</v>
      </c>
    </row>
    <row r="3892" spans="1:5" x14ac:dyDescent="0.25">
      <c r="A3892" s="1">
        <v>43718</v>
      </c>
      <c r="B3892" s="2">
        <v>18.97</v>
      </c>
      <c r="C3892">
        <v>0</v>
      </c>
      <c r="D3892">
        <f t="shared" si="120"/>
        <v>0</v>
      </c>
      <c r="E3892" s="6">
        <f t="shared" si="121"/>
        <v>0</v>
      </c>
    </row>
    <row r="3893" spans="1:5" x14ac:dyDescent="0.25">
      <c r="A3893" s="1">
        <v>43718.041666666664</v>
      </c>
      <c r="B3893" s="2">
        <v>18.38</v>
      </c>
      <c r="C3893">
        <v>0</v>
      </c>
      <c r="D3893">
        <f t="shared" si="120"/>
        <v>0</v>
      </c>
      <c r="E3893" s="6">
        <f t="shared" si="121"/>
        <v>0</v>
      </c>
    </row>
    <row r="3894" spans="1:5" x14ac:dyDescent="0.25">
      <c r="A3894" s="1">
        <v>43718.083333333336</v>
      </c>
      <c r="B3894" s="2">
        <v>17.440000000000001</v>
      </c>
      <c r="C3894">
        <v>0</v>
      </c>
      <c r="D3894">
        <f t="shared" si="120"/>
        <v>0</v>
      </c>
      <c r="E3894" s="6">
        <f t="shared" si="121"/>
        <v>0</v>
      </c>
    </row>
    <row r="3895" spans="1:5" x14ac:dyDescent="0.25">
      <c r="A3895" s="1">
        <v>43718.125</v>
      </c>
      <c r="B3895" s="2">
        <v>16.73</v>
      </c>
      <c r="C3895">
        <v>0</v>
      </c>
      <c r="D3895">
        <f t="shared" si="120"/>
        <v>0</v>
      </c>
      <c r="E3895" s="6">
        <f t="shared" si="121"/>
        <v>0</v>
      </c>
    </row>
    <row r="3896" spans="1:5" x14ac:dyDescent="0.25">
      <c r="A3896" s="1">
        <v>43718.166666666664</v>
      </c>
      <c r="B3896" s="2">
        <v>17.809999999999999</v>
      </c>
      <c r="C3896">
        <v>0</v>
      </c>
      <c r="D3896">
        <f t="shared" si="120"/>
        <v>0</v>
      </c>
      <c r="E3896" s="6">
        <f t="shared" si="121"/>
        <v>0</v>
      </c>
    </row>
    <row r="3897" spans="1:5" x14ac:dyDescent="0.25">
      <c r="A3897" s="1">
        <v>43718.208333333336</v>
      </c>
      <c r="B3897" s="2">
        <v>18.89</v>
      </c>
      <c r="C3897">
        <v>0</v>
      </c>
      <c r="D3897">
        <f t="shared" si="120"/>
        <v>0</v>
      </c>
      <c r="E3897" s="6">
        <f t="shared" si="121"/>
        <v>0</v>
      </c>
    </row>
    <row r="3898" spans="1:5" x14ac:dyDescent="0.25">
      <c r="A3898" s="1">
        <v>43718.25</v>
      </c>
      <c r="B3898" s="2">
        <v>22.22</v>
      </c>
      <c r="C3898">
        <v>0</v>
      </c>
      <c r="D3898">
        <f t="shared" si="120"/>
        <v>0</v>
      </c>
      <c r="E3898" s="6">
        <f t="shared" si="121"/>
        <v>0</v>
      </c>
    </row>
    <row r="3899" spans="1:5" x14ac:dyDescent="0.25">
      <c r="A3899" s="1">
        <v>43718.291666666664</v>
      </c>
      <c r="B3899" s="2">
        <v>22.44</v>
      </c>
      <c r="C3899">
        <v>0.15465299999999998</v>
      </c>
      <c r="D3899">
        <f t="shared" si="120"/>
        <v>1.5465299999999998E-4</v>
      </c>
      <c r="E3899" s="6">
        <f t="shared" si="121"/>
        <v>3.4704133199999999E-3</v>
      </c>
    </row>
    <row r="3900" spans="1:5" x14ac:dyDescent="0.25">
      <c r="A3900" s="1">
        <v>43718.333333333336</v>
      </c>
      <c r="B3900" s="2">
        <v>23.37</v>
      </c>
      <c r="C3900">
        <v>1.6698379999999999</v>
      </c>
      <c r="D3900">
        <f t="shared" si="120"/>
        <v>1.6698379999999999E-3</v>
      </c>
      <c r="E3900" s="6">
        <f t="shared" si="121"/>
        <v>3.9024114059999997E-2</v>
      </c>
    </row>
    <row r="3901" spans="1:5" x14ac:dyDescent="0.25">
      <c r="A3901" s="1">
        <v>43718.375</v>
      </c>
      <c r="B3901" s="2">
        <v>27.96</v>
      </c>
      <c r="C3901">
        <v>3.6534319999999996</v>
      </c>
      <c r="D3901">
        <f t="shared" si="120"/>
        <v>3.6534319999999994E-3</v>
      </c>
      <c r="E3901" s="6">
        <f t="shared" si="121"/>
        <v>0.10214995871999999</v>
      </c>
    </row>
    <row r="3902" spans="1:5" x14ac:dyDescent="0.25">
      <c r="A3902" s="1">
        <v>43718.416666666664</v>
      </c>
      <c r="B3902" s="2">
        <v>30.93</v>
      </c>
      <c r="C3902">
        <v>5.2192420000000004</v>
      </c>
      <c r="D3902">
        <f t="shared" si="120"/>
        <v>5.2192420000000007E-3</v>
      </c>
      <c r="E3902" s="6">
        <f t="shared" si="121"/>
        <v>0.16143115506000003</v>
      </c>
    </row>
    <row r="3903" spans="1:5" x14ac:dyDescent="0.25">
      <c r="A3903" s="1">
        <v>43718.458333333336</v>
      </c>
      <c r="B3903" s="2">
        <v>34.69</v>
      </c>
      <c r="C3903">
        <v>6.3189009999999994</v>
      </c>
      <c r="D3903">
        <f t="shared" si="120"/>
        <v>6.3189009999999992E-3</v>
      </c>
      <c r="E3903" s="6">
        <f t="shared" si="121"/>
        <v>0.21920267568999996</v>
      </c>
    </row>
    <row r="3904" spans="1:5" x14ac:dyDescent="0.25">
      <c r="A3904" s="1">
        <v>43718.5</v>
      </c>
      <c r="B3904" s="2">
        <v>39.18</v>
      </c>
      <c r="C3904">
        <v>6.934723</v>
      </c>
      <c r="D3904">
        <f t="shared" si="120"/>
        <v>6.9347230000000003E-3</v>
      </c>
      <c r="E3904" s="6">
        <f t="shared" si="121"/>
        <v>0.27170244714000003</v>
      </c>
    </row>
    <row r="3905" spans="1:5" x14ac:dyDescent="0.25">
      <c r="A3905" s="1">
        <v>43718.541666666664</v>
      </c>
      <c r="B3905" s="2">
        <v>46.84</v>
      </c>
      <c r="C3905">
        <v>7.0825060000000004</v>
      </c>
      <c r="D3905">
        <f t="shared" si="120"/>
        <v>7.0825060000000006E-3</v>
      </c>
      <c r="E3905" s="6">
        <f t="shared" si="121"/>
        <v>0.33174458104000004</v>
      </c>
    </row>
    <row r="3906" spans="1:5" x14ac:dyDescent="0.25">
      <c r="A3906" s="1">
        <v>43718.583333333336</v>
      </c>
      <c r="B3906" s="2">
        <v>54.47</v>
      </c>
      <c r="C3906">
        <v>6.7829570000000006</v>
      </c>
      <c r="D3906">
        <f t="shared" si="120"/>
        <v>6.7829570000000009E-3</v>
      </c>
      <c r="E3906" s="6">
        <f t="shared" si="121"/>
        <v>0.36946766779000006</v>
      </c>
    </row>
    <row r="3907" spans="1:5" x14ac:dyDescent="0.25">
      <c r="A3907" s="1">
        <v>43718.625</v>
      </c>
      <c r="B3907" s="2">
        <v>64.95</v>
      </c>
      <c r="C3907">
        <v>6.1448410000000004</v>
      </c>
      <c r="D3907">
        <f t="shared" si="120"/>
        <v>6.1448410000000007E-3</v>
      </c>
      <c r="E3907" s="6">
        <f t="shared" si="121"/>
        <v>0.39910742295000007</v>
      </c>
    </row>
    <row r="3908" spans="1:5" x14ac:dyDescent="0.25">
      <c r="A3908" s="1">
        <v>43718.666666666664</v>
      </c>
      <c r="B3908" s="2">
        <v>72.430000000000007</v>
      </c>
      <c r="C3908">
        <v>4.9584570000000001</v>
      </c>
      <c r="D3908">
        <f t="shared" si="120"/>
        <v>4.9584570000000003E-3</v>
      </c>
      <c r="E3908" s="6">
        <f t="shared" si="121"/>
        <v>0.35914104051000006</v>
      </c>
    </row>
    <row r="3909" spans="1:5" x14ac:dyDescent="0.25">
      <c r="A3909" s="1">
        <v>43718.708333333336</v>
      </c>
      <c r="B3909" s="2">
        <v>67.66</v>
      </c>
      <c r="C3909">
        <v>3.3356979999999998</v>
      </c>
      <c r="D3909">
        <f t="shared" si="120"/>
        <v>3.3356979999999998E-3</v>
      </c>
      <c r="E3909" s="6">
        <f t="shared" si="121"/>
        <v>0.22569332667999997</v>
      </c>
    </row>
    <row r="3910" spans="1:5" x14ac:dyDescent="0.25">
      <c r="A3910" s="1">
        <v>43718.75</v>
      </c>
      <c r="B3910" s="2">
        <v>46.06</v>
      </c>
      <c r="C3910">
        <v>1.462234</v>
      </c>
      <c r="D3910">
        <f t="shared" ref="D3910:D3973" si="122">C3910/1000</f>
        <v>1.462234E-3</v>
      </c>
      <c r="E3910" s="6">
        <f t="shared" ref="E3910:E3973" si="123">D3910*B3910</f>
        <v>6.7350498039999998E-2</v>
      </c>
    </row>
    <row r="3911" spans="1:5" x14ac:dyDescent="0.25">
      <c r="A3911" s="1">
        <v>43718.791666666664</v>
      </c>
      <c r="B3911" s="2">
        <v>42.81</v>
      </c>
      <c r="C3911">
        <v>0.11114400000000001</v>
      </c>
      <c r="D3911">
        <f t="shared" si="122"/>
        <v>1.1114400000000001E-4</v>
      </c>
      <c r="E3911" s="6">
        <f t="shared" si="123"/>
        <v>4.7580746400000002E-3</v>
      </c>
    </row>
    <row r="3912" spans="1:5" x14ac:dyDescent="0.25">
      <c r="A3912" s="1">
        <v>43718.833333333336</v>
      </c>
      <c r="B3912" s="2">
        <v>42.56</v>
      </c>
      <c r="C3912">
        <v>0</v>
      </c>
      <c r="D3912">
        <f t="shared" si="122"/>
        <v>0</v>
      </c>
      <c r="E3912" s="6">
        <f t="shared" si="123"/>
        <v>0</v>
      </c>
    </row>
    <row r="3913" spans="1:5" x14ac:dyDescent="0.25">
      <c r="A3913" s="1">
        <v>43718.875</v>
      </c>
      <c r="B3913" s="2">
        <v>32.020000000000003</v>
      </c>
      <c r="C3913">
        <v>0</v>
      </c>
      <c r="D3913">
        <f t="shared" si="122"/>
        <v>0</v>
      </c>
      <c r="E3913" s="6">
        <f t="shared" si="123"/>
        <v>0</v>
      </c>
    </row>
    <row r="3914" spans="1:5" x14ac:dyDescent="0.25">
      <c r="A3914" s="1">
        <v>43718.916666666664</v>
      </c>
      <c r="B3914" s="2">
        <v>27.87</v>
      </c>
      <c r="C3914">
        <v>0</v>
      </c>
      <c r="D3914">
        <f t="shared" si="122"/>
        <v>0</v>
      </c>
      <c r="E3914" s="6">
        <f t="shared" si="123"/>
        <v>0</v>
      </c>
    </row>
    <row r="3915" spans="1:5" x14ac:dyDescent="0.25">
      <c r="A3915" s="1">
        <v>43718.958333333336</v>
      </c>
      <c r="B3915" s="2">
        <v>22.68</v>
      </c>
      <c r="C3915">
        <v>0</v>
      </c>
      <c r="D3915">
        <f t="shared" si="122"/>
        <v>0</v>
      </c>
      <c r="E3915" s="6">
        <f t="shared" si="123"/>
        <v>0</v>
      </c>
    </row>
    <row r="3916" spans="1:5" x14ac:dyDescent="0.25">
      <c r="A3916" s="1">
        <v>43719</v>
      </c>
      <c r="B3916" s="2">
        <v>21.45</v>
      </c>
      <c r="C3916">
        <v>0</v>
      </c>
      <c r="D3916">
        <f t="shared" si="122"/>
        <v>0</v>
      </c>
      <c r="E3916" s="6">
        <f t="shared" si="123"/>
        <v>0</v>
      </c>
    </row>
    <row r="3917" spans="1:5" x14ac:dyDescent="0.25">
      <c r="A3917" s="1">
        <v>43719.041666666664</v>
      </c>
      <c r="B3917" s="2">
        <v>20.3</v>
      </c>
      <c r="C3917">
        <v>0</v>
      </c>
      <c r="D3917">
        <f t="shared" si="122"/>
        <v>0</v>
      </c>
      <c r="E3917" s="6">
        <f t="shared" si="123"/>
        <v>0</v>
      </c>
    </row>
    <row r="3918" spans="1:5" x14ac:dyDescent="0.25">
      <c r="A3918" s="1">
        <v>43719.083333333336</v>
      </c>
      <c r="B3918" s="2">
        <v>19.27</v>
      </c>
      <c r="C3918">
        <v>0</v>
      </c>
      <c r="D3918">
        <f t="shared" si="122"/>
        <v>0</v>
      </c>
      <c r="E3918" s="6">
        <f t="shared" si="123"/>
        <v>0</v>
      </c>
    </row>
    <row r="3919" spans="1:5" x14ac:dyDescent="0.25">
      <c r="A3919" s="1">
        <v>43719.125</v>
      </c>
      <c r="B3919" s="2">
        <v>18.88</v>
      </c>
      <c r="C3919">
        <v>0</v>
      </c>
      <c r="D3919">
        <f t="shared" si="122"/>
        <v>0</v>
      </c>
      <c r="E3919" s="6">
        <f t="shared" si="123"/>
        <v>0</v>
      </c>
    </row>
    <row r="3920" spans="1:5" x14ac:dyDescent="0.25">
      <c r="A3920" s="1">
        <v>43719.166666666664</v>
      </c>
      <c r="B3920" s="2">
        <v>18.809999999999999</v>
      </c>
      <c r="C3920">
        <v>0</v>
      </c>
      <c r="D3920">
        <f t="shared" si="122"/>
        <v>0</v>
      </c>
      <c r="E3920" s="6">
        <f t="shared" si="123"/>
        <v>0</v>
      </c>
    </row>
    <row r="3921" spans="1:5" x14ac:dyDescent="0.25">
      <c r="A3921" s="1">
        <v>43719.208333333336</v>
      </c>
      <c r="B3921" s="2">
        <v>20.28</v>
      </c>
      <c r="C3921">
        <v>0</v>
      </c>
      <c r="D3921">
        <f t="shared" si="122"/>
        <v>0</v>
      </c>
      <c r="E3921" s="6">
        <f t="shared" si="123"/>
        <v>0</v>
      </c>
    </row>
    <row r="3922" spans="1:5" x14ac:dyDescent="0.25">
      <c r="A3922" s="1">
        <v>43719.25</v>
      </c>
      <c r="B3922" s="2">
        <v>23.56</v>
      </c>
      <c r="C3922">
        <v>0</v>
      </c>
      <c r="D3922">
        <f t="shared" si="122"/>
        <v>0</v>
      </c>
      <c r="E3922" s="6">
        <f t="shared" si="123"/>
        <v>0</v>
      </c>
    </row>
    <row r="3923" spans="1:5" x14ac:dyDescent="0.25">
      <c r="A3923" s="1">
        <v>43719.291666666664</v>
      </c>
      <c r="B3923" s="2">
        <v>23.2</v>
      </c>
      <c r="C3923">
        <v>7.6686000000000004E-2</v>
      </c>
      <c r="D3923">
        <f t="shared" si="122"/>
        <v>7.6686000000000004E-5</v>
      </c>
      <c r="E3923" s="6">
        <f t="shared" si="123"/>
        <v>1.7791152E-3</v>
      </c>
    </row>
    <row r="3924" spans="1:5" x14ac:dyDescent="0.25">
      <c r="A3924" s="1">
        <v>43719.333333333336</v>
      </c>
      <c r="B3924" s="2">
        <v>24.3</v>
      </c>
      <c r="C3924">
        <v>1.424126</v>
      </c>
      <c r="D3924">
        <f t="shared" si="122"/>
        <v>1.424126E-3</v>
      </c>
      <c r="E3924" s="6">
        <f t="shared" si="123"/>
        <v>3.4606261800000003E-2</v>
      </c>
    </row>
    <row r="3925" spans="1:5" x14ac:dyDescent="0.25">
      <c r="A3925" s="1">
        <v>43719.375</v>
      </c>
      <c r="B3925" s="2">
        <v>28.01</v>
      </c>
      <c r="C3925">
        <v>1.871756</v>
      </c>
      <c r="D3925">
        <f t="shared" si="122"/>
        <v>1.871756E-3</v>
      </c>
      <c r="E3925" s="6">
        <f t="shared" si="123"/>
        <v>5.2427885560000005E-2</v>
      </c>
    </row>
    <row r="3926" spans="1:5" x14ac:dyDescent="0.25">
      <c r="A3926" s="1">
        <v>43719.416666666664</v>
      </c>
      <c r="B3926" s="2">
        <v>32.159999999999997</v>
      </c>
      <c r="C3926">
        <v>1.396857</v>
      </c>
      <c r="D3926">
        <f t="shared" si="122"/>
        <v>1.396857E-3</v>
      </c>
      <c r="E3926" s="6">
        <f t="shared" si="123"/>
        <v>4.4922921119999994E-2</v>
      </c>
    </row>
    <row r="3927" spans="1:5" x14ac:dyDescent="0.25">
      <c r="A3927" s="1">
        <v>43719.458333333336</v>
      </c>
      <c r="B3927" s="2">
        <v>35.46</v>
      </c>
      <c r="C3927">
        <v>1.3947940000000001</v>
      </c>
      <c r="D3927">
        <f t="shared" si="122"/>
        <v>1.394794E-3</v>
      </c>
      <c r="E3927" s="6">
        <f t="shared" si="123"/>
        <v>4.9459395240000002E-2</v>
      </c>
    </row>
    <row r="3928" spans="1:5" x14ac:dyDescent="0.25">
      <c r="A3928" s="1">
        <v>43719.5</v>
      </c>
      <c r="B3928" s="2">
        <v>39.81</v>
      </c>
      <c r="C3928">
        <v>2.1080199999999998</v>
      </c>
      <c r="D3928">
        <f t="shared" si="122"/>
        <v>2.1080199999999999E-3</v>
      </c>
      <c r="E3928" s="6">
        <f t="shared" si="123"/>
        <v>8.3920276200000005E-2</v>
      </c>
    </row>
    <row r="3929" spans="1:5" x14ac:dyDescent="0.25">
      <c r="A3929" s="1">
        <v>43719.541666666664</v>
      </c>
      <c r="B3929" s="2">
        <v>45.73</v>
      </c>
      <c r="C3929">
        <v>6.099361</v>
      </c>
      <c r="D3929">
        <f t="shared" si="122"/>
        <v>6.0993610000000002E-3</v>
      </c>
      <c r="E3929" s="6">
        <f t="shared" si="123"/>
        <v>0.27892377853</v>
      </c>
    </row>
    <row r="3930" spans="1:5" x14ac:dyDescent="0.25">
      <c r="A3930" s="1">
        <v>43719.583333333336</v>
      </c>
      <c r="B3930" s="2">
        <v>55.09</v>
      </c>
      <c r="C3930">
        <v>7.1197439999999999</v>
      </c>
      <c r="D3930">
        <f t="shared" si="122"/>
        <v>7.1197439999999999E-3</v>
      </c>
      <c r="E3930" s="6">
        <f t="shared" si="123"/>
        <v>0.39222669696000001</v>
      </c>
    </row>
    <row r="3931" spans="1:5" x14ac:dyDescent="0.25">
      <c r="A3931" s="1">
        <v>43719.625</v>
      </c>
      <c r="B3931" s="2">
        <v>63.69</v>
      </c>
      <c r="C3931">
        <v>6.4206380000000003</v>
      </c>
      <c r="D3931">
        <f t="shared" si="122"/>
        <v>6.4206380000000002E-3</v>
      </c>
      <c r="E3931" s="6">
        <f t="shared" si="123"/>
        <v>0.40893043421999997</v>
      </c>
    </row>
    <row r="3932" spans="1:5" x14ac:dyDescent="0.25">
      <c r="A3932" s="1">
        <v>43719.666666666664</v>
      </c>
      <c r="B3932" s="2">
        <v>71.540000000000006</v>
      </c>
      <c r="C3932">
        <v>5.2810319999999997</v>
      </c>
      <c r="D3932">
        <f t="shared" si="122"/>
        <v>5.2810319999999997E-3</v>
      </c>
      <c r="E3932" s="6">
        <f t="shared" si="123"/>
        <v>0.37780502928000004</v>
      </c>
    </row>
    <row r="3933" spans="1:5" x14ac:dyDescent="0.25">
      <c r="A3933" s="1">
        <v>43719.708333333336</v>
      </c>
      <c r="B3933" s="2">
        <v>59.97</v>
      </c>
      <c r="C3933">
        <v>3.6142779999999997</v>
      </c>
      <c r="D3933">
        <f t="shared" si="122"/>
        <v>3.6142779999999998E-3</v>
      </c>
      <c r="E3933" s="6">
        <f t="shared" si="123"/>
        <v>0.21674825165999997</v>
      </c>
    </row>
    <row r="3934" spans="1:5" x14ac:dyDescent="0.25">
      <c r="A3934" s="1">
        <v>43719.75</v>
      </c>
      <c r="B3934" s="2">
        <v>42.52</v>
      </c>
      <c r="C3934">
        <v>1.5907909999999998</v>
      </c>
      <c r="D3934">
        <f t="shared" si="122"/>
        <v>1.5907909999999998E-3</v>
      </c>
      <c r="E3934" s="6">
        <f t="shared" si="123"/>
        <v>6.7640433319999999E-2</v>
      </c>
    </row>
    <row r="3935" spans="1:5" x14ac:dyDescent="0.25">
      <c r="A3935" s="1">
        <v>43719.791666666664</v>
      </c>
      <c r="B3935" s="2">
        <v>40.31</v>
      </c>
      <c r="C3935">
        <v>0.12690200000000001</v>
      </c>
      <c r="D3935">
        <f t="shared" si="122"/>
        <v>1.2690200000000003E-4</v>
      </c>
      <c r="E3935" s="6">
        <f t="shared" si="123"/>
        <v>5.1154196200000014E-3</v>
      </c>
    </row>
    <row r="3936" spans="1:5" x14ac:dyDescent="0.25">
      <c r="A3936" s="1">
        <v>43719.833333333336</v>
      </c>
      <c r="B3936" s="2">
        <v>37.81</v>
      </c>
      <c r="C3936">
        <v>0</v>
      </c>
      <c r="D3936">
        <f t="shared" si="122"/>
        <v>0</v>
      </c>
      <c r="E3936" s="6">
        <f t="shared" si="123"/>
        <v>0</v>
      </c>
    </row>
    <row r="3937" spans="1:5" x14ac:dyDescent="0.25">
      <c r="A3937" s="1">
        <v>43719.875</v>
      </c>
      <c r="B3937" s="2">
        <v>32.69</v>
      </c>
      <c r="C3937">
        <v>0</v>
      </c>
      <c r="D3937">
        <f t="shared" si="122"/>
        <v>0</v>
      </c>
      <c r="E3937" s="6">
        <f t="shared" si="123"/>
        <v>0</v>
      </c>
    </row>
    <row r="3938" spans="1:5" x14ac:dyDescent="0.25">
      <c r="A3938" s="1">
        <v>43719.916666666664</v>
      </c>
      <c r="B3938" s="2">
        <v>27.71</v>
      </c>
      <c r="C3938">
        <v>0</v>
      </c>
      <c r="D3938">
        <f t="shared" si="122"/>
        <v>0</v>
      </c>
      <c r="E3938" s="6">
        <f t="shared" si="123"/>
        <v>0</v>
      </c>
    </row>
    <row r="3939" spans="1:5" x14ac:dyDescent="0.25">
      <c r="A3939" s="1">
        <v>43719.958333333336</v>
      </c>
      <c r="B3939" s="2">
        <v>23.73</v>
      </c>
      <c r="C3939">
        <v>0</v>
      </c>
      <c r="D3939">
        <f t="shared" si="122"/>
        <v>0</v>
      </c>
      <c r="E3939" s="6">
        <f t="shared" si="123"/>
        <v>0</v>
      </c>
    </row>
    <row r="3940" spans="1:5" x14ac:dyDescent="0.25">
      <c r="A3940" s="1">
        <v>43720</v>
      </c>
      <c r="B3940" s="2">
        <v>23.05</v>
      </c>
      <c r="C3940">
        <v>0</v>
      </c>
      <c r="D3940">
        <f t="shared" si="122"/>
        <v>0</v>
      </c>
      <c r="E3940" s="6">
        <f t="shared" si="123"/>
        <v>0</v>
      </c>
    </row>
    <row r="3941" spans="1:5" x14ac:dyDescent="0.25">
      <c r="A3941" s="1">
        <v>43720.041666666664</v>
      </c>
      <c r="B3941" s="2">
        <v>21.59</v>
      </c>
      <c r="C3941">
        <v>0</v>
      </c>
      <c r="D3941">
        <f t="shared" si="122"/>
        <v>0</v>
      </c>
      <c r="E3941" s="6">
        <f t="shared" si="123"/>
        <v>0</v>
      </c>
    </row>
    <row r="3942" spans="1:5" x14ac:dyDescent="0.25">
      <c r="A3942" s="1">
        <v>43720.083333333336</v>
      </c>
      <c r="B3942" s="2">
        <v>20.05</v>
      </c>
      <c r="C3942">
        <v>0</v>
      </c>
      <c r="D3942">
        <f t="shared" si="122"/>
        <v>0</v>
      </c>
      <c r="E3942" s="6">
        <f t="shared" si="123"/>
        <v>0</v>
      </c>
    </row>
    <row r="3943" spans="1:5" x14ac:dyDescent="0.25">
      <c r="A3943" s="1">
        <v>43720.125</v>
      </c>
      <c r="B3943" s="2">
        <v>19.600000000000001</v>
      </c>
      <c r="C3943">
        <v>0</v>
      </c>
      <c r="D3943">
        <f t="shared" si="122"/>
        <v>0</v>
      </c>
      <c r="E3943" s="6">
        <f t="shared" si="123"/>
        <v>0</v>
      </c>
    </row>
    <row r="3944" spans="1:5" x14ac:dyDescent="0.25">
      <c r="A3944" s="1">
        <v>43720.166666666664</v>
      </c>
      <c r="B3944" s="2">
        <v>19.71</v>
      </c>
      <c r="C3944">
        <v>0</v>
      </c>
      <c r="D3944">
        <f t="shared" si="122"/>
        <v>0</v>
      </c>
      <c r="E3944" s="6">
        <f t="shared" si="123"/>
        <v>0</v>
      </c>
    </row>
    <row r="3945" spans="1:5" x14ac:dyDescent="0.25">
      <c r="A3945" s="1">
        <v>43720.208333333336</v>
      </c>
      <c r="B3945" s="2">
        <v>21.48</v>
      </c>
      <c r="C3945">
        <v>0</v>
      </c>
      <c r="D3945">
        <f t="shared" si="122"/>
        <v>0</v>
      </c>
      <c r="E3945" s="6">
        <f t="shared" si="123"/>
        <v>0</v>
      </c>
    </row>
    <row r="3946" spans="1:5" x14ac:dyDescent="0.25">
      <c r="A3946" s="1">
        <v>43720.25</v>
      </c>
      <c r="B3946" s="2">
        <v>24.32</v>
      </c>
      <c r="C3946">
        <v>0</v>
      </c>
      <c r="D3946">
        <f t="shared" si="122"/>
        <v>0</v>
      </c>
      <c r="E3946" s="6">
        <f t="shared" si="123"/>
        <v>0</v>
      </c>
    </row>
    <row r="3947" spans="1:5" x14ac:dyDescent="0.25">
      <c r="A3947" s="1">
        <v>43720.291666666664</v>
      </c>
      <c r="B3947" s="2">
        <v>24.17</v>
      </c>
      <c r="C3947">
        <v>0.15806600000000001</v>
      </c>
      <c r="D3947">
        <f t="shared" si="122"/>
        <v>1.58066E-4</v>
      </c>
      <c r="E3947" s="6">
        <f t="shared" si="123"/>
        <v>3.8204552200000004E-3</v>
      </c>
    </row>
    <row r="3948" spans="1:5" x14ac:dyDescent="0.25">
      <c r="A3948" s="1">
        <v>43720.333333333336</v>
      </c>
      <c r="B3948" s="2">
        <v>25.46</v>
      </c>
      <c r="C3948">
        <v>1.7365740000000001</v>
      </c>
      <c r="D3948">
        <f t="shared" si="122"/>
        <v>1.7365740000000001E-3</v>
      </c>
      <c r="E3948" s="6">
        <f t="shared" si="123"/>
        <v>4.4213174040000004E-2</v>
      </c>
    </row>
    <row r="3949" spans="1:5" x14ac:dyDescent="0.25">
      <c r="A3949" s="1">
        <v>43720.375</v>
      </c>
      <c r="B3949" s="2">
        <v>28.49</v>
      </c>
      <c r="C3949">
        <v>3.8410279999999997</v>
      </c>
      <c r="D3949">
        <f t="shared" si="122"/>
        <v>3.8410279999999998E-3</v>
      </c>
      <c r="E3949" s="6">
        <f t="shared" si="123"/>
        <v>0.10943088771999999</v>
      </c>
    </row>
    <row r="3950" spans="1:5" x14ac:dyDescent="0.25">
      <c r="A3950" s="1">
        <v>43720.416666666664</v>
      </c>
      <c r="B3950" s="2">
        <v>32.799999999999997</v>
      </c>
      <c r="C3950">
        <v>5.4776590000000001</v>
      </c>
      <c r="D3950">
        <f t="shared" si="122"/>
        <v>5.4776590000000002E-3</v>
      </c>
      <c r="E3950" s="6">
        <f t="shared" si="123"/>
        <v>0.17966721519999998</v>
      </c>
    </row>
    <row r="3951" spans="1:5" x14ac:dyDescent="0.25">
      <c r="A3951" s="1">
        <v>43720.458333333336</v>
      </c>
      <c r="B3951" s="2">
        <v>37.49</v>
      </c>
      <c r="C3951">
        <v>6.6092749999999993</v>
      </c>
      <c r="D3951">
        <f t="shared" si="122"/>
        <v>6.6092749999999995E-3</v>
      </c>
      <c r="E3951" s="6">
        <f t="shared" si="123"/>
        <v>0.24778171974999999</v>
      </c>
    </row>
    <row r="3952" spans="1:5" x14ac:dyDescent="0.25">
      <c r="A3952" s="1">
        <v>43720.5</v>
      </c>
      <c r="B3952" s="2">
        <v>42.52</v>
      </c>
      <c r="C3952">
        <v>7.2086480000000002</v>
      </c>
      <c r="D3952">
        <f t="shared" si="122"/>
        <v>7.2086479999999998E-3</v>
      </c>
      <c r="E3952" s="6">
        <f t="shared" si="123"/>
        <v>0.30651171296000002</v>
      </c>
    </row>
    <row r="3953" spans="1:5" x14ac:dyDescent="0.25">
      <c r="A3953" s="1">
        <v>43720.541666666664</v>
      </c>
      <c r="B3953" s="2">
        <v>50.72</v>
      </c>
      <c r="C3953">
        <v>7.3668740000000001</v>
      </c>
      <c r="D3953">
        <f t="shared" si="122"/>
        <v>7.3668739999999998E-3</v>
      </c>
      <c r="E3953" s="6">
        <f t="shared" si="123"/>
        <v>0.37364784928</v>
      </c>
    </row>
    <row r="3954" spans="1:5" x14ac:dyDescent="0.25">
      <c r="A3954" s="1">
        <v>43720.583333333336</v>
      </c>
      <c r="B3954" s="2">
        <v>84.67</v>
      </c>
      <c r="C3954">
        <v>7.0846040000000006</v>
      </c>
      <c r="D3954">
        <f t="shared" si="122"/>
        <v>7.0846040000000004E-3</v>
      </c>
      <c r="E3954" s="6">
        <f t="shared" si="123"/>
        <v>0.59985342068000003</v>
      </c>
    </row>
    <row r="3955" spans="1:5" x14ac:dyDescent="0.25">
      <c r="A3955" s="1">
        <v>43720.625</v>
      </c>
      <c r="B3955" s="2">
        <v>92.95</v>
      </c>
      <c r="C3955">
        <v>6.3765659999999995</v>
      </c>
      <c r="D3955">
        <f t="shared" si="122"/>
        <v>6.3765659999999993E-3</v>
      </c>
      <c r="E3955" s="6">
        <f t="shared" si="123"/>
        <v>0.59270180969999997</v>
      </c>
    </row>
    <row r="3956" spans="1:5" x14ac:dyDescent="0.25">
      <c r="A3956" s="1">
        <v>43720.666666666664</v>
      </c>
      <c r="B3956" s="2">
        <v>103.72</v>
      </c>
      <c r="C3956">
        <v>5.2178839999999997</v>
      </c>
      <c r="D3956">
        <f t="shared" si="122"/>
        <v>5.2178839999999999E-3</v>
      </c>
      <c r="E3956" s="6">
        <f t="shared" si="123"/>
        <v>0.54119892847999995</v>
      </c>
    </row>
    <row r="3957" spans="1:5" x14ac:dyDescent="0.25">
      <c r="A3957" s="1">
        <v>43720.708333333336</v>
      </c>
      <c r="B3957" s="2">
        <v>70.72</v>
      </c>
      <c r="C3957">
        <v>3.5616539999999999</v>
      </c>
      <c r="D3957">
        <f t="shared" si="122"/>
        <v>3.561654E-3</v>
      </c>
      <c r="E3957" s="6">
        <f t="shared" si="123"/>
        <v>0.25188017087999998</v>
      </c>
    </row>
    <row r="3958" spans="1:5" x14ac:dyDescent="0.25">
      <c r="A3958" s="1">
        <v>43720.75</v>
      </c>
      <c r="B3958" s="2">
        <v>46.67</v>
      </c>
      <c r="C3958">
        <v>1.205171</v>
      </c>
      <c r="D3958">
        <f t="shared" si="122"/>
        <v>1.2051709999999999E-3</v>
      </c>
      <c r="E3958" s="6">
        <f t="shared" si="123"/>
        <v>5.6245330569999995E-2</v>
      </c>
    </row>
    <row r="3959" spans="1:5" x14ac:dyDescent="0.25">
      <c r="A3959" s="1">
        <v>43720.791666666664</v>
      </c>
      <c r="B3959" s="2">
        <v>42.62</v>
      </c>
      <c r="C3959">
        <v>0.10943899999999999</v>
      </c>
      <c r="D3959">
        <f t="shared" si="122"/>
        <v>1.0943899999999999E-4</v>
      </c>
      <c r="E3959" s="6">
        <f t="shared" si="123"/>
        <v>4.664290179999999E-3</v>
      </c>
    </row>
    <row r="3960" spans="1:5" x14ac:dyDescent="0.25">
      <c r="A3960" s="1">
        <v>43720.833333333336</v>
      </c>
      <c r="B3960" s="2">
        <v>39.39</v>
      </c>
      <c r="C3960">
        <v>0</v>
      </c>
      <c r="D3960">
        <f t="shared" si="122"/>
        <v>0</v>
      </c>
      <c r="E3960" s="6">
        <f t="shared" si="123"/>
        <v>0</v>
      </c>
    </row>
    <row r="3961" spans="1:5" x14ac:dyDescent="0.25">
      <c r="A3961" s="1">
        <v>43720.875</v>
      </c>
      <c r="B3961" s="2">
        <v>32.159999999999997</v>
      </c>
      <c r="C3961">
        <v>0</v>
      </c>
      <c r="D3961">
        <f t="shared" si="122"/>
        <v>0</v>
      </c>
      <c r="E3961" s="6">
        <f t="shared" si="123"/>
        <v>0</v>
      </c>
    </row>
    <row r="3962" spans="1:5" x14ac:dyDescent="0.25">
      <c r="A3962" s="1">
        <v>43720.916666666664</v>
      </c>
      <c r="B3962" s="2">
        <v>25.43</v>
      </c>
      <c r="C3962">
        <v>0</v>
      </c>
      <c r="D3962">
        <f t="shared" si="122"/>
        <v>0</v>
      </c>
      <c r="E3962" s="6">
        <f t="shared" si="123"/>
        <v>0</v>
      </c>
    </row>
    <row r="3963" spans="1:5" x14ac:dyDescent="0.25">
      <c r="A3963" s="1">
        <v>43720.958333333336</v>
      </c>
      <c r="B3963" s="2">
        <v>22.91</v>
      </c>
      <c r="C3963">
        <v>0</v>
      </c>
      <c r="D3963">
        <f t="shared" si="122"/>
        <v>0</v>
      </c>
      <c r="E3963" s="6">
        <f t="shared" si="123"/>
        <v>0</v>
      </c>
    </row>
    <row r="3964" spans="1:5" x14ac:dyDescent="0.25">
      <c r="A3964" s="1">
        <v>43721</v>
      </c>
      <c r="B3964" s="2">
        <v>21.6</v>
      </c>
      <c r="C3964">
        <v>0</v>
      </c>
      <c r="D3964">
        <f t="shared" si="122"/>
        <v>0</v>
      </c>
      <c r="E3964" s="6">
        <f t="shared" si="123"/>
        <v>0</v>
      </c>
    </row>
    <row r="3965" spans="1:5" x14ac:dyDescent="0.25">
      <c r="A3965" s="1">
        <v>43721.041666666664</v>
      </c>
      <c r="B3965" s="2">
        <v>20.49</v>
      </c>
      <c r="C3965">
        <v>0</v>
      </c>
      <c r="D3965">
        <f t="shared" si="122"/>
        <v>0</v>
      </c>
      <c r="E3965" s="6">
        <f t="shared" si="123"/>
        <v>0</v>
      </c>
    </row>
    <row r="3966" spans="1:5" x14ac:dyDescent="0.25">
      <c r="A3966" s="1">
        <v>43721.083333333336</v>
      </c>
      <c r="B3966" s="2">
        <v>19.670000000000002</v>
      </c>
      <c r="C3966">
        <v>0</v>
      </c>
      <c r="D3966">
        <f t="shared" si="122"/>
        <v>0</v>
      </c>
      <c r="E3966" s="6">
        <f t="shared" si="123"/>
        <v>0</v>
      </c>
    </row>
    <row r="3967" spans="1:5" x14ac:dyDescent="0.25">
      <c r="A3967" s="1">
        <v>43721.125</v>
      </c>
      <c r="B3967" s="2">
        <v>18.97</v>
      </c>
      <c r="C3967">
        <v>0</v>
      </c>
      <c r="D3967">
        <f t="shared" si="122"/>
        <v>0</v>
      </c>
      <c r="E3967" s="6">
        <f t="shared" si="123"/>
        <v>0</v>
      </c>
    </row>
    <row r="3968" spans="1:5" x14ac:dyDescent="0.25">
      <c r="A3968" s="1">
        <v>43721.166666666664</v>
      </c>
      <c r="B3968" s="2">
        <v>19.14</v>
      </c>
      <c r="C3968">
        <v>0</v>
      </c>
      <c r="D3968">
        <f t="shared" si="122"/>
        <v>0</v>
      </c>
      <c r="E3968" s="6">
        <f t="shared" si="123"/>
        <v>0</v>
      </c>
    </row>
    <row r="3969" spans="1:5" x14ac:dyDescent="0.25">
      <c r="A3969" s="1">
        <v>43721.208333333336</v>
      </c>
      <c r="B3969" s="2">
        <v>21.33</v>
      </c>
      <c r="C3969">
        <v>0</v>
      </c>
      <c r="D3969">
        <f t="shared" si="122"/>
        <v>0</v>
      </c>
      <c r="E3969" s="6">
        <f t="shared" si="123"/>
        <v>0</v>
      </c>
    </row>
    <row r="3970" spans="1:5" x14ac:dyDescent="0.25">
      <c r="A3970" s="1">
        <v>43721.25</v>
      </c>
      <c r="B3970" s="2">
        <v>24.11</v>
      </c>
      <c r="C3970">
        <v>0</v>
      </c>
      <c r="D3970">
        <f t="shared" si="122"/>
        <v>0</v>
      </c>
      <c r="E3970" s="6">
        <f t="shared" si="123"/>
        <v>0</v>
      </c>
    </row>
    <row r="3971" spans="1:5" x14ac:dyDescent="0.25">
      <c r="A3971" s="1">
        <v>43721.291666666664</v>
      </c>
      <c r="B3971" s="2">
        <v>24.42</v>
      </c>
      <c r="C3971">
        <v>5.3811999999999999E-2</v>
      </c>
      <c r="D3971">
        <f t="shared" si="122"/>
        <v>5.3811999999999999E-5</v>
      </c>
      <c r="E3971" s="6">
        <f t="shared" si="123"/>
        <v>1.3140890400000001E-3</v>
      </c>
    </row>
    <row r="3972" spans="1:5" x14ac:dyDescent="0.25">
      <c r="A3972" s="1">
        <v>43721.333333333336</v>
      </c>
      <c r="B3972" s="2">
        <v>24.16</v>
      </c>
      <c r="C3972">
        <v>0.90025699999999997</v>
      </c>
      <c r="D3972">
        <f t="shared" si="122"/>
        <v>9.0025700000000001E-4</v>
      </c>
      <c r="E3972" s="6">
        <f t="shared" si="123"/>
        <v>2.1750209119999999E-2</v>
      </c>
    </row>
    <row r="3973" spans="1:5" x14ac:dyDescent="0.25">
      <c r="A3973" s="1">
        <v>43721.375</v>
      </c>
      <c r="B3973" s="2">
        <v>26.41</v>
      </c>
      <c r="C3973">
        <v>2.4279090000000001</v>
      </c>
      <c r="D3973">
        <f t="shared" si="122"/>
        <v>2.4279090000000002E-3</v>
      </c>
      <c r="E3973" s="6">
        <f t="shared" si="123"/>
        <v>6.4121076690000001E-2</v>
      </c>
    </row>
    <row r="3974" spans="1:5" x14ac:dyDescent="0.25">
      <c r="A3974" s="1">
        <v>43721.416666666664</v>
      </c>
      <c r="B3974" s="2">
        <v>28.4</v>
      </c>
      <c r="C3974">
        <v>4.4018129999999998</v>
      </c>
      <c r="D3974">
        <f t="shared" ref="D3974:D4037" si="124">C3974/1000</f>
        <v>4.4018130000000001E-3</v>
      </c>
      <c r="E3974" s="6">
        <f t="shared" ref="E3974:E4037" si="125">D3974*B3974</f>
        <v>0.12501148919999999</v>
      </c>
    </row>
    <row r="3975" spans="1:5" x14ac:dyDescent="0.25">
      <c r="A3975" s="1">
        <v>43721.458333333336</v>
      </c>
      <c r="B3975" s="2">
        <v>32.880000000000003</v>
      </c>
      <c r="C3975">
        <v>5.2345360000000003</v>
      </c>
      <c r="D3975">
        <f t="shared" si="124"/>
        <v>5.2345360000000006E-3</v>
      </c>
      <c r="E3975" s="6">
        <f t="shared" si="125"/>
        <v>0.17211154368000003</v>
      </c>
    </row>
    <row r="3976" spans="1:5" x14ac:dyDescent="0.25">
      <c r="A3976" s="1">
        <v>43721.5</v>
      </c>
      <c r="B3976" s="2">
        <v>38.53</v>
      </c>
      <c r="C3976">
        <v>5.3484910000000001</v>
      </c>
      <c r="D3976">
        <f t="shared" si="124"/>
        <v>5.3484910000000004E-3</v>
      </c>
      <c r="E3976" s="6">
        <f t="shared" si="125"/>
        <v>0.20607735823000001</v>
      </c>
    </row>
    <row r="3977" spans="1:5" x14ac:dyDescent="0.25">
      <c r="A3977" s="1">
        <v>43721.541666666664</v>
      </c>
      <c r="B3977" s="2">
        <v>47.15</v>
      </c>
      <c r="C3977">
        <v>6.1575879999999996</v>
      </c>
      <c r="D3977">
        <f t="shared" si="124"/>
        <v>6.1575879999999994E-3</v>
      </c>
      <c r="E3977" s="6">
        <f t="shared" si="125"/>
        <v>0.29033027419999996</v>
      </c>
    </row>
    <row r="3978" spans="1:5" x14ac:dyDescent="0.25">
      <c r="A3978" s="1">
        <v>43721.583333333336</v>
      </c>
      <c r="B3978" s="2">
        <v>72.209999999999994</v>
      </c>
      <c r="C3978">
        <v>5.5464260000000003</v>
      </c>
      <c r="D3978">
        <f t="shared" si="124"/>
        <v>5.5464260000000001E-3</v>
      </c>
      <c r="E3978" s="6">
        <f t="shared" si="125"/>
        <v>0.40050742145999996</v>
      </c>
    </row>
    <row r="3979" spans="1:5" x14ac:dyDescent="0.25">
      <c r="A3979" s="1">
        <v>43721.625</v>
      </c>
      <c r="B3979" s="2">
        <v>74.22</v>
      </c>
      <c r="C3979">
        <v>4.9086369999999997</v>
      </c>
      <c r="D3979">
        <f t="shared" si="124"/>
        <v>4.9086369999999995E-3</v>
      </c>
      <c r="E3979" s="6">
        <f t="shared" si="125"/>
        <v>0.36431903813999994</v>
      </c>
    </row>
    <row r="3980" spans="1:5" x14ac:dyDescent="0.25">
      <c r="A3980" s="1">
        <v>43721.666666666664</v>
      </c>
      <c r="B3980" s="2">
        <v>77.05</v>
      </c>
      <c r="C3980">
        <v>3.7119330000000001</v>
      </c>
      <c r="D3980">
        <f t="shared" si="124"/>
        <v>3.7119330000000002E-3</v>
      </c>
      <c r="E3980" s="6">
        <f t="shared" si="125"/>
        <v>0.28600443765</v>
      </c>
    </row>
    <row r="3981" spans="1:5" x14ac:dyDescent="0.25">
      <c r="A3981" s="1">
        <v>43721.708333333336</v>
      </c>
      <c r="B3981" s="2">
        <v>53.81</v>
      </c>
      <c r="C3981">
        <v>2.7749899999999998</v>
      </c>
      <c r="D3981">
        <f t="shared" si="124"/>
        <v>2.7749899999999997E-3</v>
      </c>
      <c r="E3981" s="6">
        <f t="shared" si="125"/>
        <v>0.1493222119</v>
      </c>
    </row>
    <row r="3982" spans="1:5" x14ac:dyDescent="0.25">
      <c r="A3982" s="1">
        <v>43721.75</v>
      </c>
      <c r="B3982" s="2">
        <v>36.18</v>
      </c>
      <c r="C3982">
        <v>0.99253400000000003</v>
      </c>
      <c r="D3982">
        <f t="shared" si="124"/>
        <v>9.9253399999999999E-4</v>
      </c>
      <c r="E3982" s="6">
        <f t="shared" si="125"/>
        <v>3.5909880120000001E-2</v>
      </c>
    </row>
    <row r="3983" spans="1:5" x14ac:dyDescent="0.25">
      <c r="A3983" s="1">
        <v>43721.791666666664</v>
      </c>
      <c r="B3983" s="2">
        <v>31.17</v>
      </c>
      <c r="C3983">
        <v>5.4740000000000006E-3</v>
      </c>
      <c r="D3983">
        <f t="shared" si="124"/>
        <v>5.4740000000000004E-6</v>
      </c>
      <c r="E3983" s="6">
        <f t="shared" si="125"/>
        <v>1.7062458000000001E-4</v>
      </c>
    </row>
    <row r="3984" spans="1:5" x14ac:dyDescent="0.25">
      <c r="A3984" s="1">
        <v>43721.833333333336</v>
      </c>
      <c r="B3984" s="2">
        <v>29.57</v>
      </c>
      <c r="C3984">
        <v>0</v>
      </c>
      <c r="D3984">
        <f t="shared" si="124"/>
        <v>0</v>
      </c>
      <c r="E3984" s="6">
        <f t="shared" si="125"/>
        <v>0</v>
      </c>
    </row>
    <row r="3985" spans="1:5" x14ac:dyDescent="0.25">
      <c r="A3985" s="1">
        <v>43721.875</v>
      </c>
      <c r="B3985" s="2">
        <v>25.18</v>
      </c>
      <c r="C3985">
        <v>0</v>
      </c>
      <c r="D3985">
        <f t="shared" si="124"/>
        <v>0</v>
      </c>
      <c r="E3985" s="6">
        <f t="shared" si="125"/>
        <v>0</v>
      </c>
    </row>
    <row r="3986" spans="1:5" x14ac:dyDescent="0.25">
      <c r="A3986" s="1">
        <v>43721.916666666664</v>
      </c>
      <c r="B3986" s="2">
        <v>22.85</v>
      </c>
      <c r="C3986">
        <v>0</v>
      </c>
      <c r="D3986">
        <f t="shared" si="124"/>
        <v>0</v>
      </c>
      <c r="E3986" s="6">
        <f t="shared" si="125"/>
        <v>0</v>
      </c>
    </row>
    <row r="3987" spans="1:5" x14ac:dyDescent="0.25">
      <c r="A3987" s="1">
        <v>43721.958333333336</v>
      </c>
      <c r="B3987" s="2">
        <v>20.97</v>
      </c>
      <c r="C3987">
        <v>0</v>
      </c>
      <c r="D3987">
        <f t="shared" si="124"/>
        <v>0</v>
      </c>
      <c r="E3987" s="6">
        <f t="shared" si="125"/>
        <v>0</v>
      </c>
    </row>
    <row r="3988" spans="1:5" x14ac:dyDescent="0.25">
      <c r="A3988" s="1">
        <v>43722</v>
      </c>
      <c r="B3988" s="2">
        <v>20.65</v>
      </c>
      <c r="C3988">
        <v>0</v>
      </c>
      <c r="D3988">
        <f t="shared" si="124"/>
        <v>0</v>
      </c>
      <c r="E3988" s="6">
        <f t="shared" si="125"/>
        <v>0</v>
      </c>
    </row>
    <row r="3989" spans="1:5" x14ac:dyDescent="0.25">
      <c r="A3989" s="1">
        <v>43722.041666666664</v>
      </c>
      <c r="B3989" s="2">
        <v>20.51</v>
      </c>
      <c r="C3989">
        <v>0</v>
      </c>
      <c r="D3989">
        <f t="shared" si="124"/>
        <v>0</v>
      </c>
      <c r="E3989" s="6">
        <f t="shared" si="125"/>
        <v>0</v>
      </c>
    </row>
    <row r="3990" spans="1:5" x14ac:dyDescent="0.25">
      <c r="A3990" s="1">
        <v>43722.083333333336</v>
      </c>
      <c r="B3990" s="2">
        <v>19.53</v>
      </c>
      <c r="C3990">
        <v>0</v>
      </c>
      <c r="D3990">
        <f t="shared" si="124"/>
        <v>0</v>
      </c>
      <c r="E3990" s="6">
        <f t="shared" si="125"/>
        <v>0</v>
      </c>
    </row>
    <row r="3991" spans="1:5" x14ac:dyDescent="0.25">
      <c r="A3991" s="1">
        <v>43722.125</v>
      </c>
      <c r="B3991" s="2">
        <v>18.91</v>
      </c>
      <c r="C3991">
        <v>0</v>
      </c>
      <c r="D3991">
        <f t="shared" si="124"/>
        <v>0</v>
      </c>
      <c r="E3991" s="6">
        <f t="shared" si="125"/>
        <v>0</v>
      </c>
    </row>
    <row r="3992" spans="1:5" x14ac:dyDescent="0.25">
      <c r="A3992" s="1">
        <v>43722.166666666664</v>
      </c>
      <c r="B3992" s="2">
        <v>18.940000000000001</v>
      </c>
      <c r="C3992">
        <v>0</v>
      </c>
      <c r="D3992">
        <f t="shared" si="124"/>
        <v>0</v>
      </c>
      <c r="E3992" s="6">
        <f t="shared" si="125"/>
        <v>0</v>
      </c>
    </row>
    <row r="3993" spans="1:5" x14ac:dyDescent="0.25">
      <c r="A3993" s="1">
        <v>43722.208333333336</v>
      </c>
      <c r="B3993" s="2">
        <v>19.53</v>
      </c>
      <c r="C3993">
        <v>0</v>
      </c>
      <c r="D3993">
        <f t="shared" si="124"/>
        <v>0</v>
      </c>
      <c r="E3993" s="6">
        <f t="shared" si="125"/>
        <v>0</v>
      </c>
    </row>
    <row r="3994" spans="1:5" x14ac:dyDescent="0.25">
      <c r="A3994" s="1">
        <v>43722.25</v>
      </c>
      <c r="B3994" s="2">
        <v>20.39</v>
      </c>
      <c r="C3994">
        <v>0</v>
      </c>
      <c r="D3994">
        <f t="shared" si="124"/>
        <v>0</v>
      </c>
      <c r="E3994" s="6">
        <f t="shared" si="125"/>
        <v>0</v>
      </c>
    </row>
    <row r="3995" spans="1:5" x14ac:dyDescent="0.25">
      <c r="A3995" s="1">
        <v>43722.291666666664</v>
      </c>
      <c r="B3995" s="2">
        <v>20.7</v>
      </c>
      <c r="C3995">
        <v>7.718E-3</v>
      </c>
      <c r="D3995">
        <f t="shared" si="124"/>
        <v>7.7179999999999996E-6</v>
      </c>
      <c r="E3995" s="6">
        <f t="shared" si="125"/>
        <v>1.5976259999999999E-4</v>
      </c>
    </row>
    <row r="3996" spans="1:5" x14ac:dyDescent="0.25">
      <c r="A3996" s="1">
        <v>43722.333333333336</v>
      </c>
      <c r="B3996" s="2">
        <v>22.31</v>
      </c>
      <c r="C3996">
        <v>1.388641</v>
      </c>
      <c r="D3996">
        <f t="shared" si="124"/>
        <v>1.3886409999999999E-3</v>
      </c>
      <c r="E3996" s="6">
        <f t="shared" si="125"/>
        <v>3.0980580709999997E-2</v>
      </c>
    </row>
    <row r="3997" spans="1:5" x14ac:dyDescent="0.25">
      <c r="A3997" s="1">
        <v>43722.375</v>
      </c>
      <c r="B3997" s="2">
        <v>23.66</v>
      </c>
      <c r="C3997">
        <v>2.4049899999999997</v>
      </c>
      <c r="D3997">
        <f t="shared" si="124"/>
        <v>2.4049899999999996E-3</v>
      </c>
      <c r="E3997" s="6">
        <f t="shared" si="125"/>
        <v>5.6902063399999994E-2</v>
      </c>
    </row>
    <row r="3998" spans="1:5" x14ac:dyDescent="0.25">
      <c r="A3998" s="1">
        <v>43722.416666666664</v>
      </c>
      <c r="B3998" s="2">
        <v>25.28</v>
      </c>
      <c r="C3998">
        <v>4.0191559999999997</v>
      </c>
      <c r="D3998">
        <f t="shared" si="124"/>
        <v>4.0191559999999994E-3</v>
      </c>
      <c r="E3998" s="6">
        <f t="shared" si="125"/>
        <v>0.10160426367999999</v>
      </c>
    </row>
    <row r="3999" spans="1:5" x14ac:dyDescent="0.25">
      <c r="A3999" s="1">
        <v>43722.458333333336</v>
      </c>
      <c r="B3999" s="2">
        <v>26.95</v>
      </c>
      <c r="C3999">
        <v>3.7679589999999998</v>
      </c>
      <c r="D3999">
        <f t="shared" si="124"/>
        <v>3.767959E-3</v>
      </c>
      <c r="E3999" s="6">
        <f t="shared" si="125"/>
        <v>0.10154649504999999</v>
      </c>
    </row>
    <row r="4000" spans="1:5" x14ac:dyDescent="0.25">
      <c r="A4000" s="1">
        <v>43722.5</v>
      </c>
      <c r="B4000" s="2">
        <v>29.08</v>
      </c>
      <c r="C4000">
        <v>4.5586260000000003</v>
      </c>
      <c r="D4000">
        <f t="shared" si="124"/>
        <v>4.5586260000000005E-3</v>
      </c>
      <c r="E4000" s="6">
        <f t="shared" si="125"/>
        <v>0.13256484407999999</v>
      </c>
    </row>
    <row r="4001" spans="1:5" x14ac:dyDescent="0.25">
      <c r="A4001" s="1">
        <v>43722.541666666664</v>
      </c>
      <c r="B4001" s="2">
        <v>34.32</v>
      </c>
      <c r="C4001">
        <v>4.2251750000000001</v>
      </c>
      <c r="D4001">
        <f t="shared" si="124"/>
        <v>4.2251750000000003E-3</v>
      </c>
      <c r="E4001" s="6">
        <f t="shared" si="125"/>
        <v>0.14500800600000002</v>
      </c>
    </row>
    <row r="4002" spans="1:5" x14ac:dyDescent="0.25">
      <c r="A4002" s="1">
        <v>43722.583333333336</v>
      </c>
      <c r="B4002" s="2">
        <v>36.39</v>
      </c>
      <c r="C4002">
        <v>2.745336</v>
      </c>
      <c r="D4002">
        <f t="shared" si="124"/>
        <v>2.7453360000000001E-3</v>
      </c>
      <c r="E4002" s="6">
        <f t="shared" si="125"/>
        <v>9.9902777040000001E-2</v>
      </c>
    </row>
    <row r="4003" spans="1:5" x14ac:dyDescent="0.25">
      <c r="A4003" s="1">
        <v>43722.625</v>
      </c>
      <c r="B4003" s="2">
        <v>39.31</v>
      </c>
      <c r="C4003">
        <v>3.6451190000000002</v>
      </c>
      <c r="D4003">
        <f t="shared" si="124"/>
        <v>3.6451190000000001E-3</v>
      </c>
      <c r="E4003" s="6">
        <f t="shared" si="125"/>
        <v>0.14328962789000002</v>
      </c>
    </row>
    <row r="4004" spans="1:5" x14ac:dyDescent="0.25">
      <c r="A4004" s="1">
        <v>43722.666666666664</v>
      </c>
      <c r="B4004" s="2">
        <v>42.05</v>
      </c>
      <c r="C4004">
        <v>3.1345360000000002</v>
      </c>
      <c r="D4004">
        <f t="shared" si="124"/>
        <v>3.1345360000000003E-3</v>
      </c>
      <c r="E4004" s="6">
        <f t="shared" si="125"/>
        <v>0.1318072388</v>
      </c>
    </row>
    <row r="4005" spans="1:5" x14ac:dyDescent="0.25">
      <c r="A4005" s="1">
        <v>43722.708333333336</v>
      </c>
      <c r="B4005" s="2">
        <v>38.96</v>
      </c>
      <c r="C4005">
        <v>2.130798</v>
      </c>
      <c r="D4005">
        <f t="shared" si="124"/>
        <v>2.1307980000000002E-3</v>
      </c>
      <c r="E4005" s="6">
        <f t="shared" si="125"/>
        <v>8.3015890080000002E-2</v>
      </c>
    </row>
    <row r="4006" spans="1:5" x14ac:dyDescent="0.25">
      <c r="A4006" s="1">
        <v>43722.75</v>
      </c>
      <c r="B4006" s="2">
        <v>35.229999999999997</v>
      </c>
      <c r="C4006">
        <v>0.78164999999999996</v>
      </c>
      <c r="D4006">
        <f t="shared" si="124"/>
        <v>7.8164999999999994E-4</v>
      </c>
      <c r="E4006" s="6">
        <f t="shared" si="125"/>
        <v>2.7537529499999994E-2</v>
      </c>
    </row>
    <row r="4007" spans="1:5" x14ac:dyDescent="0.25">
      <c r="A4007" s="1">
        <v>43722.791666666664</v>
      </c>
      <c r="B4007" s="2">
        <v>33.42</v>
      </c>
      <c r="C4007">
        <v>1.5166000000000001E-2</v>
      </c>
      <c r="D4007">
        <f t="shared" si="124"/>
        <v>1.5166E-5</v>
      </c>
      <c r="E4007" s="6">
        <f t="shared" si="125"/>
        <v>5.0684771999999999E-4</v>
      </c>
    </row>
    <row r="4008" spans="1:5" x14ac:dyDescent="0.25">
      <c r="A4008" s="1">
        <v>43722.833333333336</v>
      </c>
      <c r="B4008" s="2">
        <v>28.9</v>
      </c>
      <c r="C4008">
        <v>0</v>
      </c>
      <c r="D4008">
        <f t="shared" si="124"/>
        <v>0</v>
      </c>
      <c r="E4008" s="6">
        <f t="shared" si="125"/>
        <v>0</v>
      </c>
    </row>
    <row r="4009" spans="1:5" x14ac:dyDescent="0.25">
      <c r="A4009" s="1">
        <v>43722.875</v>
      </c>
      <c r="B4009" s="2">
        <v>24.59</v>
      </c>
      <c r="C4009">
        <v>0</v>
      </c>
      <c r="D4009">
        <f t="shared" si="124"/>
        <v>0</v>
      </c>
      <c r="E4009" s="6">
        <f t="shared" si="125"/>
        <v>0</v>
      </c>
    </row>
    <row r="4010" spans="1:5" x14ac:dyDescent="0.25">
      <c r="A4010" s="1">
        <v>43722.916666666664</v>
      </c>
      <c r="B4010" s="2">
        <v>23.3</v>
      </c>
      <c r="C4010">
        <v>0</v>
      </c>
      <c r="D4010">
        <f t="shared" si="124"/>
        <v>0</v>
      </c>
      <c r="E4010" s="6">
        <f t="shared" si="125"/>
        <v>0</v>
      </c>
    </row>
    <row r="4011" spans="1:5" x14ac:dyDescent="0.25">
      <c r="A4011" s="1">
        <v>43722.958333333336</v>
      </c>
      <c r="B4011" s="2">
        <v>21.37</v>
      </c>
      <c r="C4011">
        <v>0</v>
      </c>
      <c r="D4011">
        <f t="shared" si="124"/>
        <v>0</v>
      </c>
      <c r="E4011" s="6">
        <f t="shared" si="125"/>
        <v>0</v>
      </c>
    </row>
    <row r="4012" spans="1:5" x14ac:dyDescent="0.25">
      <c r="A4012" s="1">
        <v>43723</v>
      </c>
      <c r="B4012" s="2">
        <v>20.18</v>
      </c>
      <c r="C4012">
        <v>0</v>
      </c>
      <c r="D4012">
        <f t="shared" si="124"/>
        <v>0</v>
      </c>
      <c r="E4012" s="6">
        <f t="shared" si="125"/>
        <v>0</v>
      </c>
    </row>
    <row r="4013" spans="1:5" x14ac:dyDescent="0.25">
      <c r="A4013" s="1">
        <v>43723.041666666664</v>
      </c>
      <c r="B4013" s="2">
        <v>19.32</v>
      </c>
      <c r="C4013">
        <v>0</v>
      </c>
      <c r="D4013">
        <f t="shared" si="124"/>
        <v>0</v>
      </c>
      <c r="E4013" s="6">
        <f t="shared" si="125"/>
        <v>0</v>
      </c>
    </row>
    <row r="4014" spans="1:5" x14ac:dyDescent="0.25">
      <c r="A4014" s="1">
        <v>43723.083333333336</v>
      </c>
      <c r="B4014" s="2">
        <v>17.690000000000001</v>
      </c>
      <c r="C4014">
        <v>0</v>
      </c>
      <c r="D4014">
        <f t="shared" si="124"/>
        <v>0</v>
      </c>
      <c r="E4014" s="6">
        <f t="shared" si="125"/>
        <v>0</v>
      </c>
    </row>
    <row r="4015" spans="1:5" x14ac:dyDescent="0.25">
      <c r="A4015" s="1">
        <v>43723.125</v>
      </c>
      <c r="B4015" s="2">
        <v>16.489999999999998</v>
      </c>
      <c r="C4015">
        <v>0</v>
      </c>
      <c r="D4015">
        <f t="shared" si="124"/>
        <v>0</v>
      </c>
      <c r="E4015" s="6">
        <f t="shared" si="125"/>
        <v>0</v>
      </c>
    </row>
    <row r="4016" spans="1:5" x14ac:dyDescent="0.25">
      <c r="A4016" s="1">
        <v>43723.166666666664</v>
      </c>
      <c r="B4016" s="2">
        <v>16.059999999999999</v>
      </c>
      <c r="C4016">
        <v>0</v>
      </c>
      <c r="D4016">
        <f t="shared" si="124"/>
        <v>0</v>
      </c>
      <c r="E4016" s="6">
        <f t="shared" si="125"/>
        <v>0</v>
      </c>
    </row>
    <row r="4017" spans="1:5" x14ac:dyDescent="0.25">
      <c r="A4017" s="1">
        <v>43723.208333333336</v>
      </c>
      <c r="B4017" s="2">
        <v>16.399999999999999</v>
      </c>
      <c r="C4017">
        <v>0</v>
      </c>
      <c r="D4017">
        <f t="shared" si="124"/>
        <v>0</v>
      </c>
      <c r="E4017" s="6">
        <f t="shared" si="125"/>
        <v>0</v>
      </c>
    </row>
    <row r="4018" spans="1:5" x14ac:dyDescent="0.25">
      <c r="A4018" s="1">
        <v>43723.25</v>
      </c>
      <c r="B4018" s="2">
        <v>17.36</v>
      </c>
      <c r="C4018">
        <v>0</v>
      </c>
      <c r="D4018">
        <f t="shared" si="124"/>
        <v>0</v>
      </c>
      <c r="E4018" s="6">
        <f t="shared" si="125"/>
        <v>0</v>
      </c>
    </row>
    <row r="4019" spans="1:5" x14ac:dyDescent="0.25">
      <c r="A4019" s="1">
        <v>43723.291666666664</v>
      </c>
      <c r="B4019" s="2">
        <v>18.48</v>
      </c>
      <c r="C4019">
        <v>0</v>
      </c>
      <c r="D4019">
        <f t="shared" si="124"/>
        <v>0</v>
      </c>
      <c r="E4019" s="6">
        <f t="shared" si="125"/>
        <v>0</v>
      </c>
    </row>
    <row r="4020" spans="1:5" x14ac:dyDescent="0.25">
      <c r="A4020" s="1">
        <v>43723.333333333336</v>
      </c>
      <c r="B4020" s="2">
        <v>18.989999999999998</v>
      </c>
      <c r="C4020">
        <v>0.509413</v>
      </c>
      <c r="D4020">
        <f t="shared" si="124"/>
        <v>5.0941300000000001E-4</v>
      </c>
      <c r="E4020" s="6">
        <f t="shared" si="125"/>
        <v>9.6737528699999999E-3</v>
      </c>
    </row>
    <row r="4021" spans="1:5" x14ac:dyDescent="0.25">
      <c r="A4021" s="1">
        <v>43723.375</v>
      </c>
      <c r="B4021" s="2">
        <v>21.2</v>
      </c>
      <c r="C4021">
        <v>1.3189359999999999</v>
      </c>
      <c r="D4021">
        <f t="shared" si="124"/>
        <v>1.3189359999999999E-3</v>
      </c>
      <c r="E4021" s="6">
        <f t="shared" si="125"/>
        <v>2.7961443199999998E-2</v>
      </c>
    </row>
    <row r="4022" spans="1:5" x14ac:dyDescent="0.25">
      <c r="A4022" s="1">
        <v>43723.416666666664</v>
      </c>
      <c r="B4022" s="2">
        <v>22.88</v>
      </c>
      <c r="C4022">
        <v>1.015838</v>
      </c>
      <c r="D4022">
        <f t="shared" si="124"/>
        <v>1.015838E-3</v>
      </c>
      <c r="E4022" s="6">
        <f t="shared" si="125"/>
        <v>2.3242373439999998E-2</v>
      </c>
    </row>
    <row r="4023" spans="1:5" x14ac:dyDescent="0.25">
      <c r="A4023" s="1">
        <v>43723.458333333336</v>
      </c>
      <c r="B4023" s="2">
        <v>24.13</v>
      </c>
      <c r="C4023">
        <v>2.7834340000000002</v>
      </c>
      <c r="D4023">
        <f t="shared" si="124"/>
        <v>2.783434E-3</v>
      </c>
      <c r="E4023" s="6">
        <f t="shared" si="125"/>
        <v>6.7164262419999995E-2</v>
      </c>
    </row>
    <row r="4024" spans="1:5" x14ac:dyDescent="0.25">
      <c r="A4024" s="1">
        <v>43723.5</v>
      </c>
      <c r="B4024" s="2">
        <v>26.31</v>
      </c>
      <c r="C4024">
        <v>1.7677180000000001</v>
      </c>
      <c r="D4024">
        <f t="shared" si="124"/>
        <v>1.7677180000000002E-3</v>
      </c>
      <c r="E4024" s="6">
        <f t="shared" si="125"/>
        <v>4.650866058E-2</v>
      </c>
    </row>
    <row r="4025" spans="1:5" x14ac:dyDescent="0.25">
      <c r="A4025" s="1">
        <v>43723.541666666664</v>
      </c>
      <c r="B4025" s="2">
        <v>29.87</v>
      </c>
      <c r="C4025">
        <v>2.4074850000000003</v>
      </c>
      <c r="D4025">
        <f t="shared" si="124"/>
        <v>2.4074850000000004E-3</v>
      </c>
      <c r="E4025" s="6">
        <f t="shared" si="125"/>
        <v>7.1911576950000014E-2</v>
      </c>
    </row>
    <row r="4026" spans="1:5" x14ac:dyDescent="0.25">
      <c r="A4026" s="1">
        <v>43723.583333333336</v>
      </c>
      <c r="B4026" s="2">
        <v>33.340000000000003</v>
      </c>
      <c r="C4026">
        <v>2.0404610000000001</v>
      </c>
      <c r="D4026">
        <f t="shared" si="124"/>
        <v>2.0404609999999999E-3</v>
      </c>
      <c r="E4026" s="6">
        <f t="shared" si="125"/>
        <v>6.802896974E-2</v>
      </c>
    </row>
    <row r="4027" spans="1:5" x14ac:dyDescent="0.25">
      <c r="A4027" s="1">
        <v>43723.625</v>
      </c>
      <c r="B4027" s="2">
        <v>35.83</v>
      </c>
      <c r="C4027">
        <v>2.0791740000000001</v>
      </c>
      <c r="D4027">
        <f t="shared" si="124"/>
        <v>2.079174E-3</v>
      </c>
      <c r="E4027" s="6">
        <f t="shared" si="125"/>
        <v>7.4496804419999993E-2</v>
      </c>
    </row>
    <row r="4028" spans="1:5" x14ac:dyDescent="0.25">
      <c r="A4028" s="1">
        <v>43723.666666666664</v>
      </c>
      <c r="B4028" s="2">
        <v>39.729999999999997</v>
      </c>
      <c r="C4028">
        <v>4.9240709999999996</v>
      </c>
      <c r="D4028">
        <f t="shared" si="124"/>
        <v>4.9240709999999995E-3</v>
      </c>
      <c r="E4028" s="6">
        <f t="shared" si="125"/>
        <v>0.19563334082999997</v>
      </c>
    </row>
    <row r="4029" spans="1:5" x14ac:dyDescent="0.25">
      <c r="A4029" s="1">
        <v>43723.708333333336</v>
      </c>
      <c r="B4029" s="2">
        <v>38.380000000000003</v>
      </c>
      <c r="C4029">
        <v>0.76504499999999998</v>
      </c>
      <c r="D4029">
        <f t="shared" si="124"/>
        <v>7.65045E-4</v>
      </c>
      <c r="E4029" s="6">
        <f t="shared" si="125"/>
        <v>2.9362427100000001E-2</v>
      </c>
    </row>
    <row r="4030" spans="1:5" x14ac:dyDescent="0.25">
      <c r="A4030" s="1">
        <v>43723.75</v>
      </c>
      <c r="B4030" s="2">
        <v>34.479999999999997</v>
      </c>
      <c r="C4030">
        <v>1.3154619999999999</v>
      </c>
      <c r="D4030">
        <f t="shared" si="124"/>
        <v>1.3154619999999999E-3</v>
      </c>
      <c r="E4030" s="6">
        <f t="shared" si="125"/>
        <v>4.535712975999999E-2</v>
      </c>
    </row>
    <row r="4031" spans="1:5" x14ac:dyDescent="0.25">
      <c r="A4031" s="1">
        <v>43723.791666666664</v>
      </c>
      <c r="B4031" s="2">
        <v>34.020000000000003</v>
      </c>
      <c r="C4031">
        <v>4.0680999999999995E-2</v>
      </c>
      <c r="D4031">
        <f t="shared" si="124"/>
        <v>4.0680999999999992E-5</v>
      </c>
      <c r="E4031" s="6">
        <f t="shared" si="125"/>
        <v>1.38396762E-3</v>
      </c>
    </row>
    <row r="4032" spans="1:5" x14ac:dyDescent="0.25">
      <c r="A4032" s="1">
        <v>43723.833333333336</v>
      </c>
      <c r="B4032" s="2">
        <v>32.17</v>
      </c>
      <c r="C4032">
        <v>0</v>
      </c>
      <c r="D4032">
        <f t="shared" si="124"/>
        <v>0</v>
      </c>
      <c r="E4032" s="6">
        <f t="shared" si="125"/>
        <v>0</v>
      </c>
    </row>
    <row r="4033" spans="1:5" x14ac:dyDescent="0.25">
      <c r="A4033" s="1">
        <v>43723.875</v>
      </c>
      <c r="B4033" s="2">
        <v>25.04</v>
      </c>
      <c r="C4033">
        <v>0</v>
      </c>
      <c r="D4033">
        <f t="shared" si="124"/>
        <v>0</v>
      </c>
      <c r="E4033" s="6">
        <f t="shared" si="125"/>
        <v>0</v>
      </c>
    </row>
    <row r="4034" spans="1:5" x14ac:dyDescent="0.25">
      <c r="A4034" s="1">
        <v>43723.916666666664</v>
      </c>
      <c r="B4034" s="2">
        <v>23.03</v>
      </c>
      <c r="C4034">
        <v>0</v>
      </c>
      <c r="D4034">
        <f t="shared" si="124"/>
        <v>0</v>
      </c>
      <c r="E4034" s="6">
        <f t="shared" si="125"/>
        <v>0</v>
      </c>
    </row>
    <row r="4035" spans="1:5" x14ac:dyDescent="0.25">
      <c r="A4035" s="1">
        <v>43723.958333333336</v>
      </c>
      <c r="B4035" s="2">
        <v>20.88</v>
      </c>
      <c r="C4035">
        <v>0</v>
      </c>
      <c r="D4035">
        <f t="shared" si="124"/>
        <v>0</v>
      </c>
      <c r="E4035" s="6">
        <f t="shared" si="125"/>
        <v>0</v>
      </c>
    </row>
    <row r="4036" spans="1:5" x14ac:dyDescent="0.25">
      <c r="A4036" s="1">
        <v>43724</v>
      </c>
      <c r="B4036" s="2">
        <v>20.49</v>
      </c>
      <c r="C4036">
        <v>0</v>
      </c>
      <c r="D4036">
        <f t="shared" si="124"/>
        <v>0</v>
      </c>
      <c r="E4036" s="6">
        <f t="shared" si="125"/>
        <v>0</v>
      </c>
    </row>
    <row r="4037" spans="1:5" x14ac:dyDescent="0.25">
      <c r="A4037" s="1">
        <v>43724.041666666664</v>
      </c>
      <c r="B4037" s="2">
        <v>19.52</v>
      </c>
      <c r="C4037">
        <v>0</v>
      </c>
      <c r="D4037">
        <f t="shared" si="124"/>
        <v>0</v>
      </c>
      <c r="E4037" s="6">
        <f t="shared" si="125"/>
        <v>0</v>
      </c>
    </row>
    <row r="4038" spans="1:5" x14ac:dyDescent="0.25">
      <c r="A4038" s="1">
        <v>43724.083333333336</v>
      </c>
      <c r="B4038" s="2">
        <v>18.28</v>
      </c>
      <c r="C4038">
        <v>0</v>
      </c>
      <c r="D4038">
        <f t="shared" ref="D4038:D4101" si="126">C4038/1000</f>
        <v>0</v>
      </c>
      <c r="E4038" s="6">
        <f t="shared" ref="E4038:E4101" si="127">D4038*B4038</f>
        <v>0</v>
      </c>
    </row>
    <row r="4039" spans="1:5" x14ac:dyDescent="0.25">
      <c r="A4039" s="1">
        <v>43724.125</v>
      </c>
      <c r="B4039" s="2">
        <v>17.54</v>
      </c>
      <c r="C4039">
        <v>0</v>
      </c>
      <c r="D4039">
        <f t="shared" si="126"/>
        <v>0</v>
      </c>
      <c r="E4039" s="6">
        <f t="shared" si="127"/>
        <v>0</v>
      </c>
    </row>
    <row r="4040" spans="1:5" x14ac:dyDescent="0.25">
      <c r="A4040" s="1">
        <v>43724.166666666664</v>
      </c>
      <c r="B4040" s="2">
        <v>18.149999999999999</v>
      </c>
      <c r="C4040">
        <v>0</v>
      </c>
      <c r="D4040">
        <f t="shared" si="126"/>
        <v>0</v>
      </c>
      <c r="E4040" s="6">
        <f t="shared" si="127"/>
        <v>0</v>
      </c>
    </row>
    <row r="4041" spans="1:5" x14ac:dyDescent="0.25">
      <c r="A4041" s="1">
        <v>43724.208333333336</v>
      </c>
      <c r="B4041" s="2">
        <v>20.22</v>
      </c>
      <c r="C4041">
        <v>0</v>
      </c>
      <c r="D4041">
        <f t="shared" si="126"/>
        <v>0</v>
      </c>
      <c r="E4041" s="6">
        <f t="shared" si="127"/>
        <v>0</v>
      </c>
    </row>
    <row r="4042" spans="1:5" x14ac:dyDescent="0.25">
      <c r="A4042" s="1">
        <v>43724.25</v>
      </c>
      <c r="B4042" s="2">
        <v>22.79</v>
      </c>
      <c r="C4042">
        <v>0</v>
      </c>
      <c r="D4042">
        <f t="shared" si="126"/>
        <v>0</v>
      </c>
      <c r="E4042" s="6">
        <f t="shared" si="127"/>
        <v>0</v>
      </c>
    </row>
    <row r="4043" spans="1:5" x14ac:dyDescent="0.25">
      <c r="A4043" s="1">
        <v>43724.291666666664</v>
      </c>
      <c r="B4043" s="2">
        <v>23.19</v>
      </c>
      <c r="C4043">
        <v>5.3300000000000005E-4</v>
      </c>
      <c r="D4043">
        <f t="shared" si="126"/>
        <v>5.3300000000000002E-7</v>
      </c>
      <c r="E4043" s="6">
        <f t="shared" si="127"/>
        <v>1.236027E-5</v>
      </c>
    </row>
    <row r="4044" spans="1:5" x14ac:dyDescent="0.25">
      <c r="A4044" s="1">
        <v>43724.333333333336</v>
      </c>
      <c r="B4044" s="2">
        <v>24.03</v>
      </c>
      <c r="C4044">
        <v>1.144315</v>
      </c>
      <c r="D4044">
        <f t="shared" si="126"/>
        <v>1.1443149999999999E-3</v>
      </c>
      <c r="E4044" s="6">
        <f t="shared" si="127"/>
        <v>2.749788945E-2</v>
      </c>
    </row>
    <row r="4045" spans="1:5" x14ac:dyDescent="0.25">
      <c r="A4045" s="1">
        <v>43724.375</v>
      </c>
      <c r="B4045" s="2">
        <v>27.6</v>
      </c>
      <c r="C4045">
        <v>2.1729520000000004</v>
      </c>
      <c r="D4045">
        <f t="shared" si="126"/>
        <v>2.1729520000000006E-3</v>
      </c>
      <c r="E4045" s="6">
        <f t="shared" si="127"/>
        <v>5.9973475200000022E-2</v>
      </c>
    </row>
    <row r="4046" spans="1:5" x14ac:dyDescent="0.25">
      <c r="A4046" s="1">
        <v>43724.416666666664</v>
      </c>
      <c r="B4046" s="2">
        <v>29.68</v>
      </c>
      <c r="C4046">
        <v>3.2837010000000002</v>
      </c>
      <c r="D4046">
        <f t="shared" si="126"/>
        <v>3.2837010000000004E-3</v>
      </c>
      <c r="E4046" s="6">
        <f t="shared" si="127"/>
        <v>9.7460245680000016E-2</v>
      </c>
    </row>
    <row r="4047" spans="1:5" x14ac:dyDescent="0.25">
      <c r="A4047" s="1">
        <v>43724.458333333336</v>
      </c>
      <c r="B4047" s="2">
        <v>32.47</v>
      </c>
      <c r="C4047">
        <v>4.7583690000000001</v>
      </c>
      <c r="D4047">
        <f t="shared" si="126"/>
        <v>4.7583690000000001E-3</v>
      </c>
      <c r="E4047" s="6">
        <f t="shared" si="127"/>
        <v>0.15450424142999999</v>
      </c>
    </row>
    <row r="4048" spans="1:5" x14ac:dyDescent="0.25">
      <c r="A4048" s="1">
        <v>43724.5</v>
      </c>
      <c r="B4048" s="2">
        <v>35.770000000000003</v>
      </c>
      <c r="C4048">
        <v>3.3256239999999999</v>
      </c>
      <c r="D4048">
        <f t="shared" si="126"/>
        <v>3.3256240000000001E-3</v>
      </c>
      <c r="E4048" s="6">
        <f t="shared" si="127"/>
        <v>0.11895757048000001</v>
      </c>
    </row>
    <row r="4049" spans="1:5" x14ac:dyDescent="0.25">
      <c r="A4049" s="1">
        <v>43724.541666666664</v>
      </c>
      <c r="B4049" s="2">
        <v>44.85</v>
      </c>
      <c r="C4049">
        <v>3.5684070000000001</v>
      </c>
      <c r="D4049">
        <f t="shared" si="126"/>
        <v>3.568407E-3</v>
      </c>
      <c r="E4049" s="6">
        <f t="shared" si="127"/>
        <v>0.16004305395000001</v>
      </c>
    </row>
    <row r="4050" spans="1:5" x14ac:dyDescent="0.25">
      <c r="A4050" s="1">
        <v>43724.583333333336</v>
      </c>
      <c r="B4050" s="2">
        <v>55.08</v>
      </c>
      <c r="C4050">
        <v>4.2404399999999995</v>
      </c>
      <c r="D4050">
        <f t="shared" si="126"/>
        <v>4.2404399999999998E-3</v>
      </c>
      <c r="E4050" s="6">
        <f t="shared" si="127"/>
        <v>0.23356343519999997</v>
      </c>
    </row>
    <row r="4051" spans="1:5" x14ac:dyDescent="0.25">
      <c r="A4051" s="1">
        <v>43724.625</v>
      </c>
      <c r="B4051" s="2">
        <v>66.39</v>
      </c>
      <c r="C4051">
        <v>3.5516139999999998</v>
      </c>
      <c r="D4051">
        <f t="shared" si="126"/>
        <v>3.5516139999999998E-3</v>
      </c>
      <c r="E4051" s="6">
        <f t="shared" si="127"/>
        <v>0.23579165346</v>
      </c>
    </row>
    <row r="4052" spans="1:5" x14ac:dyDescent="0.25">
      <c r="A4052" s="1">
        <v>43724.666666666664</v>
      </c>
      <c r="B4052" s="2">
        <v>79.58</v>
      </c>
      <c r="C4052">
        <v>3.6231019999999998</v>
      </c>
      <c r="D4052">
        <f t="shared" si="126"/>
        <v>3.623102E-3</v>
      </c>
      <c r="E4052" s="6">
        <f t="shared" si="127"/>
        <v>0.28832645715999999</v>
      </c>
    </row>
    <row r="4053" spans="1:5" x14ac:dyDescent="0.25">
      <c r="A4053" s="1">
        <v>43724.708333333336</v>
      </c>
      <c r="B4053" s="2">
        <v>65.3</v>
      </c>
      <c r="C4053">
        <v>2.1566799999999997</v>
      </c>
      <c r="D4053">
        <f t="shared" si="126"/>
        <v>2.1566799999999998E-3</v>
      </c>
      <c r="E4053" s="6">
        <f t="shared" si="127"/>
        <v>0.14083120399999999</v>
      </c>
    </row>
    <row r="4054" spans="1:5" x14ac:dyDescent="0.25">
      <c r="A4054" s="1">
        <v>43724.75</v>
      </c>
      <c r="B4054" s="2">
        <v>41.2</v>
      </c>
      <c r="C4054">
        <v>1.162031</v>
      </c>
      <c r="D4054">
        <f t="shared" si="126"/>
        <v>1.162031E-3</v>
      </c>
      <c r="E4054" s="6">
        <f t="shared" si="127"/>
        <v>4.7875677200000001E-2</v>
      </c>
    </row>
    <row r="4055" spans="1:5" x14ac:dyDescent="0.25">
      <c r="A4055" s="1">
        <v>43724.791666666664</v>
      </c>
      <c r="B4055" s="2">
        <v>36.47</v>
      </c>
      <c r="C4055">
        <v>0</v>
      </c>
      <c r="D4055">
        <f t="shared" si="126"/>
        <v>0</v>
      </c>
      <c r="E4055" s="6">
        <f t="shared" si="127"/>
        <v>0</v>
      </c>
    </row>
    <row r="4056" spans="1:5" x14ac:dyDescent="0.25">
      <c r="A4056" s="1">
        <v>43724.833333333336</v>
      </c>
      <c r="B4056" s="2">
        <v>35.07</v>
      </c>
      <c r="C4056">
        <v>0</v>
      </c>
      <c r="D4056">
        <f t="shared" si="126"/>
        <v>0</v>
      </c>
      <c r="E4056" s="6">
        <f t="shared" si="127"/>
        <v>0</v>
      </c>
    </row>
    <row r="4057" spans="1:5" x14ac:dyDescent="0.25">
      <c r="A4057" s="1">
        <v>43724.875</v>
      </c>
      <c r="B4057" s="2">
        <v>28.34</v>
      </c>
      <c r="C4057">
        <v>0</v>
      </c>
      <c r="D4057">
        <f t="shared" si="126"/>
        <v>0</v>
      </c>
      <c r="E4057" s="6">
        <f t="shared" si="127"/>
        <v>0</v>
      </c>
    </row>
    <row r="4058" spans="1:5" x14ac:dyDescent="0.25">
      <c r="A4058" s="1">
        <v>43724.916666666664</v>
      </c>
      <c r="B4058" s="2">
        <v>24.19</v>
      </c>
      <c r="C4058">
        <v>0</v>
      </c>
      <c r="D4058">
        <f t="shared" si="126"/>
        <v>0</v>
      </c>
      <c r="E4058" s="6">
        <f t="shared" si="127"/>
        <v>0</v>
      </c>
    </row>
    <row r="4059" spans="1:5" x14ac:dyDescent="0.25">
      <c r="A4059" s="1">
        <v>43724.958333333336</v>
      </c>
      <c r="B4059" s="2">
        <v>22.35</v>
      </c>
      <c r="C4059">
        <v>0</v>
      </c>
      <c r="D4059">
        <f t="shared" si="126"/>
        <v>0</v>
      </c>
      <c r="E4059" s="6">
        <f t="shared" si="127"/>
        <v>0</v>
      </c>
    </row>
    <row r="4060" spans="1:5" x14ac:dyDescent="0.25">
      <c r="A4060" s="1">
        <v>43725</v>
      </c>
      <c r="B4060" s="2">
        <v>20.16</v>
      </c>
      <c r="C4060">
        <v>0</v>
      </c>
      <c r="D4060">
        <f t="shared" si="126"/>
        <v>0</v>
      </c>
      <c r="E4060" s="6">
        <f t="shared" si="127"/>
        <v>0</v>
      </c>
    </row>
    <row r="4061" spans="1:5" x14ac:dyDescent="0.25">
      <c r="A4061" s="1">
        <v>43725.041666666664</v>
      </c>
      <c r="B4061" s="2">
        <v>19.75</v>
      </c>
      <c r="C4061">
        <v>0</v>
      </c>
      <c r="D4061">
        <f t="shared" si="126"/>
        <v>0</v>
      </c>
      <c r="E4061" s="6">
        <f t="shared" si="127"/>
        <v>0</v>
      </c>
    </row>
    <row r="4062" spans="1:5" x14ac:dyDescent="0.25">
      <c r="A4062" s="1">
        <v>43725.083333333336</v>
      </c>
      <c r="B4062" s="2">
        <v>18.8</v>
      </c>
      <c r="C4062">
        <v>0</v>
      </c>
      <c r="D4062">
        <f t="shared" si="126"/>
        <v>0</v>
      </c>
      <c r="E4062" s="6">
        <f t="shared" si="127"/>
        <v>0</v>
      </c>
    </row>
    <row r="4063" spans="1:5" x14ac:dyDescent="0.25">
      <c r="A4063" s="1">
        <v>43725.125</v>
      </c>
      <c r="B4063" s="2">
        <v>18.170000000000002</v>
      </c>
      <c r="C4063">
        <v>0</v>
      </c>
      <c r="D4063">
        <f t="shared" si="126"/>
        <v>0</v>
      </c>
      <c r="E4063" s="6">
        <f t="shared" si="127"/>
        <v>0</v>
      </c>
    </row>
    <row r="4064" spans="1:5" x14ac:dyDescent="0.25">
      <c r="A4064" s="1">
        <v>43725.166666666664</v>
      </c>
      <c r="B4064" s="2">
        <v>18.600000000000001</v>
      </c>
      <c r="C4064">
        <v>0</v>
      </c>
      <c r="D4064">
        <f t="shared" si="126"/>
        <v>0</v>
      </c>
      <c r="E4064" s="6">
        <f t="shared" si="127"/>
        <v>0</v>
      </c>
    </row>
    <row r="4065" spans="1:5" x14ac:dyDescent="0.25">
      <c r="A4065" s="1">
        <v>43725.208333333336</v>
      </c>
      <c r="B4065" s="2">
        <v>20.37</v>
      </c>
      <c r="C4065">
        <v>0</v>
      </c>
      <c r="D4065">
        <f t="shared" si="126"/>
        <v>0</v>
      </c>
      <c r="E4065" s="6">
        <f t="shared" si="127"/>
        <v>0</v>
      </c>
    </row>
    <row r="4066" spans="1:5" x14ac:dyDescent="0.25">
      <c r="A4066" s="1">
        <v>43725.25</v>
      </c>
      <c r="B4066" s="2">
        <v>24.01</v>
      </c>
      <c r="C4066">
        <v>0</v>
      </c>
      <c r="D4066">
        <f t="shared" si="126"/>
        <v>0</v>
      </c>
      <c r="E4066" s="6">
        <f t="shared" si="127"/>
        <v>0</v>
      </c>
    </row>
    <row r="4067" spans="1:5" x14ac:dyDescent="0.25">
      <c r="A4067" s="1">
        <v>43725.291666666664</v>
      </c>
      <c r="B4067" s="2">
        <v>23.83</v>
      </c>
      <c r="C4067">
        <v>8.3330000000000001E-3</v>
      </c>
      <c r="D4067">
        <f t="shared" si="126"/>
        <v>8.3329999999999997E-6</v>
      </c>
      <c r="E4067" s="6">
        <f t="shared" si="127"/>
        <v>1.9857538999999998E-4</v>
      </c>
    </row>
    <row r="4068" spans="1:5" x14ac:dyDescent="0.25">
      <c r="A4068" s="1">
        <v>43725.333333333336</v>
      </c>
      <c r="B4068" s="2">
        <v>23.43</v>
      </c>
      <c r="C4068">
        <v>0.65266400000000002</v>
      </c>
      <c r="D4068">
        <f t="shared" si="126"/>
        <v>6.5266400000000007E-4</v>
      </c>
      <c r="E4068" s="6">
        <f t="shared" si="127"/>
        <v>1.5291917520000002E-2</v>
      </c>
    </row>
    <row r="4069" spans="1:5" x14ac:dyDescent="0.25">
      <c r="A4069" s="1">
        <v>43725.375</v>
      </c>
      <c r="B4069" s="2">
        <v>25.18</v>
      </c>
      <c r="C4069">
        <v>1.6537819999999999</v>
      </c>
      <c r="D4069">
        <f t="shared" si="126"/>
        <v>1.6537819999999999E-3</v>
      </c>
      <c r="E4069" s="6">
        <f t="shared" si="127"/>
        <v>4.1642230759999996E-2</v>
      </c>
    </row>
    <row r="4070" spans="1:5" x14ac:dyDescent="0.25">
      <c r="A4070" s="1">
        <v>43725.416666666664</v>
      </c>
      <c r="B4070" s="2">
        <v>27.33</v>
      </c>
      <c r="C4070">
        <v>3.0658820000000002</v>
      </c>
      <c r="D4070">
        <f t="shared" si="126"/>
        <v>3.0658820000000002E-3</v>
      </c>
      <c r="E4070" s="6">
        <f t="shared" si="127"/>
        <v>8.3790555060000008E-2</v>
      </c>
    </row>
    <row r="4071" spans="1:5" x14ac:dyDescent="0.25">
      <c r="A4071" s="1">
        <v>43725.458333333336</v>
      </c>
      <c r="B4071" s="2">
        <v>28.12</v>
      </c>
      <c r="C4071">
        <v>5.3126350000000002</v>
      </c>
      <c r="D4071">
        <f t="shared" si="126"/>
        <v>5.3126350000000004E-3</v>
      </c>
      <c r="E4071" s="6">
        <f t="shared" si="127"/>
        <v>0.14939129620000002</v>
      </c>
    </row>
    <row r="4072" spans="1:5" x14ac:dyDescent="0.25">
      <c r="A4072" s="1">
        <v>43725.5</v>
      </c>
      <c r="B4072" s="2">
        <v>31.95</v>
      </c>
      <c r="C4072">
        <v>5.89161</v>
      </c>
      <c r="D4072">
        <f t="shared" si="126"/>
        <v>5.8916100000000002E-3</v>
      </c>
      <c r="E4072" s="6">
        <f t="shared" si="127"/>
        <v>0.18823693950000001</v>
      </c>
    </row>
    <row r="4073" spans="1:5" x14ac:dyDescent="0.25">
      <c r="A4073" s="1">
        <v>43725.541666666664</v>
      </c>
      <c r="B4073" s="2">
        <v>36.159999999999997</v>
      </c>
      <c r="C4073">
        <v>5.8177030000000007</v>
      </c>
      <c r="D4073">
        <f t="shared" si="126"/>
        <v>5.8177030000000005E-3</v>
      </c>
      <c r="E4073" s="6">
        <f t="shared" si="127"/>
        <v>0.21036814047999999</v>
      </c>
    </row>
    <row r="4074" spans="1:5" x14ac:dyDescent="0.25">
      <c r="A4074" s="1">
        <v>43725.583333333336</v>
      </c>
      <c r="B4074" s="2">
        <v>41.46</v>
      </c>
      <c r="C4074">
        <v>5.0815159999999997</v>
      </c>
      <c r="D4074">
        <f t="shared" si="126"/>
        <v>5.0815159999999995E-3</v>
      </c>
      <c r="E4074" s="6">
        <f t="shared" si="127"/>
        <v>0.21067965335999997</v>
      </c>
    </row>
    <row r="4075" spans="1:5" x14ac:dyDescent="0.25">
      <c r="A4075" s="1">
        <v>43725.625</v>
      </c>
      <c r="B4075" s="2">
        <v>45.25</v>
      </c>
      <c r="C4075">
        <v>3.2410019999999999</v>
      </c>
      <c r="D4075">
        <f t="shared" si="126"/>
        <v>3.2410019999999998E-3</v>
      </c>
      <c r="E4075" s="6">
        <f t="shared" si="127"/>
        <v>0.14665534049999998</v>
      </c>
    </row>
    <row r="4076" spans="1:5" x14ac:dyDescent="0.25">
      <c r="A4076" s="1">
        <v>43725.666666666664</v>
      </c>
      <c r="B4076" s="2">
        <v>48.25</v>
      </c>
      <c r="C4076">
        <v>2.1550610000000003</v>
      </c>
      <c r="D4076">
        <f t="shared" si="126"/>
        <v>2.1550610000000002E-3</v>
      </c>
      <c r="E4076" s="6">
        <f t="shared" si="127"/>
        <v>0.10398169325000001</v>
      </c>
    </row>
    <row r="4077" spans="1:5" x14ac:dyDescent="0.25">
      <c r="A4077" s="1">
        <v>43725.708333333336</v>
      </c>
      <c r="B4077" s="2">
        <v>43.19</v>
      </c>
      <c r="C4077">
        <v>0.77062300000000006</v>
      </c>
      <c r="D4077">
        <f t="shared" si="126"/>
        <v>7.7062300000000001E-4</v>
      </c>
      <c r="E4077" s="6">
        <f t="shared" si="127"/>
        <v>3.3283207369999998E-2</v>
      </c>
    </row>
    <row r="4078" spans="1:5" x14ac:dyDescent="0.25">
      <c r="A4078" s="1">
        <v>43725.75</v>
      </c>
      <c r="B4078" s="2">
        <v>34.72</v>
      </c>
      <c r="C4078">
        <v>0.40676999999999996</v>
      </c>
      <c r="D4078">
        <f t="shared" si="126"/>
        <v>4.0676999999999998E-4</v>
      </c>
      <c r="E4078" s="6">
        <f t="shared" si="127"/>
        <v>1.41230544E-2</v>
      </c>
    </row>
    <row r="4079" spans="1:5" x14ac:dyDescent="0.25">
      <c r="A4079" s="1">
        <v>43725.791666666664</v>
      </c>
      <c r="B4079" s="2">
        <v>32.520000000000003</v>
      </c>
      <c r="C4079">
        <v>0</v>
      </c>
      <c r="D4079">
        <f t="shared" si="126"/>
        <v>0</v>
      </c>
      <c r="E4079" s="6">
        <f t="shared" si="127"/>
        <v>0</v>
      </c>
    </row>
    <row r="4080" spans="1:5" x14ac:dyDescent="0.25">
      <c r="A4080" s="1">
        <v>43725.833333333336</v>
      </c>
      <c r="B4080" s="2">
        <v>30</v>
      </c>
      <c r="C4080">
        <v>0</v>
      </c>
      <c r="D4080">
        <f t="shared" si="126"/>
        <v>0</v>
      </c>
      <c r="E4080" s="6">
        <f t="shared" si="127"/>
        <v>0</v>
      </c>
    </row>
    <row r="4081" spans="1:5" x14ac:dyDescent="0.25">
      <c r="A4081" s="1">
        <v>43725.875</v>
      </c>
      <c r="B4081" s="2">
        <v>24.99</v>
      </c>
      <c r="C4081">
        <v>0</v>
      </c>
      <c r="D4081">
        <f t="shared" si="126"/>
        <v>0</v>
      </c>
      <c r="E4081" s="6">
        <f t="shared" si="127"/>
        <v>0</v>
      </c>
    </row>
    <row r="4082" spans="1:5" x14ac:dyDescent="0.25">
      <c r="A4082" s="1">
        <v>43725.916666666664</v>
      </c>
      <c r="B4082" s="2">
        <v>22.11</v>
      </c>
      <c r="C4082">
        <v>0</v>
      </c>
      <c r="D4082">
        <f t="shared" si="126"/>
        <v>0</v>
      </c>
      <c r="E4082" s="6">
        <f t="shared" si="127"/>
        <v>0</v>
      </c>
    </row>
    <row r="4083" spans="1:5" x14ac:dyDescent="0.25">
      <c r="A4083" s="1">
        <v>43725.958333333336</v>
      </c>
      <c r="B4083" s="2">
        <v>20.329999999999998</v>
      </c>
      <c r="C4083">
        <v>0</v>
      </c>
      <c r="D4083">
        <f t="shared" si="126"/>
        <v>0</v>
      </c>
      <c r="E4083" s="6">
        <f t="shared" si="127"/>
        <v>0</v>
      </c>
    </row>
    <row r="4084" spans="1:5" x14ac:dyDescent="0.25">
      <c r="A4084" s="1">
        <v>43726</v>
      </c>
      <c r="B4084" s="2">
        <v>19.36</v>
      </c>
      <c r="C4084">
        <v>0</v>
      </c>
      <c r="D4084">
        <f t="shared" si="126"/>
        <v>0</v>
      </c>
      <c r="E4084" s="6">
        <f t="shared" si="127"/>
        <v>0</v>
      </c>
    </row>
    <row r="4085" spans="1:5" x14ac:dyDescent="0.25">
      <c r="A4085" s="1">
        <v>43726.041666666664</v>
      </c>
      <c r="B4085" s="2">
        <v>18.559999999999999</v>
      </c>
      <c r="C4085">
        <v>0</v>
      </c>
      <c r="D4085">
        <f t="shared" si="126"/>
        <v>0</v>
      </c>
      <c r="E4085" s="6">
        <f t="shared" si="127"/>
        <v>0</v>
      </c>
    </row>
    <row r="4086" spans="1:5" x14ac:dyDescent="0.25">
      <c r="A4086" s="1">
        <v>43726.083333333336</v>
      </c>
      <c r="B4086" s="2">
        <v>17.77</v>
      </c>
      <c r="C4086">
        <v>0</v>
      </c>
      <c r="D4086">
        <f t="shared" si="126"/>
        <v>0</v>
      </c>
      <c r="E4086" s="6">
        <f t="shared" si="127"/>
        <v>0</v>
      </c>
    </row>
    <row r="4087" spans="1:5" x14ac:dyDescent="0.25">
      <c r="A4087" s="1">
        <v>43726.125</v>
      </c>
      <c r="B4087" s="2">
        <v>17.37</v>
      </c>
      <c r="C4087">
        <v>0</v>
      </c>
      <c r="D4087">
        <f t="shared" si="126"/>
        <v>0</v>
      </c>
      <c r="E4087" s="6">
        <f t="shared" si="127"/>
        <v>0</v>
      </c>
    </row>
    <row r="4088" spans="1:5" x14ac:dyDescent="0.25">
      <c r="A4088" s="1">
        <v>43726.166666666664</v>
      </c>
      <c r="B4088" s="2">
        <v>17.71</v>
      </c>
      <c r="C4088">
        <v>0</v>
      </c>
      <c r="D4088">
        <f t="shared" si="126"/>
        <v>0</v>
      </c>
      <c r="E4088" s="6">
        <f t="shared" si="127"/>
        <v>0</v>
      </c>
    </row>
    <row r="4089" spans="1:5" x14ac:dyDescent="0.25">
      <c r="A4089" s="1">
        <v>43726.208333333336</v>
      </c>
      <c r="B4089" s="2">
        <v>19.809999999999999</v>
      </c>
      <c r="C4089">
        <v>0</v>
      </c>
      <c r="D4089">
        <f t="shared" si="126"/>
        <v>0</v>
      </c>
      <c r="E4089" s="6">
        <f t="shared" si="127"/>
        <v>0</v>
      </c>
    </row>
    <row r="4090" spans="1:5" x14ac:dyDescent="0.25">
      <c r="A4090" s="1">
        <v>43726.25</v>
      </c>
      <c r="B4090" s="2">
        <v>23.17</v>
      </c>
      <c r="C4090">
        <v>0</v>
      </c>
      <c r="D4090">
        <f t="shared" si="126"/>
        <v>0</v>
      </c>
      <c r="E4090" s="6">
        <f t="shared" si="127"/>
        <v>0</v>
      </c>
    </row>
    <row r="4091" spans="1:5" x14ac:dyDescent="0.25">
      <c r="A4091" s="1">
        <v>43726.291666666664</v>
      </c>
      <c r="B4091" s="2">
        <v>22.85</v>
      </c>
      <c r="C4091">
        <v>2.2586999999999999E-2</v>
      </c>
      <c r="D4091">
        <f t="shared" si="126"/>
        <v>2.2586999999999999E-5</v>
      </c>
      <c r="E4091" s="6">
        <f t="shared" si="127"/>
        <v>5.1611294999999999E-4</v>
      </c>
    </row>
    <row r="4092" spans="1:5" x14ac:dyDescent="0.25">
      <c r="A4092" s="1">
        <v>43726.333333333336</v>
      </c>
      <c r="B4092" s="2">
        <v>22.89</v>
      </c>
      <c r="C4092">
        <v>1.3407370000000001</v>
      </c>
      <c r="D4092">
        <f t="shared" si="126"/>
        <v>1.340737E-3</v>
      </c>
      <c r="E4092" s="6">
        <f t="shared" si="127"/>
        <v>3.0689469930000001E-2</v>
      </c>
    </row>
    <row r="4093" spans="1:5" x14ac:dyDescent="0.25">
      <c r="A4093" s="1">
        <v>43726.375</v>
      </c>
      <c r="B4093" s="2">
        <v>23.88</v>
      </c>
      <c r="C4093">
        <v>3.1568969999999998</v>
      </c>
      <c r="D4093">
        <f t="shared" si="126"/>
        <v>3.1568969999999997E-3</v>
      </c>
      <c r="E4093" s="6">
        <f t="shared" si="127"/>
        <v>7.5386700359999989E-2</v>
      </c>
    </row>
    <row r="4094" spans="1:5" x14ac:dyDescent="0.25">
      <c r="A4094" s="1">
        <v>43726.416666666664</v>
      </c>
      <c r="B4094" s="2">
        <v>25.24</v>
      </c>
      <c r="C4094">
        <v>4.7458670000000005</v>
      </c>
      <c r="D4094">
        <f t="shared" si="126"/>
        <v>4.7458670000000008E-3</v>
      </c>
      <c r="E4094" s="6">
        <f t="shared" si="127"/>
        <v>0.11978568308000001</v>
      </c>
    </row>
    <row r="4095" spans="1:5" x14ac:dyDescent="0.25">
      <c r="A4095" s="1">
        <v>43726.458333333336</v>
      </c>
      <c r="B4095" s="2">
        <v>26.6</v>
      </c>
      <c r="C4095">
        <v>2.8030599999999999</v>
      </c>
      <c r="D4095">
        <f t="shared" si="126"/>
        <v>2.80306E-3</v>
      </c>
      <c r="E4095" s="6">
        <f t="shared" si="127"/>
        <v>7.4561396000000002E-2</v>
      </c>
    </row>
    <row r="4096" spans="1:5" x14ac:dyDescent="0.25">
      <c r="A4096" s="1">
        <v>43726.5</v>
      </c>
      <c r="B4096" s="2">
        <v>28.7</v>
      </c>
      <c r="C4096">
        <v>3.744326</v>
      </c>
      <c r="D4096">
        <f t="shared" si="126"/>
        <v>3.7443260000000001E-3</v>
      </c>
      <c r="E4096" s="6">
        <f t="shared" si="127"/>
        <v>0.10746215620000001</v>
      </c>
    </row>
    <row r="4097" spans="1:5" x14ac:dyDescent="0.25">
      <c r="A4097" s="1">
        <v>43726.541666666664</v>
      </c>
      <c r="B4097" s="2">
        <v>36.57</v>
      </c>
      <c r="C4097">
        <v>2.8882330000000001</v>
      </c>
      <c r="D4097">
        <f t="shared" si="126"/>
        <v>2.888233E-3</v>
      </c>
      <c r="E4097" s="6">
        <f t="shared" si="127"/>
        <v>0.10562268081000001</v>
      </c>
    </row>
    <row r="4098" spans="1:5" x14ac:dyDescent="0.25">
      <c r="A4098" s="1">
        <v>43726.583333333336</v>
      </c>
      <c r="B4098" s="2">
        <v>40.159999999999997</v>
      </c>
      <c r="C4098">
        <v>5.2827330000000003</v>
      </c>
      <c r="D4098">
        <f t="shared" si="126"/>
        <v>5.2827330000000004E-3</v>
      </c>
      <c r="E4098" s="6">
        <f t="shared" si="127"/>
        <v>0.21215455727999999</v>
      </c>
    </row>
    <row r="4099" spans="1:5" x14ac:dyDescent="0.25">
      <c r="A4099" s="1">
        <v>43726.625</v>
      </c>
      <c r="B4099" s="2">
        <v>47.65</v>
      </c>
      <c r="C4099">
        <v>3.4908600000000001</v>
      </c>
      <c r="D4099">
        <f t="shared" si="126"/>
        <v>3.4908600000000001E-3</v>
      </c>
      <c r="E4099" s="6">
        <f t="shared" si="127"/>
        <v>0.16633947900000001</v>
      </c>
    </row>
    <row r="4100" spans="1:5" x14ac:dyDescent="0.25">
      <c r="A4100" s="1">
        <v>43726.666666666664</v>
      </c>
      <c r="B4100" s="2">
        <v>51.61</v>
      </c>
      <c r="C4100">
        <v>3.4730239999999997</v>
      </c>
      <c r="D4100">
        <f t="shared" si="126"/>
        <v>3.4730239999999995E-3</v>
      </c>
      <c r="E4100" s="6">
        <f t="shared" si="127"/>
        <v>0.17924276863999997</v>
      </c>
    </row>
    <row r="4101" spans="1:5" x14ac:dyDescent="0.25">
      <c r="A4101" s="1">
        <v>43726.708333333336</v>
      </c>
      <c r="B4101" s="2">
        <v>47.14</v>
      </c>
      <c r="C4101">
        <v>1.3502590000000001</v>
      </c>
      <c r="D4101">
        <f t="shared" si="126"/>
        <v>1.3502590000000001E-3</v>
      </c>
      <c r="E4101" s="6">
        <f t="shared" si="127"/>
        <v>6.3651209260000008E-2</v>
      </c>
    </row>
    <row r="4102" spans="1:5" x14ac:dyDescent="0.25">
      <c r="A4102" s="1">
        <v>43726.75</v>
      </c>
      <c r="B4102" s="2">
        <v>36.9</v>
      </c>
      <c r="C4102">
        <v>1.1372460000000002</v>
      </c>
      <c r="D4102">
        <f t="shared" ref="D4102:D4165" si="128">C4102/1000</f>
        <v>1.1372460000000002E-3</v>
      </c>
      <c r="E4102" s="6">
        <f t="shared" ref="E4102:E4165" si="129">D4102*B4102</f>
        <v>4.1964377400000002E-2</v>
      </c>
    </row>
    <row r="4103" spans="1:5" x14ac:dyDescent="0.25">
      <c r="A4103" s="1">
        <v>43726.791666666664</v>
      </c>
      <c r="B4103" s="2">
        <v>33.19</v>
      </c>
      <c r="C4103">
        <v>0</v>
      </c>
      <c r="D4103">
        <f t="shared" si="128"/>
        <v>0</v>
      </c>
      <c r="E4103" s="6">
        <f t="shared" si="129"/>
        <v>0</v>
      </c>
    </row>
    <row r="4104" spans="1:5" x14ac:dyDescent="0.25">
      <c r="A4104" s="1">
        <v>43726.833333333336</v>
      </c>
      <c r="B4104" s="2">
        <v>28.8</v>
      </c>
      <c r="C4104">
        <v>0</v>
      </c>
      <c r="D4104">
        <f t="shared" si="128"/>
        <v>0</v>
      </c>
      <c r="E4104" s="6">
        <f t="shared" si="129"/>
        <v>0</v>
      </c>
    </row>
    <row r="4105" spans="1:5" x14ac:dyDescent="0.25">
      <c r="A4105" s="1">
        <v>43726.875</v>
      </c>
      <c r="B4105" s="2">
        <v>24.56</v>
      </c>
      <c r="C4105">
        <v>0</v>
      </c>
      <c r="D4105">
        <f t="shared" si="128"/>
        <v>0</v>
      </c>
      <c r="E4105" s="6">
        <f t="shared" si="129"/>
        <v>0</v>
      </c>
    </row>
    <row r="4106" spans="1:5" x14ac:dyDescent="0.25">
      <c r="A4106" s="1">
        <v>43726.916666666664</v>
      </c>
      <c r="B4106" s="2">
        <v>22.48</v>
      </c>
      <c r="C4106">
        <v>0</v>
      </c>
      <c r="D4106">
        <f t="shared" si="128"/>
        <v>0</v>
      </c>
      <c r="E4106" s="6">
        <f t="shared" si="129"/>
        <v>0</v>
      </c>
    </row>
    <row r="4107" spans="1:5" x14ac:dyDescent="0.25">
      <c r="A4107" s="1">
        <v>43726.958333333336</v>
      </c>
      <c r="B4107" s="2">
        <v>20.57</v>
      </c>
      <c r="C4107">
        <v>0</v>
      </c>
      <c r="D4107">
        <f t="shared" si="128"/>
        <v>0</v>
      </c>
      <c r="E4107" s="6">
        <f t="shared" si="129"/>
        <v>0</v>
      </c>
    </row>
    <row r="4108" spans="1:5" x14ac:dyDescent="0.25">
      <c r="A4108" s="1">
        <v>43727</v>
      </c>
      <c r="B4108" s="2">
        <v>18.100000000000001</v>
      </c>
      <c r="C4108">
        <v>0</v>
      </c>
      <c r="D4108">
        <f t="shared" si="128"/>
        <v>0</v>
      </c>
      <c r="E4108" s="6">
        <f t="shared" si="129"/>
        <v>0</v>
      </c>
    </row>
    <row r="4109" spans="1:5" x14ac:dyDescent="0.25">
      <c r="A4109" s="1">
        <v>43727.041666666664</v>
      </c>
      <c r="B4109" s="2">
        <v>17.59</v>
      </c>
      <c r="C4109">
        <v>0</v>
      </c>
      <c r="D4109">
        <f t="shared" si="128"/>
        <v>0</v>
      </c>
      <c r="E4109" s="6">
        <f t="shared" si="129"/>
        <v>0</v>
      </c>
    </row>
    <row r="4110" spans="1:5" x14ac:dyDescent="0.25">
      <c r="A4110" s="1">
        <v>43727.083333333336</v>
      </c>
      <c r="B4110" s="2">
        <v>16.66</v>
      </c>
      <c r="C4110">
        <v>0</v>
      </c>
      <c r="D4110">
        <f t="shared" si="128"/>
        <v>0</v>
      </c>
      <c r="E4110" s="6">
        <f t="shared" si="129"/>
        <v>0</v>
      </c>
    </row>
    <row r="4111" spans="1:5" x14ac:dyDescent="0.25">
      <c r="A4111" s="1">
        <v>43727.125</v>
      </c>
      <c r="B4111" s="2">
        <v>16.170000000000002</v>
      </c>
      <c r="C4111">
        <v>0</v>
      </c>
      <c r="D4111">
        <f t="shared" si="128"/>
        <v>0</v>
      </c>
      <c r="E4111" s="6">
        <f t="shared" si="129"/>
        <v>0</v>
      </c>
    </row>
    <row r="4112" spans="1:5" x14ac:dyDescent="0.25">
      <c r="A4112" s="1">
        <v>43727.166666666664</v>
      </c>
      <c r="B4112" s="2">
        <v>16.75</v>
      </c>
      <c r="C4112">
        <v>0</v>
      </c>
      <c r="D4112">
        <f t="shared" si="128"/>
        <v>0</v>
      </c>
      <c r="E4112" s="6">
        <f t="shared" si="129"/>
        <v>0</v>
      </c>
    </row>
    <row r="4113" spans="1:5" x14ac:dyDescent="0.25">
      <c r="A4113" s="1">
        <v>43727.208333333336</v>
      </c>
      <c r="B4113" s="2">
        <v>18.04</v>
      </c>
      <c r="C4113">
        <v>0</v>
      </c>
      <c r="D4113">
        <f t="shared" si="128"/>
        <v>0</v>
      </c>
      <c r="E4113" s="6">
        <f t="shared" si="129"/>
        <v>0</v>
      </c>
    </row>
    <row r="4114" spans="1:5" x14ac:dyDescent="0.25">
      <c r="A4114" s="1">
        <v>43727.25</v>
      </c>
      <c r="B4114" s="2">
        <v>21.69</v>
      </c>
      <c r="C4114">
        <v>0</v>
      </c>
      <c r="D4114">
        <f t="shared" si="128"/>
        <v>0</v>
      </c>
      <c r="E4114" s="6">
        <f t="shared" si="129"/>
        <v>0</v>
      </c>
    </row>
    <row r="4115" spans="1:5" x14ac:dyDescent="0.25">
      <c r="A4115" s="1">
        <v>43727.291666666664</v>
      </c>
      <c r="B4115" s="2">
        <v>22.02</v>
      </c>
      <c r="C4115">
        <v>2.2704999999999999E-2</v>
      </c>
      <c r="D4115">
        <f t="shared" si="128"/>
        <v>2.2705E-5</v>
      </c>
      <c r="E4115" s="6">
        <f t="shared" si="129"/>
        <v>4.9996410000000002E-4</v>
      </c>
    </row>
    <row r="4116" spans="1:5" x14ac:dyDescent="0.25">
      <c r="A4116" s="1">
        <v>43727.333333333336</v>
      </c>
      <c r="B4116" s="2">
        <v>22.17</v>
      </c>
      <c r="C4116">
        <v>1.3468089999999999</v>
      </c>
      <c r="D4116">
        <f t="shared" si="128"/>
        <v>1.346809E-3</v>
      </c>
      <c r="E4116" s="6">
        <f t="shared" si="129"/>
        <v>2.9858755530000003E-2</v>
      </c>
    </row>
    <row r="4117" spans="1:5" x14ac:dyDescent="0.25">
      <c r="A4117" s="1">
        <v>43727.375</v>
      </c>
      <c r="B4117" s="2">
        <v>23.19</v>
      </c>
      <c r="C4117">
        <v>2.896468</v>
      </c>
      <c r="D4117">
        <f t="shared" si="128"/>
        <v>2.8964680000000001E-3</v>
      </c>
      <c r="E4117" s="6">
        <f t="shared" si="129"/>
        <v>6.7169092920000006E-2</v>
      </c>
    </row>
    <row r="4118" spans="1:5" x14ac:dyDescent="0.25">
      <c r="A4118" s="1">
        <v>43727.416666666664</v>
      </c>
      <c r="B4118" s="2">
        <v>24.46</v>
      </c>
      <c r="C4118">
        <v>3.7052000000000002E-2</v>
      </c>
      <c r="D4118">
        <f t="shared" si="128"/>
        <v>3.7052000000000004E-5</v>
      </c>
      <c r="E4118" s="6">
        <f t="shared" si="129"/>
        <v>9.0629192000000016E-4</v>
      </c>
    </row>
    <row r="4119" spans="1:5" x14ac:dyDescent="0.25">
      <c r="A4119" s="1">
        <v>43727.458333333336</v>
      </c>
      <c r="B4119" s="2">
        <v>26.45</v>
      </c>
      <c r="C4119">
        <v>1.8325979999999999</v>
      </c>
      <c r="D4119">
        <f t="shared" si="128"/>
        <v>1.832598E-3</v>
      </c>
      <c r="E4119" s="6">
        <f t="shared" si="129"/>
        <v>4.8472217099999999E-2</v>
      </c>
    </row>
    <row r="4120" spans="1:5" x14ac:dyDescent="0.25">
      <c r="A4120" s="1">
        <v>43727.5</v>
      </c>
      <c r="B4120" s="2">
        <v>27.88</v>
      </c>
      <c r="C4120">
        <v>3.0879799999999999</v>
      </c>
      <c r="D4120">
        <f t="shared" si="128"/>
        <v>3.0879800000000002E-3</v>
      </c>
      <c r="E4120" s="6">
        <f t="shared" si="129"/>
        <v>8.6092882400000001E-2</v>
      </c>
    </row>
    <row r="4121" spans="1:5" x14ac:dyDescent="0.25">
      <c r="A4121" s="1">
        <v>43727.541666666664</v>
      </c>
      <c r="B4121" s="2">
        <v>34.85</v>
      </c>
      <c r="C4121">
        <v>5.1821510000000002</v>
      </c>
      <c r="D4121">
        <f t="shared" si="128"/>
        <v>5.1821510000000003E-3</v>
      </c>
      <c r="E4121" s="6">
        <f t="shared" si="129"/>
        <v>0.18059796235000003</v>
      </c>
    </row>
    <row r="4122" spans="1:5" x14ac:dyDescent="0.25">
      <c r="A4122" s="1">
        <v>43727.583333333336</v>
      </c>
      <c r="B4122" s="2">
        <v>38.18</v>
      </c>
      <c r="C4122">
        <v>4.9595180000000001</v>
      </c>
      <c r="D4122">
        <f t="shared" si="128"/>
        <v>4.9595180000000004E-3</v>
      </c>
      <c r="E4122" s="6">
        <f t="shared" si="129"/>
        <v>0.18935439724000003</v>
      </c>
    </row>
    <row r="4123" spans="1:5" x14ac:dyDescent="0.25">
      <c r="A4123" s="1">
        <v>43727.625</v>
      </c>
      <c r="B4123" s="2">
        <v>43.94</v>
      </c>
      <c r="C4123">
        <v>5.4170410000000002</v>
      </c>
      <c r="D4123">
        <f t="shared" si="128"/>
        <v>5.417041E-3</v>
      </c>
      <c r="E4123" s="6">
        <f t="shared" si="129"/>
        <v>0.23802478153999998</v>
      </c>
    </row>
    <row r="4124" spans="1:5" x14ac:dyDescent="0.25">
      <c r="A4124" s="1">
        <v>43727.666666666664</v>
      </c>
      <c r="B4124" s="2">
        <v>47.84</v>
      </c>
      <c r="C4124">
        <v>4.2422560000000002</v>
      </c>
      <c r="D4124">
        <f t="shared" si="128"/>
        <v>4.2422560000000007E-3</v>
      </c>
      <c r="E4124" s="6">
        <f t="shared" si="129"/>
        <v>0.20294952704000005</v>
      </c>
    </row>
    <row r="4125" spans="1:5" x14ac:dyDescent="0.25">
      <c r="A4125" s="1">
        <v>43727.708333333336</v>
      </c>
      <c r="B4125" s="2">
        <v>43.26</v>
      </c>
      <c r="C4125">
        <v>2.7324499999999996</v>
      </c>
      <c r="D4125">
        <f t="shared" si="128"/>
        <v>2.7324499999999995E-3</v>
      </c>
      <c r="E4125" s="6">
        <f t="shared" si="129"/>
        <v>0.11820578699999998</v>
      </c>
    </row>
    <row r="4126" spans="1:5" x14ac:dyDescent="0.25">
      <c r="A4126" s="1">
        <v>43727.75</v>
      </c>
      <c r="B4126" s="2">
        <v>35.53</v>
      </c>
      <c r="C4126">
        <v>0.875054</v>
      </c>
      <c r="D4126">
        <f t="shared" si="128"/>
        <v>8.75054E-4</v>
      </c>
      <c r="E4126" s="6">
        <f t="shared" si="129"/>
        <v>3.1090668620000001E-2</v>
      </c>
    </row>
    <row r="4127" spans="1:5" x14ac:dyDescent="0.25">
      <c r="A4127" s="1">
        <v>43727.791666666664</v>
      </c>
      <c r="B4127" s="2">
        <v>31.35</v>
      </c>
      <c r="C4127">
        <v>0</v>
      </c>
      <c r="D4127">
        <f t="shared" si="128"/>
        <v>0</v>
      </c>
      <c r="E4127" s="6">
        <f t="shared" si="129"/>
        <v>0</v>
      </c>
    </row>
    <row r="4128" spans="1:5" x14ac:dyDescent="0.25">
      <c r="A4128" s="1">
        <v>43727.833333333336</v>
      </c>
      <c r="B4128" s="2">
        <v>28.74</v>
      </c>
      <c r="C4128">
        <v>0</v>
      </c>
      <c r="D4128">
        <f t="shared" si="128"/>
        <v>0</v>
      </c>
      <c r="E4128" s="6">
        <f t="shared" si="129"/>
        <v>0</v>
      </c>
    </row>
    <row r="4129" spans="1:5" x14ac:dyDescent="0.25">
      <c r="A4129" s="1">
        <v>43727.875</v>
      </c>
      <c r="B4129" s="2">
        <v>24.73</v>
      </c>
      <c r="C4129">
        <v>0</v>
      </c>
      <c r="D4129">
        <f t="shared" si="128"/>
        <v>0</v>
      </c>
      <c r="E4129" s="6">
        <f t="shared" si="129"/>
        <v>0</v>
      </c>
    </row>
    <row r="4130" spans="1:5" x14ac:dyDescent="0.25">
      <c r="A4130" s="1">
        <v>43727.916666666664</v>
      </c>
      <c r="B4130" s="2">
        <v>22.3</v>
      </c>
      <c r="C4130">
        <v>0</v>
      </c>
      <c r="D4130">
        <f t="shared" si="128"/>
        <v>0</v>
      </c>
      <c r="E4130" s="6">
        <f t="shared" si="129"/>
        <v>0</v>
      </c>
    </row>
    <row r="4131" spans="1:5" x14ac:dyDescent="0.25">
      <c r="A4131" s="1">
        <v>43727.958333333336</v>
      </c>
      <c r="B4131" s="2">
        <v>20.16</v>
      </c>
      <c r="C4131">
        <v>0</v>
      </c>
      <c r="D4131">
        <f t="shared" si="128"/>
        <v>0</v>
      </c>
      <c r="E4131" s="6">
        <f t="shared" si="129"/>
        <v>0</v>
      </c>
    </row>
    <row r="4132" spans="1:5" x14ac:dyDescent="0.25">
      <c r="A4132" s="1">
        <v>43728</v>
      </c>
      <c r="B4132" s="2">
        <v>18.38</v>
      </c>
      <c r="C4132">
        <v>0</v>
      </c>
      <c r="D4132">
        <f t="shared" si="128"/>
        <v>0</v>
      </c>
      <c r="E4132" s="6">
        <f t="shared" si="129"/>
        <v>0</v>
      </c>
    </row>
    <row r="4133" spans="1:5" x14ac:dyDescent="0.25">
      <c r="A4133" s="1">
        <v>43728.041666666664</v>
      </c>
      <c r="B4133" s="2">
        <v>17.72</v>
      </c>
      <c r="C4133">
        <v>0</v>
      </c>
      <c r="D4133">
        <f t="shared" si="128"/>
        <v>0</v>
      </c>
      <c r="E4133" s="6">
        <f t="shared" si="129"/>
        <v>0</v>
      </c>
    </row>
    <row r="4134" spans="1:5" x14ac:dyDescent="0.25">
      <c r="A4134" s="1">
        <v>43728.083333333336</v>
      </c>
      <c r="B4134" s="2">
        <v>16.72</v>
      </c>
      <c r="C4134">
        <v>0</v>
      </c>
      <c r="D4134">
        <f t="shared" si="128"/>
        <v>0</v>
      </c>
      <c r="E4134" s="6">
        <f t="shared" si="129"/>
        <v>0</v>
      </c>
    </row>
    <row r="4135" spans="1:5" x14ac:dyDescent="0.25">
      <c r="A4135" s="1">
        <v>43728.125</v>
      </c>
      <c r="B4135" s="2">
        <v>16.010000000000002</v>
      </c>
      <c r="C4135">
        <v>0</v>
      </c>
      <c r="D4135">
        <f t="shared" si="128"/>
        <v>0</v>
      </c>
      <c r="E4135" s="6">
        <f t="shared" si="129"/>
        <v>0</v>
      </c>
    </row>
    <row r="4136" spans="1:5" x14ac:dyDescent="0.25">
      <c r="A4136" s="1">
        <v>43728.166666666664</v>
      </c>
      <c r="B4136" s="2">
        <v>16.510000000000002</v>
      </c>
      <c r="C4136">
        <v>0</v>
      </c>
      <c r="D4136">
        <f t="shared" si="128"/>
        <v>0</v>
      </c>
      <c r="E4136" s="6">
        <f t="shared" si="129"/>
        <v>0</v>
      </c>
    </row>
    <row r="4137" spans="1:5" x14ac:dyDescent="0.25">
      <c r="A4137" s="1">
        <v>43728.208333333336</v>
      </c>
      <c r="B4137" s="2">
        <v>18.47</v>
      </c>
      <c r="C4137">
        <v>0</v>
      </c>
      <c r="D4137">
        <f t="shared" si="128"/>
        <v>0</v>
      </c>
      <c r="E4137" s="6">
        <f t="shared" si="129"/>
        <v>0</v>
      </c>
    </row>
    <row r="4138" spans="1:5" x14ac:dyDescent="0.25">
      <c r="A4138" s="1">
        <v>43728.25</v>
      </c>
      <c r="B4138" s="2">
        <v>21.51</v>
      </c>
      <c r="C4138">
        <v>0</v>
      </c>
      <c r="D4138">
        <f t="shared" si="128"/>
        <v>0</v>
      </c>
      <c r="E4138" s="6">
        <f t="shared" si="129"/>
        <v>0</v>
      </c>
    </row>
    <row r="4139" spans="1:5" x14ac:dyDescent="0.25">
      <c r="A4139" s="1">
        <v>43728.291666666664</v>
      </c>
      <c r="B4139" s="2">
        <v>21.94</v>
      </c>
      <c r="C4139">
        <v>5.2790999999999998E-2</v>
      </c>
      <c r="D4139">
        <f t="shared" si="128"/>
        <v>5.2790999999999997E-5</v>
      </c>
      <c r="E4139" s="6">
        <f t="shared" si="129"/>
        <v>1.15823454E-3</v>
      </c>
    </row>
    <row r="4140" spans="1:5" x14ac:dyDescent="0.25">
      <c r="A4140" s="1">
        <v>43728.333333333336</v>
      </c>
      <c r="B4140" s="2">
        <v>22.35</v>
      </c>
      <c r="C4140">
        <v>1.4240660000000001</v>
      </c>
      <c r="D4140">
        <f t="shared" si="128"/>
        <v>1.4240660000000001E-3</v>
      </c>
      <c r="E4140" s="6">
        <f t="shared" si="129"/>
        <v>3.1827875100000007E-2</v>
      </c>
    </row>
    <row r="4141" spans="1:5" x14ac:dyDescent="0.25">
      <c r="A4141" s="1">
        <v>43728.375</v>
      </c>
      <c r="B4141" s="2">
        <v>23.63</v>
      </c>
      <c r="C4141">
        <v>3.326241</v>
      </c>
      <c r="D4141">
        <f t="shared" si="128"/>
        <v>3.3262410000000002E-3</v>
      </c>
      <c r="E4141" s="6">
        <f t="shared" si="129"/>
        <v>7.8599074830000004E-2</v>
      </c>
    </row>
    <row r="4142" spans="1:5" x14ac:dyDescent="0.25">
      <c r="A4142" s="1">
        <v>43728.416666666664</v>
      </c>
      <c r="B4142" s="2">
        <v>24.49</v>
      </c>
      <c r="C4142">
        <v>4.9024660000000004</v>
      </c>
      <c r="D4142">
        <f t="shared" si="128"/>
        <v>4.9024660000000003E-3</v>
      </c>
      <c r="E4142" s="6">
        <f t="shared" si="129"/>
        <v>0.12006139234</v>
      </c>
    </row>
    <row r="4143" spans="1:5" x14ac:dyDescent="0.25">
      <c r="A4143" s="1">
        <v>43728.458333333336</v>
      </c>
      <c r="B4143" s="2">
        <v>26.47</v>
      </c>
      <c r="C4143">
        <v>5.9790410000000005</v>
      </c>
      <c r="D4143">
        <f t="shared" si="128"/>
        <v>5.9790410000000009E-3</v>
      </c>
      <c r="E4143" s="6">
        <f t="shared" si="129"/>
        <v>0.15826521527000001</v>
      </c>
    </row>
    <row r="4144" spans="1:5" x14ac:dyDescent="0.25">
      <c r="A4144" s="1">
        <v>43728.5</v>
      </c>
      <c r="B4144" s="2">
        <v>29.17</v>
      </c>
      <c r="C4144">
        <v>3.8086039999999999</v>
      </c>
      <c r="D4144">
        <f t="shared" si="128"/>
        <v>3.8086039999999997E-3</v>
      </c>
      <c r="E4144" s="6">
        <f t="shared" si="129"/>
        <v>0.11109697868</v>
      </c>
    </row>
    <row r="4145" spans="1:5" x14ac:dyDescent="0.25">
      <c r="A4145" s="1">
        <v>43728.541666666664</v>
      </c>
      <c r="B4145" s="2">
        <v>33.65</v>
      </c>
      <c r="C4145">
        <v>5.2056789999999999</v>
      </c>
      <c r="D4145">
        <f t="shared" si="128"/>
        <v>5.2056789999999995E-3</v>
      </c>
      <c r="E4145" s="6">
        <f t="shared" si="129"/>
        <v>0.17517109834999997</v>
      </c>
    </row>
    <row r="4146" spans="1:5" x14ac:dyDescent="0.25">
      <c r="A4146" s="1">
        <v>43728.583333333336</v>
      </c>
      <c r="B4146" s="2">
        <v>38.85</v>
      </c>
      <c r="C4146">
        <v>4.9622200000000003</v>
      </c>
      <c r="D4146">
        <f t="shared" si="128"/>
        <v>4.9622200000000007E-3</v>
      </c>
      <c r="E4146" s="6">
        <f t="shared" si="129"/>
        <v>0.19278224700000005</v>
      </c>
    </row>
    <row r="4147" spans="1:5" x14ac:dyDescent="0.25">
      <c r="A4147" s="1">
        <v>43728.625</v>
      </c>
      <c r="B4147" s="2">
        <v>44.87</v>
      </c>
      <c r="C4147">
        <v>3.1717080000000002</v>
      </c>
      <c r="D4147">
        <f t="shared" si="128"/>
        <v>3.1717080000000001E-3</v>
      </c>
      <c r="E4147" s="6">
        <f t="shared" si="129"/>
        <v>0.14231453795999999</v>
      </c>
    </row>
    <row r="4148" spans="1:5" x14ac:dyDescent="0.25">
      <c r="A4148" s="1">
        <v>43728.666666666664</v>
      </c>
      <c r="B4148" s="2">
        <v>49.19</v>
      </c>
      <c r="C4148">
        <v>3.4310900000000002</v>
      </c>
      <c r="D4148">
        <f t="shared" si="128"/>
        <v>3.4310900000000004E-3</v>
      </c>
      <c r="E4148" s="6">
        <f t="shared" si="129"/>
        <v>0.16877531710000002</v>
      </c>
    </row>
    <row r="4149" spans="1:5" x14ac:dyDescent="0.25">
      <c r="A4149" s="1">
        <v>43728.708333333336</v>
      </c>
      <c r="B4149" s="2">
        <v>43.25</v>
      </c>
      <c r="C4149">
        <v>0.773698</v>
      </c>
      <c r="D4149">
        <f t="shared" si="128"/>
        <v>7.7369799999999996E-4</v>
      </c>
      <c r="E4149" s="6">
        <f t="shared" si="129"/>
        <v>3.3462438499999997E-2</v>
      </c>
    </row>
    <row r="4150" spans="1:5" x14ac:dyDescent="0.25">
      <c r="A4150" s="1">
        <v>43728.75</v>
      </c>
      <c r="B4150" s="2">
        <v>33.99</v>
      </c>
      <c r="C4150">
        <v>0.59354899999999999</v>
      </c>
      <c r="D4150">
        <f t="shared" si="128"/>
        <v>5.9354899999999996E-4</v>
      </c>
      <c r="E4150" s="6">
        <f t="shared" si="129"/>
        <v>2.0174730509999999E-2</v>
      </c>
    </row>
    <row r="4151" spans="1:5" x14ac:dyDescent="0.25">
      <c r="A4151" s="1">
        <v>43728.791666666664</v>
      </c>
      <c r="B4151" s="2">
        <v>30.34</v>
      </c>
      <c r="C4151">
        <v>0</v>
      </c>
      <c r="D4151">
        <f t="shared" si="128"/>
        <v>0</v>
      </c>
      <c r="E4151" s="6">
        <f t="shared" si="129"/>
        <v>0</v>
      </c>
    </row>
    <row r="4152" spans="1:5" x14ac:dyDescent="0.25">
      <c r="A4152" s="1">
        <v>43728.833333333336</v>
      </c>
      <c r="B4152" s="2">
        <v>28.13</v>
      </c>
      <c r="C4152">
        <v>0</v>
      </c>
      <c r="D4152">
        <f t="shared" si="128"/>
        <v>0</v>
      </c>
      <c r="E4152" s="6">
        <f t="shared" si="129"/>
        <v>0</v>
      </c>
    </row>
    <row r="4153" spans="1:5" x14ac:dyDescent="0.25">
      <c r="A4153" s="1">
        <v>43728.875</v>
      </c>
      <c r="B4153" s="2">
        <v>24.08</v>
      </c>
      <c r="C4153">
        <v>0</v>
      </c>
      <c r="D4153">
        <f t="shared" si="128"/>
        <v>0</v>
      </c>
      <c r="E4153" s="6">
        <f t="shared" si="129"/>
        <v>0</v>
      </c>
    </row>
    <row r="4154" spans="1:5" x14ac:dyDescent="0.25">
      <c r="A4154" s="1">
        <v>43728.916666666664</v>
      </c>
      <c r="B4154" s="2">
        <v>22.28</v>
      </c>
      <c r="C4154">
        <v>0</v>
      </c>
      <c r="D4154">
        <f t="shared" si="128"/>
        <v>0</v>
      </c>
      <c r="E4154" s="6">
        <f t="shared" si="129"/>
        <v>0</v>
      </c>
    </row>
    <row r="4155" spans="1:5" x14ac:dyDescent="0.25">
      <c r="A4155" s="1">
        <v>43728.958333333336</v>
      </c>
      <c r="B4155" s="2">
        <v>20.260000000000002</v>
      </c>
      <c r="C4155">
        <v>0</v>
      </c>
      <c r="D4155">
        <f t="shared" si="128"/>
        <v>0</v>
      </c>
      <c r="E4155" s="6">
        <f t="shared" si="129"/>
        <v>0</v>
      </c>
    </row>
    <row r="4156" spans="1:5" x14ac:dyDescent="0.25">
      <c r="A4156" s="1">
        <v>43729</v>
      </c>
      <c r="B4156" s="2">
        <v>19.07</v>
      </c>
      <c r="C4156">
        <v>0</v>
      </c>
      <c r="D4156">
        <f t="shared" si="128"/>
        <v>0</v>
      </c>
      <c r="E4156" s="6">
        <f t="shared" si="129"/>
        <v>0</v>
      </c>
    </row>
    <row r="4157" spans="1:5" x14ac:dyDescent="0.25">
      <c r="A4157" s="1">
        <v>43729.041666666664</v>
      </c>
      <c r="B4157" s="2">
        <v>18.52</v>
      </c>
      <c r="C4157">
        <v>0</v>
      </c>
      <c r="D4157">
        <f t="shared" si="128"/>
        <v>0</v>
      </c>
      <c r="E4157" s="6">
        <f t="shared" si="129"/>
        <v>0</v>
      </c>
    </row>
    <row r="4158" spans="1:5" x14ac:dyDescent="0.25">
      <c r="A4158" s="1">
        <v>43729.083333333336</v>
      </c>
      <c r="B4158" s="2">
        <v>17.57</v>
      </c>
      <c r="C4158">
        <v>0</v>
      </c>
      <c r="D4158">
        <f t="shared" si="128"/>
        <v>0</v>
      </c>
      <c r="E4158" s="6">
        <f t="shared" si="129"/>
        <v>0</v>
      </c>
    </row>
    <row r="4159" spans="1:5" x14ac:dyDescent="0.25">
      <c r="A4159" s="1">
        <v>43729.125</v>
      </c>
      <c r="B4159" s="2">
        <v>16.62</v>
      </c>
      <c r="C4159">
        <v>0</v>
      </c>
      <c r="D4159">
        <f t="shared" si="128"/>
        <v>0</v>
      </c>
      <c r="E4159" s="6">
        <f t="shared" si="129"/>
        <v>0</v>
      </c>
    </row>
    <row r="4160" spans="1:5" x14ac:dyDescent="0.25">
      <c r="A4160" s="1">
        <v>43729.166666666664</v>
      </c>
      <c r="B4160" s="2">
        <v>16.18</v>
      </c>
      <c r="C4160">
        <v>0</v>
      </c>
      <c r="D4160">
        <f t="shared" si="128"/>
        <v>0</v>
      </c>
      <c r="E4160" s="6">
        <f t="shared" si="129"/>
        <v>0</v>
      </c>
    </row>
    <row r="4161" spans="1:5" x14ac:dyDescent="0.25">
      <c r="A4161" s="1">
        <v>43729.208333333336</v>
      </c>
      <c r="B4161" s="2">
        <v>17.16</v>
      </c>
      <c r="C4161">
        <v>0</v>
      </c>
      <c r="D4161">
        <f t="shared" si="128"/>
        <v>0</v>
      </c>
      <c r="E4161" s="6">
        <f t="shared" si="129"/>
        <v>0</v>
      </c>
    </row>
    <row r="4162" spans="1:5" x14ac:dyDescent="0.25">
      <c r="A4162" s="1">
        <v>43729.25</v>
      </c>
      <c r="B4162" s="2">
        <v>18.41</v>
      </c>
      <c r="C4162">
        <v>0</v>
      </c>
      <c r="D4162">
        <f t="shared" si="128"/>
        <v>0</v>
      </c>
      <c r="E4162" s="6">
        <f t="shared" si="129"/>
        <v>0</v>
      </c>
    </row>
    <row r="4163" spans="1:5" x14ac:dyDescent="0.25">
      <c r="A4163" s="1">
        <v>43729.291666666664</v>
      </c>
      <c r="B4163" s="2">
        <v>18.77</v>
      </c>
      <c r="C4163">
        <v>0</v>
      </c>
      <c r="D4163">
        <f t="shared" si="128"/>
        <v>0</v>
      </c>
      <c r="E4163" s="6">
        <f t="shared" si="129"/>
        <v>0</v>
      </c>
    </row>
    <row r="4164" spans="1:5" x14ac:dyDescent="0.25">
      <c r="A4164" s="1">
        <v>43729.333333333336</v>
      </c>
      <c r="B4164" s="2">
        <v>20.27</v>
      </c>
      <c r="C4164">
        <v>0.742672</v>
      </c>
      <c r="D4164">
        <f t="shared" si="128"/>
        <v>7.4267199999999999E-4</v>
      </c>
      <c r="E4164" s="6">
        <f t="shared" si="129"/>
        <v>1.5053961439999999E-2</v>
      </c>
    </row>
    <row r="4165" spans="1:5" x14ac:dyDescent="0.25">
      <c r="A4165" s="1">
        <v>43729.375</v>
      </c>
      <c r="B4165" s="2">
        <v>21.98</v>
      </c>
      <c r="C4165">
        <v>0.93817200000000001</v>
      </c>
      <c r="D4165">
        <f t="shared" si="128"/>
        <v>9.3817200000000003E-4</v>
      </c>
      <c r="E4165" s="6">
        <f t="shared" si="129"/>
        <v>2.0621020560000002E-2</v>
      </c>
    </row>
    <row r="4166" spans="1:5" x14ac:dyDescent="0.25">
      <c r="A4166" s="1">
        <v>43729.416666666664</v>
      </c>
      <c r="B4166" s="2">
        <v>22.29</v>
      </c>
      <c r="C4166">
        <v>3.1323099999999999</v>
      </c>
      <c r="D4166">
        <f t="shared" ref="D4166:D4229" si="130">C4166/1000</f>
        <v>3.1323100000000001E-3</v>
      </c>
      <c r="E4166" s="6">
        <f t="shared" ref="E4166:E4229" si="131">D4166*B4166</f>
        <v>6.9819189899999995E-2</v>
      </c>
    </row>
    <row r="4167" spans="1:5" x14ac:dyDescent="0.25">
      <c r="A4167" s="1">
        <v>43729.458333333336</v>
      </c>
      <c r="B4167" s="2">
        <v>24.05</v>
      </c>
      <c r="C4167">
        <v>3.4332769999999999</v>
      </c>
      <c r="D4167">
        <f t="shared" si="130"/>
        <v>3.4332769999999998E-3</v>
      </c>
      <c r="E4167" s="6">
        <f t="shared" si="131"/>
        <v>8.2570311849999994E-2</v>
      </c>
    </row>
    <row r="4168" spans="1:5" x14ac:dyDescent="0.25">
      <c r="A4168" s="1">
        <v>43729.5</v>
      </c>
      <c r="B4168" s="2">
        <v>26.99</v>
      </c>
      <c r="C4168">
        <v>2.7994330000000001</v>
      </c>
      <c r="D4168">
        <f t="shared" si="130"/>
        <v>2.799433E-3</v>
      </c>
      <c r="E4168" s="6">
        <f t="shared" si="131"/>
        <v>7.5556696669999993E-2</v>
      </c>
    </row>
    <row r="4169" spans="1:5" x14ac:dyDescent="0.25">
      <c r="A4169" s="1">
        <v>43729.541666666664</v>
      </c>
      <c r="B4169" s="2">
        <v>31.14</v>
      </c>
      <c r="C4169">
        <v>4.0350520000000003</v>
      </c>
      <c r="D4169">
        <f t="shared" si="130"/>
        <v>4.0350519999999999E-3</v>
      </c>
      <c r="E4169" s="6">
        <f t="shared" si="131"/>
        <v>0.12565151928000001</v>
      </c>
    </row>
    <row r="4170" spans="1:5" x14ac:dyDescent="0.25">
      <c r="A4170" s="1">
        <v>43729.583333333336</v>
      </c>
      <c r="B4170" s="2">
        <v>35.31</v>
      </c>
      <c r="C4170">
        <v>2.4549540000000003</v>
      </c>
      <c r="D4170">
        <f t="shared" si="130"/>
        <v>2.4549540000000005E-3</v>
      </c>
      <c r="E4170" s="6">
        <f t="shared" si="131"/>
        <v>8.6684425740000029E-2</v>
      </c>
    </row>
    <row r="4171" spans="1:5" x14ac:dyDescent="0.25">
      <c r="A4171" s="1">
        <v>43729.625</v>
      </c>
      <c r="B4171" s="2">
        <v>40.880000000000003</v>
      </c>
      <c r="C4171">
        <v>3.067628</v>
      </c>
      <c r="D4171">
        <f t="shared" si="130"/>
        <v>3.0676280000000002E-3</v>
      </c>
      <c r="E4171" s="6">
        <f t="shared" si="131"/>
        <v>0.12540463264000001</v>
      </c>
    </row>
    <row r="4172" spans="1:5" x14ac:dyDescent="0.25">
      <c r="A4172" s="1">
        <v>43729.666666666664</v>
      </c>
      <c r="B4172" s="2">
        <v>45.75</v>
      </c>
      <c r="C4172">
        <v>3.7261599999999997</v>
      </c>
      <c r="D4172">
        <f t="shared" si="130"/>
        <v>3.7261599999999996E-3</v>
      </c>
      <c r="E4172" s="6">
        <f t="shared" si="131"/>
        <v>0.17047182</v>
      </c>
    </row>
    <row r="4173" spans="1:5" x14ac:dyDescent="0.25">
      <c r="A4173" s="1">
        <v>43729.708333333336</v>
      </c>
      <c r="B4173" s="2">
        <v>42.63</v>
      </c>
      <c r="C4173">
        <v>0.86943199999999998</v>
      </c>
      <c r="D4173">
        <f t="shared" si="130"/>
        <v>8.6943199999999995E-4</v>
      </c>
      <c r="E4173" s="6">
        <f t="shared" si="131"/>
        <v>3.7063886160000004E-2</v>
      </c>
    </row>
    <row r="4174" spans="1:5" x14ac:dyDescent="0.25">
      <c r="A4174" s="1">
        <v>43729.75</v>
      </c>
      <c r="B4174" s="2">
        <v>34.01</v>
      </c>
      <c r="C4174">
        <v>0.48663000000000001</v>
      </c>
      <c r="D4174">
        <f t="shared" si="130"/>
        <v>4.8662999999999999E-4</v>
      </c>
      <c r="E4174" s="6">
        <f t="shared" si="131"/>
        <v>1.6550286299999998E-2</v>
      </c>
    </row>
    <row r="4175" spans="1:5" x14ac:dyDescent="0.25">
      <c r="A4175" s="1">
        <v>43729.791666666664</v>
      </c>
      <c r="B4175" s="2">
        <v>31.49</v>
      </c>
      <c r="C4175">
        <v>0</v>
      </c>
      <c r="D4175">
        <f t="shared" si="130"/>
        <v>0</v>
      </c>
      <c r="E4175" s="6">
        <f t="shared" si="131"/>
        <v>0</v>
      </c>
    </row>
    <row r="4176" spans="1:5" x14ac:dyDescent="0.25">
      <c r="A4176" s="1">
        <v>43729.833333333336</v>
      </c>
      <c r="B4176" s="2">
        <v>28.07</v>
      </c>
      <c r="C4176">
        <v>0</v>
      </c>
      <c r="D4176">
        <f t="shared" si="130"/>
        <v>0</v>
      </c>
      <c r="E4176" s="6">
        <f t="shared" si="131"/>
        <v>0</v>
      </c>
    </row>
    <row r="4177" spans="1:5" x14ac:dyDescent="0.25">
      <c r="A4177" s="1">
        <v>43729.875</v>
      </c>
      <c r="B4177" s="2">
        <v>23.46</v>
      </c>
      <c r="C4177">
        <v>0</v>
      </c>
      <c r="D4177">
        <f t="shared" si="130"/>
        <v>0</v>
      </c>
      <c r="E4177" s="6">
        <f t="shared" si="131"/>
        <v>0</v>
      </c>
    </row>
    <row r="4178" spans="1:5" x14ac:dyDescent="0.25">
      <c r="A4178" s="1">
        <v>43729.916666666664</v>
      </c>
      <c r="B4178" s="2">
        <v>21.51</v>
      </c>
      <c r="C4178">
        <v>0</v>
      </c>
      <c r="D4178">
        <f t="shared" si="130"/>
        <v>0</v>
      </c>
      <c r="E4178" s="6">
        <f t="shared" si="131"/>
        <v>0</v>
      </c>
    </row>
    <row r="4179" spans="1:5" x14ac:dyDescent="0.25">
      <c r="A4179" s="1">
        <v>43729.958333333336</v>
      </c>
      <c r="B4179" s="2">
        <v>19.43</v>
      </c>
      <c r="C4179">
        <v>0</v>
      </c>
      <c r="D4179">
        <f t="shared" si="130"/>
        <v>0</v>
      </c>
      <c r="E4179" s="6">
        <f t="shared" si="131"/>
        <v>0</v>
      </c>
    </row>
    <row r="4180" spans="1:5" x14ac:dyDescent="0.25">
      <c r="A4180" s="1">
        <v>43730</v>
      </c>
      <c r="B4180" s="2">
        <v>18.52</v>
      </c>
      <c r="C4180">
        <v>0</v>
      </c>
      <c r="D4180">
        <f t="shared" si="130"/>
        <v>0</v>
      </c>
      <c r="E4180" s="6">
        <f t="shared" si="131"/>
        <v>0</v>
      </c>
    </row>
    <row r="4181" spans="1:5" x14ac:dyDescent="0.25">
      <c r="A4181" s="1">
        <v>43730.041666666664</v>
      </c>
      <c r="B4181" s="2">
        <v>17.52</v>
      </c>
      <c r="C4181">
        <v>0</v>
      </c>
      <c r="D4181">
        <f t="shared" si="130"/>
        <v>0</v>
      </c>
      <c r="E4181" s="6">
        <f t="shared" si="131"/>
        <v>0</v>
      </c>
    </row>
    <row r="4182" spans="1:5" x14ac:dyDescent="0.25">
      <c r="A4182" s="1">
        <v>43730.083333333336</v>
      </c>
      <c r="B4182" s="2">
        <v>16.37</v>
      </c>
      <c r="C4182">
        <v>0</v>
      </c>
      <c r="D4182">
        <f t="shared" si="130"/>
        <v>0</v>
      </c>
      <c r="E4182" s="6">
        <f t="shared" si="131"/>
        <v>0</v>
      </c>
    </row>
    <row r="4183" spans="1:5" x14ac:dyDescent="0.25">
      <c r="A4183" s="1">
        <v>43730.125</v>
      </c>
      <c r="B4183" s="2">
        <v>15.24</v>
      </c>
      <c r="C4183">
        <v>0</v>
      </c>
      <c r="D4183">
        <f t="shared" si="130"/>
        <v>0</v>
      </c>
      <c r="E4183" s="6">
        <f t="shared" si="131"/>
        <v>0</v>
      </c>
    </row>
    <row r="4184" spans="1:5" x14ac:dyDescent="0.25">
      <c r="A4184" s="1">
        <v>43730.166666666664</v>
      </c>
      <c r="B4184" s="2">
        <v>14.67</v>
      </c>
      <c r="C4184">
        <v>0</v>
      </c>
      <c r="D4184">
        <f t="shared" si="130"/>
        <v>0</v>
      </c>
      <c r="E4184" s="6">
        <f t="shared" si="131"/>
        <v>0</v>
      </c>
    </row>
    <row r="4185" spans="1:5" x14ac:dyDescent="0.25">
      <c r="A4185" s="1">
        <v>43730.208333333336</v>
      </c>
      <c r="B4185" s="2">
        <v>14.89</v>
      </c>
      <c r="C4185">
        <v>0</v>
      </c>
      <c r="D4185">
        <f t="shared" si="130"/>
        <v>0</v>
      </c>
      <c r="E4185" s="6">
        <f t="shared" si="131"/>
        <v>0</v>
      </c>
    </row>
    <row r="4186" spans="1:5" x14ac:dyDescent="0.25">
      <c r="A4186" s="1">
        <v>43730.25</v>
      </c>
      <c r="B4186" s="2">
        <v>15.39</v>
      </c>
      <c r="C4186">
        <v>0</v>
      </c>
      <c r="D4186">
        <f t="shared" si="130"/>
        <v>0</v>
      </c>
      <c r="E4186" s="6">
        <f t="shared" si="131"/>
        <v>0</v>
      </c>
    </row>
    <row r="4187" spans="1:5" x14ac:dyDescent="0.25">
      <c r="A4187" s="1">
        <v>43730.291666666664</v>
      </c>
      <c r="B4187" s="2">
        <v>15.88</v>
      </c>
      <c r="C4187">
        <v>0</v>
      </c>
      <c r="D4187">
        <f t="shared" si="130"/>
        <v>0</v>
      </c>
      <c r="E4187" s="6">
        <f t="shared" si="131"/>
        <v>0</v>
      </c>
    </row>
    <row r="4188" spans="1:5" x14ac:dyDescent="0.25">
      <c r="A4188" s="1">
        <v>43730.333333333336</v>
      </c>
      <c r="B4188" s="2">
        <v>17.61</v>
      </c>
      <c r="C4188">
        <v>0.98789300000000002</v>
      </c>
      <c r="D4188">
        <f t="shared" si="130"/>
        <v>9.878930000000001E-4</v>
      </c>
      <c r="E4188" s="6">
        <f t="shared" si="131"/>
        <v>1.7396795730000001E-2</v>
      </c>
    </row>
    <row r="4189" spans="1:5" x14ac:dyDescent="0.25">
      <c r="A4189" s="1">
        <v>43730.375</v>
      </c>
      <c r="B4189" s="2">
        <v>20.48</v>
      </c>
      <c r="C4189">
        <v>1.699106</v>
      </c>
      <c r="D4189">
        <f t="shared" si="130"/>
        <v>1.6991059999999999E-3</v>
      </c>
      <c r="E4189" s="6">
        <f t="shared" si="131"/>
        <v>3.4797690880000003E-2</v>
      </c>
    </row>
    <row r="4190" spans="1:5" x14ac:dyDescent="0.25">
      <c r="A4190" s="1">
        <v>43730.416666666664</v>
      </c>
      <c r="B4190" s="2">
        <v>21.88</v>
      </c>
      <c r="C4190">
        <v>1.6893689999999999</v>
      </c>
      <c r="D4190">
        <f t="shared" si="130"/>
        <v>1.6893689999999998E-3</v>
      </c>
      <c r="E4190" s="6">
        <f t="shared" si="131"/>
        <v>3.6963393719999994E-2</v>
      </c>
    </row>
    <row r="4191" spans="1:5" x14ac:dyDescent="0.25">
      <c r="A4191" s="1">
        <v>43730.458333333336</v>
      </c>
      <c r="B4191" s="2">
        <v>23.96</v>
      </c>
      <c r="C4191">
        <v>1.3406800000000001</v>
      </c>
      <c r="D4191">
        <f t="shared" si="130"/>
        <v>1.3406800000000001E-3</v>
      </c>
      <c r="E4191" s="6">
        <f t="shared" si="131"/>
        <v>3.2122692800000005E-2</v>
      </c>
    </row>
    <row r="4192" spans="1:5" x14ac:dyDescent="0.25">
      <c r="A4192" s="1">
        <v>43730.5</v>
      </c>
      <c r="B4192" s="2">
        <v>27.18</v>
      </c>
      <c r="C4192">
        <v>1.0434909999999999</v>
      </c>
      <c r="D4192">
        <f t="shared" si="130"/>
        <v>1.0434909999999999E-3</v>
      </c>
      <c r="E4192" s="6">
        <f t="shared" si="131"/>
        <v>2.8362085379999995E-2</v>
      </c>
    </row>
    <row r="4193" spans="1:5" x14ac:dyDescent="0.25">
      <c r="A4193" s="1">
        <v>43730.541666666664</v>
      </c>
      <c r="B4193" s="2">
        <v>33.56</v>
      </c>
      <c r="C4193">
        <v>1.248119</v>
      </c>
      <c r="D4193">
        <f t="shared" si="130"/>
        <v>1.248119E-3</v>
      </c>
      <c r="E4193" s="6">
        <f t="shared" si="131"/>
        <v>4.1886873640000002E-2</v>
      </c>
    </row>
    <row r="4194" spans="1:5" x14ac:dyDescent="0.25">
      <c r="A4194" s="1">
        <v>43730.583333333336</v>
      </c>
      <c r="B4194" s="2">
        <v>39.26</v>
      </c>
      <c r="C4194">
        <v>1.4552539999999998</v>
      </c>
      <c r="D4194">
        <f t="shared" si="130"/>
        <v>1.4552539999999998E-3</v>
      </c>
      <c r="E4194" s="6">
        <f t="shared" si="131"/>
        <v>5.7133272039999988E-2</v>
      </c>
    </row>
    <row r="4195" spans="1:5" x14ac:dyDescent="0.25">
      <c r="A4195" s="1">
        <v>43730.625</v>
      </c>
      <c r="B4195" s="2">
        <v>47.07</v>
      </c>
      <c r="C4195">
        <v>2.1394250000000001</v>
      </c>
      <c r="D4195">
        <f t="shared" si="130"/>
        <v>2.1394249999999999E-3</v>
      </c>
      <c r="E4195" s="6">
        <f t="shared" si="131"/>
        <v>0.10070273474999999</v>
      </c>
    </row>
    <row r="4196" spans="1:5" x14ac:dyDescent="0.25">
      <c r="A4196" s="1">
        <v>43730.666666666664</v>
      </c>
      <c r="B4196" s="2">
        <v>52.82</v>
      </c>
      <c r="C4196">
        <v>1.861121</v>
      </c>
      <c r="D4196">
        <f t="shared" si="130"/>
        <v>1.8611210000000001E-3</v>
      </c>
      <c r="E4196" s="6">
        <f t="shared" si="131"/>
        <v>9.8304411219999999E-2</v>
      </c>
    </row>
    <row r="4197" spans="1:5" x14ac:dyDescent="0.25">
      <c r="A4197" s="1">
        <v>43730.708333333336</v>
      </c>
      <c r="B4197" s="2">
        <v>48.68</v>
      </c>
      <c r="C4197">
        <v>1.9675909999999999</v>
      </c>
      <c r="D4197">
        <f t="shared" si="130"/>
        <v>1.9675909999999999E-3</v>
      </c>
      <c r="E4197" s="6">
        <f t="shared" si="131"/>
        <v>9.5782329879999989E-2</v>
      </c>
    </row>
    <row r="4198" spans="1:5" x14ac:dyDescent="0.25">
      <c r="A4198" s="1">
        <v>43730.75</v>
      </c>
      <c r="B4198" s="2">
        <v>37.270000000000003</v>
      </c>
      <c r="C4198">
        <v>0.63352599999999992</v>
      </c>
      <c r="D4198">
        <f t="shared" si="130"/>
        <v>6.3352599999999992E-4</v>
      </c>
      <c r="E4198" s="6">
        <f t="shared" si="131"/>
        <v>2.3611514019999998E-2</v>
      </c>
    </row>
    <row r="4199" spans="1:5" x14ac:dyDescent="0.25">
      <c r="A4199" s="1">
        <v>43730.791666666664</v>
      </c>
      <c r="B4199" s="2">
        <v>34.56</v>
      </c>
      <c r="C4199">
        <v>0</v>
      </c>
      <c r="D4199">
        <f t="shared" si="130"/>
        <v>0</v>
      </c>
      <c r="E4199" s="6">
        <f t="shared" si="131"/>
        <v>0</v>
      </c>
    </row>
    <row r="4200" spans="1:5" x14ac:dyDescent="0.25">
      <c r="A4200" s="1">
        <v>43730.833333333336</v>
      </c>
      <c r="B4200" s="2">
        <v>29.64</v>
      </c>
      <c r="C4200">
        <v>0</v>
      </c>
      <c r="D4200">
        <f t="shared" si="130"/>
        <v>0</v>
      </c>
      <c r="E4200" s="6">
        <f t="shared" si="131"/>
        <v>0</v>
      </c>
    </row>
    <row r="4201" spans="1:5" x14ac:dyDescent="0.25">
      <c r="A4201" s="1">
        <v>43730.875</v>
      </c>
      <c r="B4201" s="2">
        <v>24.68</v>
      </c>
      <c r="C4201">
        <v>0</v>
      </c>
      <c r="D4201">
        <f t="shared" si="130"/>
        <v>0</v>
      </c>
      <c r="E4201" s="6">
        <f t="shared" si="131"/>
        <v>0</v>
      </c>
    </row>
    <row r="4202" spans="1:5" x14ac:dyDescent="0.25">
      <c r="A4202" s="1">
        <v>43730.916666666664</v>
      </c>
      <c r="B4202" s="2">
        <v>22.6</v>
      </c>
      <c r="C4202">
        <v>0</v>
      </c>
      <c r="D4202">
        <f t="shared" si="130"/>
        <v>0</v>
      </c>
      <c r="E4202" s="6">
        <f t="shared" si="131"/>
        <v>0</v>
      </c>
    </row>
    <row r="4203" spans="1:5" x14ac:dyDescent="0.25">
      <c r="A4203" s="1">
        <v>43730.958333333336</v>
      </c>
      <c r="B4203" s="2">
        <v>20.329999999999998</v>
      </c>
      <c r="C4203">
        <v>0</v>
      </c>
      <c r="D4203">
        <f t="shared" si="130"/>
        <v>0</v>
      </c>
      <c r="E4203" s="6">
        <f t="shared" si="131"/>
        <v>0</v>
      </c>
    </row>
    <row r="4204" spans="1:5" x14ac:dyDescent="0.25">
      <c r="A4204" s="1">
        <v>43731</v>
      </c>
      <c r="B4204" s="2">
        <v>19.64</v>
      </c>
      <c r="C4204">
        <v>0</v>
      </c>
      <c r="D4204">
        <f t="shared" si="130"/>
        <v>0</v>
      </c>
      <c r="E4204" s="6">
        <f t="shared" si="131"/>
        <v>0</v>
      </c>
    </row>
    <row r="4205" spans="1:5" x14ac:dyDescent="0.25">
      <c r="A4205" s="1">
        <v>43731.041666666664</v>
      </c>
      <c r="B4205" s="2">
        <v>18.89</v>
      </c>
      <c r="C4205">
        <v>0</v>
      </c>
      <c r="D4205">
        <f t="shared" si="130"/>
        <v>0</v>
      </c>
      <c r="E4205" s="6">
        <f t="shared" si="131"/>
        <v>0</v>
      </c>
    </row>
    <row r="4206" spans="1:5" x14ac:dyDescent="0.25">
      <c r="A4206" s="1">
        <v>43731.083333333336</v>
      </c>
      <c r="B4206" s="2">
        <v>18.37</v>
      </c>
      <c r="C4206">
        <v>0</v>
      </c>
      <c r="D4206">
        <f t="shared" si="130"/>
        <v>0</v>
      </c>
      <c r="E4206" s="6">
        <f t="shared" si="131"/>
        <v>0</v>
      </c>
    </row>
    <row r="4207" spans="1:5" x14ac:dyDescent="0.25">
      <c r="A4207" s="1">
        <v>43731.125</v>
      </c>
      <c r="B4207" s="2">
        <v>16.96</v>
      </c>
      <c r="C4207">
        <v>0</v>
      </c>
      <c r="D4207">
        <f t="shared" si="130"/>
        <v>0</v>
      </c>
      <c r="E4207" s="6">
        <f t="shared" si="131"/>
        <v>0</v>
      </c>
    </row>
    <row r="4208" spans="1:5" x14ac:dyDescent="0.25">
      <c r="A4208" s="1">
        <v>43731.166666666664</v>
      </c>
      <c r="B4208" s="2">
        <v>17.899999999999999</v>
      </c>
      <c r="C4208">
        <v>0</v>
      </c>
      <c r="D4208">
        <f t="shared" si="130"/>
        <v>0</v>
      </c>
      <c r="E4208" s="6">
        <f t="shared" si="131"/>
        <v>0</v>
      </c>
    </row>
    <row r="4209" spans="1:5" x14ac:dyDescent="0.25">
      <c r="A4209" s="1">
        <v>43731.208333333336</v>
      </c>
      <c r="B4209" s="2">
        <v>19.739999999999998</v>
      </c>
      <c r="C4209">
        <v>0</v>
      </c>
      <c r="D4209">
        <f t="shared" si="130"/>
        <v>0</v>
      </c>
      <c r="E4209" s="6">
        <f t="shared" si="131"/>
        <v>0</v>
      </c>
    </row>
    <row r="4210" spans="1:5" x14ac:dyDescent="0.25">
      <c r="A4210" s="1">
        <v>43731.25</v>
      </c>
      <c r="B4210" s="2">
        <v>23.55</v>
      </c>
      <c r="C4210">
        <v>0</v>
      </c>
      <c r="D4210">
        <f t="shared" si="130"/>
        <v>0</v>
      </c>
      <c r="E4210" s="6">
        <f t="shared" si="131"/>
        <v>0</v>
      </c>
    </row>
    <row r="4211" spans="1:5" x14ac:dyDescent="0.25">
      <c r="A4211" s="1">
        <v>43731.291666666664</v>
      </c>
      <c r="B4211" s="2">
        <v>23.17</v>
      </c>
      <c r="C4211">
        <v>0</v>
      </c>
      <c r="D4211">
        <f t="shared" si="130"/>
        <v>0</v>
      </c>
      <c r="E4211" s="6">
        <f t="shared" si="131"/>
        <v>0</v>
      </c>
    </row>
    <row r="4212" spans="1:5" x14ac:dyDescent="0.25">
      <c r="A4212" s="1">
        <v>43731.333333333336</v>
      </c>
      <c r="B4212" s="2">
        <v>23.21</v>
      </c>
      <c r="C4212">
        <v>1.6179110000000001</v>
      </c>
      <c r="D4212">
        <f t="shared" si="130"/>
        <v>1.6179110000000001E-3</v>
      </c>
      <c r="E4212" s="6">
        <f t="shared" si="131"/>
        <v>3.7551714310000005E-2</v>
      </c>
    </row>
    <row r="4213" spans="1:5" x14ac:dyDescent="0.25">
      <c r="A4213" s="1">
        <v>43731.375</v>
      </c>
      <c r="B4213" s="2">
        <v>26.03</v>
      </c>
      <c r="C4213">
        <v>2.532883</v>
      </c>
      <c r="D4213">
        <f t="shared" si="130"/>
        <v>2.5328830000000001E-3</v>
      </c>
      <c r="E4213" s="6">
        <f t="shared" si="131"/>
        <v>6.5930944490000004E-2</v>
      </c>
    </row>
    <row r="4214" spans="1:5" x14ac:dyDescent="0.25">
      <c r="A4214" s="1">
        <v>43731.416666666664</v>
      </c>
      <c r="B4214" s="2">
        <v>29.01</v>
      </c>
      <c r="C4214">
        <v>5.6091160000000002</v>
      </c>
      <c r="D4214">
        <f t="shared" si="130"/>
        <v>5.6091159999999999E-3</v>
      </c>
      <c r="E4214" s="6">
        <f t="shared" si="131"/>
        <v>0.16272045516</v>
      </c>
    </row>
    <row r="4215" spans="1:5" x14ac:dyDescent="0.25">
      <c r="A4215" s="1">
        <v>43731.458333333336</v>
      </c>
      <c r="B4215" s="2">
        <v>30.53</v>
      </c>
      <c r="C4215">
        <v>5.0086310000000003</v>
      </c>
      <c r="D4215">
        <f t="shared" si="130"/>
        <v>5.0086310000000004E-3</v>
      </c>
      <c r="E4215" s="6">
        <f t="shared" si="131"/>
        <v>0.15291350443000001</v>
      </c>
    </row>
    <row r="4216" spans="1:5" x14ac:dyDescent="0.25">
      <c r="A4216" s="1">
        <v>43731.5</v>
      </c>
      <c r="B4216" s="2">
        <v>33.299999999999997</v>
      </c>
      <c r="C4216">
        <v>7.3956160000000004</v>
      </c>
      <c r="D4216">
        <f t="shared" si="130"/>
        <v>7.3956160000000007E-3</v>
      </c>
      <c r="E4216" s="6">
        <f t="shared" si="131"/>
        <v>0.2462740128</v>
      </c>
    </row>
    <row r="4217" spans="1:5" x14ac:dyDescent="0.25">
      <c r="A4217" s="1">
        <v>43731.541666666664</v>
      </c>
      <c r="B4217" s="2">
        <v>38.85</v>
      </c>
      <c r="C4217">
        <v>7.4871819999999998</v>
      </c>
      <c r="D4217">
        <f t="shared" si="130"/>
        <v>7.4871820000000002E-3</v>
      </c>
      <c r="E4217" s="6">
        <f t="shared" si="131"/>
        <v>0.29087702070000004</v>
      </c>
    </row>
    <row r="4218" spans="1:5" x14ac:dyDescent="0.25">
      <c r="A4218" s="1">
        <v>43731.583333333336</v>
      </c>
      <c r="B4218" s="2">
        <v>44.08</v>
      </c>
      <c r="C4218">
        <v>7.1549240000000003</v>
      </c>
      <c r="D4218">
        <f t="shared" si="130"/>
        <v>7.154924E-3</v>
      </c>
      <c r="E4218" s="6">
        <f t="shared" si="131"/>
        <v>0.31538904992</v>
      </c>
    </row>
    <row r="4219" spans="1:5" x14ac:dyDescent="0.25">
      <c r="A4219" s="1">
        <v>43731.625</v>
      </c>
      <c r="B4219" s="2">
        <v>51.88</v>
      </c>
      <c r="C4219">
        <v>6.3399139999999994</v>
      </c>
      <c r="D4219">
        <f t="shared" si="130"/>
        <v>6.3399139999999994E-3</v>
      </c>
      <c r="E4219" s="6">
        <f t="shared" si="131"/>
        <v>0.32891473832000001</v>
      </c>
    </row>
    <row r="4220" spans="1:5" x14ac:dyDescent="0.25">
      <c r="A4220" s="1">
        <v>43731.666666666664</v>
      </c>
      <c r="B4220" s="2">
        <v>62.36</v>
      </c>
      <c r="C4220">
        <v>5.0696220000000007</v>
      </c>
      <c r="D4220">
        <f t="shared" si="130"/>
        <v>5.0696220000000011E-3</v>
      </c>
      <c r="E4220" s="6">
        <f t="shared" si="131"/>
        <v>0.31614162792000006</v>
      </c>
    </row>
    <row r="4221" spans="1:5" x14ac:dyDescent="0.25">
      <c r="A4221" s="1">
        <v>43731.708333333336</v>
      </c>
      <c r="B4221" s="2">
        <v>51.15</v>
      </c>
      <c r="C4221">
        <v>3.2963519999999997</v>
      </c>
      <c r="D4221">
        <f t="shared" si="130"/>
        <v>3.2963519999999998E-3</v>
      </c>
      <c r="E4221" s="6">
        <f t="shared" si="131"/>
        <v>0.16860840479999997</v>
      </c>
    </row>
    <row r="4222" spans="1:5" x14ac:dyDescent="0.25">
      <c r="A4222" s="1">
        <v>43731.75</v>
      </c>
      <c r="B4222" s="2">
        <v>35.08</v>
      </c>
      <c r="C4222">
        <v>1.2092850000000002</v>
      </c>
      <c r="D4222">
        <f t="shared" si="130"/>
        <v>1.2092850000000003E-3</v>
      </c>
      <c r="E4222" s="6">
        <f t="shared" si="131"/>
        <v>4.2421717800000008E-2</v>
      </c>
    </row>
    <row r="4223" spans="1:5" x14ac:dyDescent="0.25">
      <c r="A4223" s="1">
        <v>43731.791666666664</v>
      </c>
      <c r="B4223" s="2">
        <v>36.869999999999997</v>
      </c>
      <c r="C4223">
        <v>0</v>
      </c>
      <c r="D4223">
        <f t="shared" si="130"/>
        <v>0</v>
      </c>
      <c r="E4223" s="6">
        <f t="shared" si="131"/>
        <v>0</v>
      </c>
    </row>
    <row r="4224" spans="1:5" x14ac:dyDescent="0.25">
      <c r="A4224" s="1">
        <v>43731.833333333336</v>
      </c>
      <c r="B4224" s="2">
        <v>32.299999999999997</v>
      </c>
      <c r="C4224">
        <v>0</v>
      </c>
      <c r="D4224">
        <f t="shared" si="130"/>
        <v>0</v>
      </c>
      <c r="E4224" s="6">
        <f t="shared" si="131"/>
        <v>0</v>
      </c>
    </row>
    <row r="4225" spans="1:5" x14ac:dyDescent="0.25">
      <c r="A4225" s="1">
        <v>43731.875</v>
      </c>
      <c r="B4225" s="2">
        <v>25.41</v>
      </c>
      <c r="C4225">
        <v>0</v>
      </c>
      <c r="D4225">
        <f t="shared" si="130"/>
        <v>0</v>
      </c>
      <c r="E4225" s="6">
        <f t="shared" si="131"/>
        <v>0</v>
      </c>
    </row>
    <row r="4226" spans="1:5" x14ac:dyDescent="0.25">
      <c r="A4226" s="1">
        <v>43731.916666666664</v>
      </c>
      <c r="B4226" s="2">
        <v>22.36</v>
      </c>
      <c r="C4226">
        <v>0</v>
      </c>
      <c r="D4226">
        <f t="shared" si="130"/>
        <v>0</v>
      </c>
      <c r="E4226" s="6">
        <f t="shared" si="131"/>
        <v>0</v>
      </c>
    </row>
    <row r="4227" spans="1:5" x14ac:dyDescent="0.25">
      <c r="A4227" s="1">
        <v>43731.958333333336</v>
      </c>
      <c r="B4227" s="2">
        <v>20.74</v>
      </c>
      <c r="C4227">
        <v>0</v>
      </c>
      <c r="D4227">
        <f t="shared" si="130"/>
        <v>0</v>
      </c>
      <c r="E4227" s="6">
        <f t="shared" si="131"/>
        <v>0</v>
      </c>
    </row>
    <row r="4228" spans="1:5" x14ac:dyDescent="0.25">
      <c r="A4228" s="1">
        <v>43732</v>
      </c>
      <c r="B4228" s="2">
        <v>19.79</v>
      </c>
      <c r="C4228">
        <v>0</v>
      </c>
      <c r="D4228">
        <f t="shared" si="130"/>
        <v>0</v>
      </c>
      <c r="E4228" s="6">
        <f t="shared" si="131"/>
        <v>0</v>
      </c>
    </row>
    <row r="4229" spans="1:5" x14ac:dyDescent="0.25">
      <c r="A4229" s="1">
        <v>43732.041666666664</v>
      </c>
      <c r="B4229" s="2">
        <v>19.38</v>
      </c>
      <c r="C4229">
        <v>0</v>
      </c>
      <c r="D4229">
        <f t="shared" si="130"/>
        <v>0</v>
      </c>
      <c r="E4229" s="6">
        <f t="shared" si="131"/>
        <v>0</v>
      </c>
    </row>
    <row r="4230" spans="1:5" x14ac:dyDescent="0.25">
      <c r="A4230" s="1">
        <v>43732.083333333336</v>
      </c>
      <c r="B4230" s="2">
        <v>19.38</v>
      </c>
      <c r="C4230">
        <v>0</v>
      </c>
      <c r="D4230">
        <f t="shared" ref="D4230:D4293" si="132">C4230/1000</f>
        <v>0</v>
      </c>
      <c r="E4230" s="6">
        <f t="shared" ref="E4230:E4293" si="133">D4230*B4230</f>
        <v>0</v>
      </c>
    </row>
    <row r="4231" spans="1:5" x14ac:dyDescent="0.25">
      <c r="A4231" s="1">
        <v>43732.125</v>
      </c>
      <c r="B4231" s="2">
        <v>18.43</v>
      </c>
      <c r="C4231">
        <v>0</v>
      </c>
      <c r="D4231">
        <f t="shared" si="132"/>
        <v>0</v>
      </c>
      <c r="E4231" s="6">
        <f t="shared" si="133"/>
        <v>0</v>
      </c>
    </row>
    <row r="4232" spans="1:5" x14ac:dyDescent="0.25">
      <c r="A4232" s="1">
        <v>43732.166666666664</v>
      </c>
      <c r="B4232" s="2">
        <v>18.86</v>
      </c>
      <c r="C4232">
        <v>0</v>
      </c>
      <c r="D4232">
        <f t="shared" si="132"/>
        <v>0</v>
      </c>
      <c r="E4232" s="6">
        <f t="shared" si="133"/>
        <v>0</v>
      </c>
    </row>
    <row r="4233" spans="1:5" x14ac:dyDescent="0.25">
      <c r="A4233" s="1">
        <v>43732.208333333336</v>
      </c>
      <c r="B4233" s="2">
        <v>20.64</v>
      </c>
      <c r="C4233">
        <v>0</v>
      </c>
      <c r="D4233">
        <f t="shared" si="132"/>
        <v>0</v>
      </c>
      <c r="E4233" s="6">
        <f t="shared" si="133"/>
        <v>0</v>
      </c>
    </row>
    <row r="4234" spans="1:5" x14ac:dyDescent="0.25">
      <c r="A4234" s="1">
        <v>43732.25</v>
      </c>
      <c r="B4234" s="2">
        <v>24.78</v>
      </c>
      <c r="C4234">
        <v>0</v>
      </c>
      <c r="D4234">
        <f t="shared" si="132"/>
        <v>0</v>
      </c>
      <c r="E4234" s="6">
        <f t="shared" si="133"/>
        <v>0</v>
      </c>
    </row>
    <row r="4235" spans="1:5" x14ac:dyDescent="0.25">
      <c r="A4235" s="1">
        <v>43732.291666666664</v>
      </c>
      <c r="B4235" s="2">
        <v>23.29</v>
      </c>
      <c r="C4235">
        <v>0</v>
      </c>
      <c r="D4235">
        <f t="shared" si="132"/>
        <v>0</v>
      </c>
      <c r="E4235" s="6">
        <f t="shared" si="133"/>
        <v>0</v>
      </c>
    </row>
    <row r="4236" spans="1:5" x14ac:dyDescent="0.25">
      <c r="A4236" s="1">
        <v>43732.333333333336</v>
      </c>
      <c r="B4236" s="2">
        <v>23.32</v>
      </c>
      <c r="C4236">
        <v>1.611942</v>
      </c>
      <c r="D4236">
        <f t="shared" si="132"/>
        <v>1.6119419999999999E-3</v>
      </c>
      <c r="E4236" s="6">
        <f t="shared" si="133"/>
        <v>3.7590487440000001E-2</v>
      </c>
    </row>
    <row r="4237" spans="1:5" x14ac:dyDescent="0.25">
      <c r="A4237" s="1">
        <v>43732.375</v>
      </c>
      <c r="B4237" s="2">
        <v>25.34</v>
      </c>
      <c r="C4237">
        <v>3.7455240000000001</v>
      </c>
      <c r="D4237">
        <f t="shared" si="132"/>
        <v>3.7455240000000001E-3</v>
      </c>
      <c r="E4237" s="6">
        <f t="shared" si="133"/>
        <v>9.4911578159999996E-2</v>
      </c>
    </row>
    <row r="4238" spans="1:5" x14ac:dyDescent="0.25">
      <c r="A4238" s="1">
        <v>43732.416666666664</v>
      </c>
      <c r="B4238" s="2">
        <v>27.32</v>
      </c>
      <c r="C4238">
        <v>5.414396</v>
      </c>
      <c r="D4238">
        <f t="shared" si="132"/>
        <v>5.4143960000000001E-3</v>
      </c>
      <c r="E4238" s="6">
        <f t="shared" si="133"/>
        <v>0.14792129872000001</v>
      </c>
    </row>
    <row r="4239" spans="1:5" x14ac:dyDescent="0.25">
      <c r="A4239" s="1">
        <v>43732.458333333336</v>
      </c>
      <c r="B4239" s="2">
        <v>27.64</v>
      </c>
      <c r="C4239">
        <v>5.7094230000000001</v>
      </c>
      <c r="D4239">
        <f t="shared" si="132"/>
        <v>5.7094229999999999E-3</v>
      </c>
      <c r="E4239" s="6">
        <f t="shared" si="133"/>
        <v>0.15780845171999999</v>
      </c>
    </row>
    <row r="4240" spans="1:5" x14ac:dyDescent="0.25">
      <c r="A4240" s="1">
        <v>43732.5</v>
      </c>
      <c r="B4240" s="2">
        <v>28.11</v>
      </c>
      <c r="C4240">
        <v>6.0130970000000001</v>
      </c>
      <c r="D4240">
        <f t="shared" si="132"/>
        <v>6.0130970000000002E-3</v>
      </c>
      <c r="E4240" s="6">
        <f t="shared" si="133"/>
        <v>0.16902815667000001</v>
      </c>
    </row>
    <row r="4241" spans="1:5" x14ac:dyDescent="0.25">
      <c r="A4241" s="1">
        <v>43732.541666666664</v>
      </c>
      <c r="B4241" s="2">
        <v>30.59</v>
      </c>
      <c r="C4241">
        <v>6.1233709999999997</v>
      </c>
      <c r="D4241">
        <f t="shared" si="132"/>
        <v>6.1233709999999998E-3</v>
      </c>
      <c r="E4241" s="6">
        <f t="shared" si="133"/>
        <v>0.18731391888999999</v>
      </c>
    </row>
    <row r="4242" spans="1:5" x14ac:dyDescent="0.25">
      <c r="A4242" s="1">
        <v>43732.583333333336</v>
      </c>
      <c r="B4242" s="2">
        <v>35.479999999999997</v>
      </c>
      <c r="C4242">
        <v>6.453824</v>
      </c>
      <c r="D4242">
        <f t="shared" si="132"/>
        <v>6.4538240000000004E-3</v>
      </c>
      <c r="E4242" s="6">
        <f t="shared" si="133"/>
        <v>0.22898167551999998</v>
      </c>
    </row>
    <row r="4243" spans="1:5" x14ac:dyDescent="0.25">
      <c r="A4243" s="1">
        <v>43732.625</v>
      </c>
      <c r="B4243" s="2">
        <v>42.15</v>
      </c>
      <c r="C4243">
        <v>5.3371120000000003</v>
      </c>
      <c r="D4243">
        <f t="shared" si="132"/>
        <v>5.3371120000000006E-3</v>
      </c>
      <c r="E4243" s="6">
        <f t="shared" si="133"/>
        <v>0.22495927080000003</v>
      </c>
    </row>
    <row r="4244" spans="1:5" x14ac:dyDescent="0.25">
      <c r="A4244" s="1">
        <v>43732.666666666664</v>
      </c>
      <c r="B4244" s="2">
        <v>45.81</v>
      </c>
      <c r="C4244">
        <v>3.5767919999999997</v>
      </c>
      <c r="D4244">
        <f t="shared" si="132"/>
        <v>3.5767919999999996E-3</v>
      </c>
      <c r="E4244" s="6">
        <f t="shared" si="133"/>
        <v>0.16385284151999999</v>
      </c>
    </row>
    <row r="4245" spans="1:5" x14ac:dyDescent="0.25">
      <c r="A4245" s="1">
        <v>43732.708333333336</v>
      </c>
      <c r="B4245" s="2">
        <v>42.12</v>
      </c>
      <c r="C4245">
        <v>2.7728609999999998</v>
      </c>
      <c r="D4245">
        <f t="shared" si="132"/>
        <v>2.7728609999999997E-3</v>
      </c>
      <c r="E4245" s="6">
        <f t="shared" si="133"/>
        <v>0.11679290531999999</v>
      </c>
    </row>
    <row r="4246" spans="1:5" x14ac:dyDescent="0.25">
      <c r="A4246" s="1">
        <v>43732.75</v>
      </c>
      <c r="B4246" s="2">
        <v>30.46</v>
      </c>
      <c r="C4246">
        <v>0.54845200000000005</v>
      </c>
      <c r="D4246">
        <f t="shared" si="132"/>
        <v>5.4845200000000005E-4</v>
      </c>
      <c r="E4246" s="6">
        <f t="shared" si="133"/>
        <v>1.6705847920000003E-2</v>
      </c>
    </row>
    <row r="4247" spans="1:5" x14ac:dyDescent="0.25">
      <c r="A4247" s="1">
        <v>43732.791666666664</v>
      </c>
      <c r="B4247" s="2">
        <v>30.76</v>
      </c>
      <c r="C4247">
        <v>0</v>
      </c>
      <c r="D4247">
        <f t="shared" si="132"/>
        <v>0</v>
      </c>
      <c r="E4247" s="6">
        <f t="shared" si="133"/>
        <v>0</v>
      </c>
    </row>
    <row r="4248" spans="1:5" x14ac:dyDescent="0.25">
      <c r="A4248" s="1">
        <v>43732.833333333336</v>
      </c>
      <c r="B4248" s="2">
        <v>27.75</v>
      </c>
      <c r="C4248">
        <v>0</v>
      </c>
      <c r="D4248">
        <f t="shared" si="132"/>
        <v>0</v>
      </c>
      <c r="E4248" s="6">
        <f t="shared" si="133"/>
        <v>0</v>
      </c>
    </row>
    <row r="4249" spans="1:5" x14ac:dyDescent="0.25">
      <c r="A4249" s="1">
        <v>43732.875</v>
      </c>
      <c r="B4249" s="2">
        <v>23.77</v>
      </c>
      <c r="C4249">
        <v>0</v>
      </c>
      <c r="D4249">
        <f t="shared" si="132"/>
        <v>0</v>
      </c>
      <c r="E4249" s="6">
        <f t="shared" si="133"/>
        <v>0</v>
      </c>
    </row>
    <row r="4250" spans="1:5" x14ac:dyDescent="0.25">
      <c r="A4250" s="1">
        <v>43732.916666666664</v>
      </c>
      <c r="B4250" s="2">
        <v>21.05</v>
      </c>
      <c r="C4250">
        <v>0</v>
      </c>
      <c r="D4250">
        <f t="shared" si="132"/>
        <v>0</v>
      </c>
      <c r="E4250" s="6">
        <f t="shared" si="133"/>
        <v>0</v>
      </c>
    </row>
    <row r="4251" spans="1:5" x14ac:dyDescent="0.25">
      <c r="A4251" s="1">
        <v>43732.958333333336</v>
      </c>
      <c r="B4251" s="2">
        <v>19.03</v>
      </c>
      <c r="C4251">
        <v>0</v>
      </c>
      <c r="D4251">
        <f t="shared" si="132"/>
        <v>0</v>
      </c>
      <c r="E4251" s="6">
        <f t="shared" si="133"/>
        <v>0</v>
      </c>
    </row>
    <row r="4252" spans="1:5" x14ac:dyDescent="0.25">
      <c r="A4252" s="1">
        <v>43733</v>
      </c>
      <c r="B4252" s="2">
        <v>20.66</v>
      </c>
      <c r="C4252">
        <v>0</v>
      </c>
      <c r="D4252">
        <f t="shared" si="132"/>
        <v>0</v>
      </c>
      <c r="E4252" s="6">
        <f t="shared" si="133"/>
        <v>0</v>
      </c>
    </row>
    <row r="4253" spans="1:5" x14ac:dyDescent="0.25">
      <c r="A4253" s="1">
        <v>43733.041666666664</v>
      </c>
      <c r="B4253" s="2">
        <v>20.05</v>
      </c>
      <c r="C4253">
        <v>0</v>
      </c>
      <c r="D4253">
        <f t="shared" si="132"/>
        <v>0</v>
      </c>
      <c r="E4253" s="6">
        <f t="shared" si="133"/>
        <v>0</v>
      </c>
    </row>
    <row r="4254" spans="1:5" x14ac:dyDescent="0.25">
      <c r="A4254" s="1">
        <v>43733.083333333336</v>
      </c>
      <c r="B4254" s="2">
        <v>18.72</v>
      </c>
      <c r="C4254">
        <v>0</v>
      </c>
      <c r="D4254">
        <f t="shared" si="132"/>
        <v>0</v>
      </c>
      <c r="E4254" s="6">
        <f t="shared" si="133"/>
        <v>0</v>
      </c>
    </row>
    <row r="4255" spans="1:5" x14ac:dyDescent="0.25">
      <c r="A4255" s="1">
        <v>43733.125</v>
      </c>
      <c r="B4255" s="2">
        <v>17.63</v>
      </c>
      <c r="C4255">
        <v>0</v>
      </c>
      <c r="D4255">
        <f t="shared" si="132"/>
        <v>0</v>
      </c>
      <c r="E4255" s="6">
        <f t="shared" si="133"/>
        <v>0</v>
      </c>
    </row>
    <row r="4256" spans="1:5" x14ac:dyDescent="0.25">
      <c r="A4256" s="1">
        <v>43733.166666666664</v>
      </c>
      <c r="B4256" s="2">
        <v>18.54</v>
      </c>
      <c r="C4256">
        <v>0</v>
      </c>
      <c r="D4256">
        <f t="shared" si="132"/>
        <v>0</v>
      </c>
      <c r="E4256" s="6">
        <f t="shared" si="133"/>
        <v>0</v>
      </c>
    </row>
    <row r="4257" spans="1:5" x14ac:dyDescent="0.25">
      <c r="A4257" s="1">
        <v>43733.208333333336</v>
      </c>
      <c r="B4257" s="2">
        <v>20.73</v>
      </c>
      <c r="C4257">
        <v>0</v>
      </c>
      <c r="D4257">
        <f t="shared" si="132"/>
        <v>0</v>
      </c>
      <c r="E4257" s="6">
        <f t="shared" si="133"/>
        <v>0</v>
      </c>
    </row>
    <row r="4258" spans="1:5" x14ac:dyDescent="0.25">
      <c r="A4258" s="1">
        <v>43733.25</v>
      </c>
      <c r="B4258" s="2">
        <v>24.55</v>
      </c>
      <c r="C4258">
        <v>0</v>
      </c>
      <c r="D4258">
        <f t="shared" si="132"/>
        <v>0</v>
      </c>
      <c r="E4258" s="6">
        <f t="shared" si="133"/>
        <v>0</v>
      </c>
    </row>
    <row r="4259" spans="1:5" x14ac:dyDescent="0.25">
      <c r="A4259" s="1">
        <v>43733.291666666664</v>
      </c>
      <c r="B4259" s="2">
        <v>23.8</v>
      </c>
      <c r="C4259">
        <v>0</v>
      </c>
      <c r="D4259">
        <f t="shared" si="132"/>
        <v>0</v>
      </c>
      <c r="E4259" s="6">
        <f t="shared" si="133"/>
        <v>0</v>
      </c>
    </row>
    <row r="4260" spans="1:5" x14ac:dyDescent="0.25">
      <c r="A4260" s="1">
        <v>43733.333333333336</v>
      </c>
      <c r="B4260" s="2">
        <v>23.45</v>
      </c>
      <c r="C4260">
        <v>0.48944700000000002</v>
      </c>
      <c r="D4260">
        <f t="shared" si="132"/>
        <v>4.8944700000000006E-4</v>
      </c>
      <c r="E4260" s="6">
        <f t="shared" si="133"/>
        <v>1.1477532150000001E-2</v>
      </c>
    </row>
    <row r="4261" spans="1:5" x14ac:dyDescent="0.25">
      <c r="A4261" s="1">
        <v>43733.375</v>
      </c>
      <c r="B4261" s="2">
        <v>24.48</v>
      </c>
      <c r="C4261">
        <v>0.78205899999999995</v>
      </c>
      <c r="D4261">
        <f t="shared" si="132"/>
        <v>7.8205899999999999E-4</v>
      </c>
      <c r="E4261" s="6">
        <f t="shared" si="133"/>
        <v>1.914480432E-2</v>
      </c>
    </row>
    <row r="4262" spans="1:5" x14ac:dyDescent="0.25">
      <c r="A4262" s="1">
        <v>43733.416666666664</v>
      </c>
      <c r="B4262" s="2">
        <v>25.84</v>
      </c>
      <c r="C4262">
        <v>2.6326290000000001</v>
      </c>
      <c r="D4262">
        <f t="shared" si="132"/>
        <v>2.632629E-3</v>
      </c>
      <c r="E4262" s="6">
        <f t="shared" si="133"/>
        <v>6.8027133360000006E-2</v>
      </c>
    </row>
    <row r="4263" spans="1:5" x14ac:dyDescent="0.25">
      <c r="A4263" s="1">
        <v>43733.458333333336</v>
      </c>
      <c r="B4263" s="2">
        <v>27.59</v>
      </c>
      <c r="C4263">
        <v>2.3711280000000001</v>
      </c>
      <c r="D4263">
        <f t="shared" si="132"/>
        <v>2.3711280000000001E-3</v>
      </c>
      <c r="E4263" s="6">
        <f t="shared" si="133"/>
        <v>6.5419421520000007E-2</v>
      </c>
    </row>
    <row r="4264" spans="1:5" x14ac:dyDescent="0.25">
      <c r="A4264" s="1">
        <v>43733.5</v>
      </c>
      <c r="B4264" s="2">
        <v>29.65</v>
      </c>
      <c r="C4264">
        <v>3.4201770000000002</v>
      </c>
      <c r="D4264">
        <f t="shared" si="132"/>
        <v>3.4201770000000004E-3</v>
      </c>
      <c r="E4264" s="6">
        <f t="shared" si="133"/>
        <v>0.10140824805000001</v>
      </c>
    </row>
    <row r="4265" spans="1:5" x14ac:dyDescent="0.25">
      <c r="A4265" s="1">
        <v>43733.541666666664</v>
      </c>
      <c r="B4265" s="2">
        <v>32.729999999999997</v>
      </c>
      <c r="C4265">
        <v>4.3347230000000003</v>
      </c>
      <c r="D4265">
        <f t="shared" si="132"/>
        <v>4.3347230000000004E-3</v>
      </c>
      <c r="E4265" s="6">
        <f t="shared" si="133"/>
        <v>0.14187548379000001</v>
      </c>
    </row>
    <row r="4266" spans="1:5" x14ac:dyDescent="0.25">
      <c r="A4266" s="1">
        <v>43733.583333333336</v>
      </c>
      <c r="B4266" s="2">
        <v>37.4</v>
      </c>
      <c r="C4266">
        <v>3.8093850000000002</v>
      </c>
      <c r="D4266">
        <f t="shared" si="132"/>
        <v>3.8093850000000002E-3</v>
      </c>
      <c r="E4266" s="6">
        <f t="shared" si="133"/>
        <v>0.14247099900000001</v>
      </c>
    </row>
    <row r="4267" spans="1:5" x14ac:dyDescent="0.25">
      <c r="A4267" s="1">
        <v>43733.625</v>
      </c>
      <c r="B4267" s="2">
        <v>42.64</v>
      </c>
      <c r="C4267">
        <v>2.282146</v>
      </c>
      <c r="D4267">
        <f t="shared" si="132"/>
        <v>2.2821460000000001E-3</v>
      </c>
      <c r="E4267" s="6">
        <f t="shared" si="133"/>
        <v>9.7310705440000006E-2</v>
      </c>
    </row>
    <row r="4268" spans="1:5" x14ac:dyDescent="0.25">
      <c r="A4268" s="1">
        <v>43733.666666666664</v>
      </c>
      <c r="B4268" s="2">
        <v>48.59</v>
      </c>
      <c r="C4268">
        <v>1.993031</v>
      </c>
      <c r="D4268">
        <f t="shared" si="132"/>
        <v>1.9930310000000001E-3</v>
      </c>
      <c r="E4268" s="6">
        <f t="shared" si="133"/>
        <v>9.6841376290000017E-2</v>
      </c>
    </row>
    <row r="4269" spans="1:5" x14ac:dyDescent="0.25">
      <c r="A4269" s="1">
        <v>43733.708333333336</v>
      </c>
      <c r="B4269" s="2">
        <v>45.35</v>
      </c>
      <c r="C4269">
        <v>1.0166189999999999</v>
      </c>
      <c r="D4269">
        <f t="shared" si="132"/>
        <v>1.0166189999999999E-3</v>
      </c>
      <c r="E4269" s="6">
        <f t="shared" si="133"/>
        <v>4.6103671649999997E-2</v>
      </c>
    </row>
    <row r="4270" spans="1:5" x14ac:dyDescent="0.25">
      <c r="A4270" s="1">
        <v>43733.75</v>
      </c>
      <c r="B4270" s="2">
        <v>35.24</v>
      </c>
      <c r="C4270">
        <v>0.34560800000000003</v>
      </c>
      <c r="D4270">
        <f t="shared" si="132"/>
        <v>3.4560800000000002E-4</v>
      </c>
      <c r="E4270" s="6">
        <f t="shared" si="133"/>
        <v>1.2179225920000002E-2</v>
      </c>
    </row>
    <row r="4271" spans="1:5" x14ac:dyDescent="0.25">
      <c r="A4271" s="1">
        <v>43733.791666666664</v>
      </c>
      <c r="B4271" s="2">
        <v>33.619999999999997</v>
      </c>
      <c r="C4271">
        <v>0</v>
      </c>
      <c r="D4271">
        <f t="shared" si="132"/>
        <v>0</v>
      </c>
      <c r="E4271" s="6">
        <f t="shared" si="133"/>
        <v>0</v>
      </c>
    </row>
    <row r="4272" spans="1:5" x14ac:dyDescent="0.25">
      <c r="A4272" s="1">
        <v>43733.833333333336</v>
      </c>
      <c r="B4272" s="2">
        <v>31.05</v>
      </c>
      <c r="C4272">
        <v>0</v>
      </c>
      <c r="D4272">
        <f t="shared" si="132"/>
        <v>0</v>
      </c>
      <c r="E4272" s="6">
        <f t="shared" si="133"/>
        <v>0</v>
      </c>
    </row>
    <row r="4273" spans="1:5" x14ac:dyDescent="0.25">
      <c r="A4273" s="1">
        <v>43733.875</v>
      </c>
      <c r="B4273" s="2">
        <v>27.11</v>
      </c>
      <c r="C4273">
        <v>0</v>
      </c>
      <c r="D4273">
        <f t="shared" si="132"/>
        <v>0</v>
      </c>
      <c r="E4273" s="6">
        <f t="shared" si="133"/>
        <v>0</v>
      </c>
    </row>
    <row r="4274" spans="1:5" x14ac:dyDescent="0.25">
      <c r="A4274" s="1">
        <v>43733.916666666664</v>
      </c>
      <c r="B4274" s="2">
        <v>23.6</v>
      </c>
      <c r="C4274">
        <v>0</v>
      </c>
      <c r="D4274">
        <f t="shared" si="132"/>
        <v>0</v>
      </c>
      <c r="E4274" s="6">
        <f t="shared" si="133"/>
        <v>0</v>
      </c>
    </row>
    <row r="4275" spans="1:5" x14ac:dyDescent="0.25">
      <c r="A4275" s="1">
        <v>43733.958333333336</v>
      </c>
      <c r="B4275" s="2">
        <v>21.92</v>
      </c>
      <c r="C4275">
        <v>0</v>
      </c>
      <c r="D4275">
        <f t="shared" si="132"/>
        <v>0</v>
      </c>
      <c r="E4275" s="6">
        <f t="shared" si="133"/>
        <v>0</v>
      </c>
    </row>
    <row r="4276" spans="1:5" x14ac:dyDescent="0.25">
      <c r="A4276" s="1">
        <v>43734</v>
      </c>
      <c r="B4276" s="2">
        <v>20.55</v>
      </c>
      <c r="C4276">
        <v>0</v>
      </c>
      <c r="D4276">
        <f t="shared" si="132"/>
        <v>0</v>
      </c>
      <c r="E4276" s="6">
        <f t="shared" si="133"/>
        <v>0</v>
      </c>
    </row>
    <row r="4277" spans="1:5" x14ac:dyDescent="0.25">
      <c r="A4277" s="1">
        <v>43734.041666666664</v>
      </c>
      <c r="B4277" s="2">
        <v>20.100000000000001</v>
      </c>
      <c r="C4277">
        <v>0</v>
      </c>
      <c r="D4277">
        <f t="shared" si="132"/>
        <v>0</v>
      </c>
      <c r="E4277" s="6">
        <f t="shared" si="133"/>
        <v>0</v>
      </c>
    </row>
    <row r="4278" spans="1:5" x14ac:dyDescent="0.25">
      <c r="A4278" s="1">
        <v>43734.083333333336</v>
      </c>
      <c r="B4278" s="2">
        <v>18.850000000000001</v>
      </c>
      <c r="C4278">
        <v>0</v>
      </c>
      <c r="D4278">
        <f t="shared" si="132"/>
        <v>0</v>
      </c>
      <c r="E4278" s="6">
        <f t="shared" si="133"/>
        <v>0</v>
      </c>
    </row>
    <row r="4279" spans="1:5" x14ac:dyDescent="0.25">
      <c r="A4279" s="1">
        <v>43734.125</v>
      </c>
      <c r="B4279" s="2">
        <v>18.47</v>
      </c>
      <c r="C4279">
        <v>0</v>
      </c>
      <c r="D4279">
        <f t="shared" si="132"/>
        <v>0</v>
      </c>
      <c r="E4279" s="6">
        <f t="shared" si="133"/>
        <v>0</v>
      </c>
    </row>
    <row r="4280" spans="1:5" x14ac:dyDescent="0.25">
      <c r="A4280" s="1">
        <v>43734.166666666664</v>
      </c>
      <c r="B4280" s="2">
        <v>18.88</v>
      </c>
      <c r="C4280">
        <v>0</v>
      </c>
      <c r="D4280">
        <f t="shared" si="132"/>
        <v>0</v>
      </c>
      <c r="E4280" s="6">
        <f t="shared" si="133"/>
        <v>0</v>
      </c>
    </row>
    <row r="4281" spans="1:5" x14ac:dyDescent="0.25">
      <c r="A4281" s="1">
        <v>43734.208333333336</v>
      </c>
      <c r="B4281" s="2">
        <v>20.77</v>
      </c>
      <c r="C4281">
        <v>0</v>
      </c>
      <c r="D4281">
        <f t="shared" si="132"/>
        <v>0</v>
      </c>
      <c r="E4281" s="6">
        <f t="shared" si="133"/>
        <v>0</v>
      </c>
    </row>
    <row r="4282" spans="1:5" x14ac:dyDescent="0.25">
      <c r="A4282" s="1">
        <v>43734.25</v>
      </c>
      <c r="B4282" s="2">
        <v>25.29</v>
      </c>
      <c r="C4282">
        <v>0</v>
      </c>
      <c r="D4282">
        <f t="shared" si="132"/>
        <v>0</v>
      </c>
      <c r="E4282" s="6">
        <f t="shared" si="133"/>
        <v>0</v>
      </c>
    </row>
    <row r="4283" spans="1:5" x14ac:dyDescent="0.25">
      <c r="A4283" s="1">
        <v>43734.291666666664</v>
      </c>
      <c r="B4283" s="2">
        <v>24.48</v>
      </c>
      <c r="C4283">
        <v>0</v>
      </c>
      <c r="D4283">
        <f t="shared" si="132"/>
        <v>0</v>
      </c>
      <c r="E4283" s="6">
        <f t="shared" si="133"/>
        <v>0</v>
      </c>
    </row>
    <row r="4284" spans="1:5" x14ac:dyDescent="0.25">
      <c r="A4284" s="1">
        <v>43734.333333333336</v>
      </c>
      <c r="B4284" s="2">
        <v>25.03</v>
      </c>
      <c r="C4284">
        <v>0.42486699999999999</v>
      </c>
      <c r="D4284">
        <f t="shared" si="132"/>
        <v>4.24867E-4</v>
      </c>
      <c r="E4284" s="6">
        <f t="shared" si="133"/>
        <v>1.0634421010000001E-2</v>
      </c>
    </row>
    <row r="4285" spans="1:5" x14ac:dyDescent="0.25">
      <c r="A4285" s="1">
        <v>43734.375</v>
      </c>
      <c r="B4285" s="2">
        <v>27.9</v>
      </c>
      <c r="C4285">
        <v>0.65157299999999996</v>
      </c>
      <c r="D4285">
        <f t="shared" si="132"/>
        <v>6.5157299999999991E-4</v>
      </c>
      <c r="E4285" s="6">
        <f t="shared" si="133"/>
        <v>1.8178886699999997E-2</v>
      </c>
    </row>
    <row r="4286" spans="1:5" x14ac:dyDescent="0.25">
      <c r="A4286" s="1">
        <v>43734.416666666664</v>
      </c>
      <c r="B4286" s="2">
        <v>28.76</v>
      </c>
      <c r="C4286">
        <v>1.3626640000000001</v>
      </c>
      <c r="D4286">
        <f t="shared" si="132"/>
        <v>1.3626640000000002E-3</v>
      </c>
      <c r="E4286" s="6">
        <f t="shared" si="133"/>
        <v>3.9190216640000004E-2</v>
      </c>
    </row>
    <row r="4287" spans="1:5" x14ac:dyDescent="0.25">
      <c r="A4287" s="1">
        <v>43734.458333333336</v>
      </c>
      <c r="B4287" s="2">
        <v>31.87</v>
      </c>
      <c r="C4287">
        <v>1.736772</v>
      </c>
      <c r="D4287">
        <f t="shared" si="132"/>
        <v>1.7367719999999999E-3</v>
      </c>
      <c r="E4287" s="6">
        <f t="shared" si="133"/>
        <v>5.5350923640000001E-2</v>
      </c>
    </row>
    <row r="4288" spans="1:5" x14ac:dyDescent="0.25">
      <c r="A4288" s="1">
        <v>43734.5</v>
      </c>
      <c r="B4288" s="2">
        <v>34.68</v>
      </c>
      <c r="C4288">
        <v>1.7451840000000001</v>
      </c>
      <c r="D4288">
        <f t="shared" si="132"/>
        <v>1.7451840000000001E-3</v>
      </c>
      <c r="E4288" s="6">
        <f t="shared" si="133"/>
        <v>6.0522981120000006E-2</v>
      </c>
    </row>
    <row r="4289" spans="1:5" x14ac:dyDescent="0.25">
      <c r="A4289" s="1">
        <v>43734.541666666664</v>
      </c>
      <c r="B4289" s="2">
        <v>37.799999999999997</v>
      </c>
      <c r="C4289">
        <v>2.1041219999999998</v>
      </c>
      <c r="D4289">
        <f t="shared" si="132"/>
        <v>2.1041219999999999E-3</v>
      </c>
      <c r="E4289" s="6">
        <f t="shared" si="133"/>
        <v>7.9535811599999992E-2</v>
      </c>
    </row>
    <row r="4290" spans="1:5" x14ac:dyDescent="0.25">
      <c r="A4290" s="1">
        <v>43734.583333333336</v>
      </c>
      <c r="B4290" s="2">
        <v>39.17</v>
      </c>
      <c r="C4290">
        <v>2.6339099999999998</v>
      </c>
      <c r="D4290">
        <f t="shared" si="132"/>
        <v>2.6339099999999997E-3</v>
      </c>
      <c r="E4290" s="6">
        <f t="shared" si="133"/>
        <v>0.10317025469999999</v>
      </c>
    </row>
    <row r="4291" spans="1:5" x14ac:dyDescent="0.25">
      <c r="A4291" s="1">
        <v>43734.625</v>
      </c>
      <c r="B4291" s="2">
        <v>43.76</v>
      </c>
      <c r="C4291">
        <v>1.506178</v>
      </c>
      <c r="D4291">
        <f t="shared" si="132"/>
        <v>1.5061779999999999E-3</v>
      </c>
      <c r="E4291" s="6">
        <f t="shared" si="133"/>
        <v>6.5910349279999988E-2</v>
      </c>
    </row>
    <row r="4292" spans="1:5" x14ac:dyDescent="0.25">
      <c r="A4292" s="1">
        <v>43734.666666666664</v>
      </c>
      <c r="B4292" s="2">
        <v>47.79</v>
      </c>
      <c r="C4292">
        <v>1.241287</v>
      </c>
      <c r="D4292">
        <f t="shared" si="132"/>
        <v>1.241287E-3</v>
      </c>
      <c r="E4292" s="6">
        <f t="shared" si="133"/>
        <v>5.9321105729999997E-2</v>
      </c>
    </row>
    <row r="4293" spans="1:5" x14ac:dyDescent="0.25">
      <c r="A4293" s="1">
        <v>43734.708333333336</v>
      </c>
      <c r="B4293" s="2">
        <v>42.59</v>
      </c>
      <c r="C4293">
        <v>1.0969549999999999</v>
      </c>
      <c r="D4293">
        <f t="shared" si="132"/>
        <v>1.0969549999999999E-3</v>
      </c>
      <c r="E4293" s="6">
        <f t="shared" si="133"/>
        <v>4.6719313450000001E-2</v>
      </c>
    </row>
    <row r="4294" spans="1:5" x14ac:dyDescent="0.25">
      <c r="A4294" s="1">
        <v>43734.75</v>
      </c>
      <c r="B4294" s="2">
        <v>35.130000000000003</v>
      </c>
      <c r="C4294">
        <v>0.40826000000000001</v>
      </c>
      <c r="D4294">
        <f t="shared" ref="D4294:D4357" si="134">C4294/1000</f>
        <v>4.0826000000000002E-4</v>
      </c>
      <c r="E4294" s="6">
        <f t="shared" ref="E4294:E4357" si="135">D4294*B4294</f>
        <v>1.4342173800000002E-2</v>
      </c>
    </row>
    <row r="4295" spans="1:5" x14ac:dyDescent="0.25">
      <c r="A4295" s="1">
        <v>43734.791666666664</v>
      </c>
      <c r="B4295" s="2">
        <v>36.93</v>
      </c>
      <c r="C4295">
        <v>0</v>
      </c>
      <c r="D4295">
        <f t="shared" si="134"/>
        <v>0</v>
      </c>
      <c r="E4295" s="6">
        <f t="shared" si="135"/>
        <v>0</v>
      </c>
    </row>
    <row r="4296" spans="1:5" x14ac:dyDescent="0.25">
      <c r="A4296" s="1">
        <v>43734.833333333336</v>
      </c>
      <c r="B4296" s="2">
        <v>33.85</v>
      </c>
      <c r="C4296">
        <v>0</v>
      </c>
      <c r="D4296">
        <f t="shared" si="134"/>
        <v>0</v>
      </c>
      <c r="E4296" s="6">
        <f t="shared" si="135"/>
        <v>0</v>
      </c>
    </row>
    <row r="4297" spans="1:5" x14ac:dyDescent="0.25">
      <c r="A4297" s="1">
        <v>43734.875</v>
      </c>
      <c r="B4297" s="2">
        <v>27.32</v>
      </c>
      <c r="C4297">
        <v>0</v>
      </c>
      <c r="D4297">
        <f t="shared" si="134"/>
        <v>0</v>
      </c>
      <c r="E4297" s="6">
        <f t="shared" si="135"/>
        <v>0</v>
      </c>
    </row>
    <row r="4298" spans="1:5" x14ac:dyDescent="0.25">
      <c r="A4298" s="1">
        <v>43734.916666666664</v>
      </c>
      <c r="B4298" s="2">
        <v>23.68</v>
      </c>
      <c r="C4298">
        <v>0</v>
      </c>
      <c r="D4298">
        <f t="shared" si="134"/>
        <v>0</v>
      </c>
      <c r="E4298" s="6">
        <f t="shared" si="135"/>
        <v>0</v>
      </c>
    </row>
    <row r="4299" spans="1:5" x14ac:dyDescent="0.25">
      <c r="A4299" s="1">
        <v>43734.958333333336</v>
      </c>
      <c r="B4299" s="2">
        <v>21.65</v>
      </c>
      <c r="C4299">
        <v>0</v>
      </c>
      <c r="D4299">
        <f t="shared" si="134"/>
        <v>0</v>
      </c>
      <c r="E4299" s="6">
        <f t="shared" si="135"/>
        <v>0</v>
      </c>
    </row>
    <row r="4300" spans="1:5" x14ac:dyDescent="0.25">
      <c r="A4300" s="1">
        <v>43735</v>
      </c>
      <c r="B4300" s="2">
        <v>20.68</v>
      </c>
      <c r="C4300">
        <v>0</v>
      </c>
      <c r="D4300">
        <f t="shared" si="134"/>
        <v>0</v>
      </c>
      <c r="E4300" s="6">
        <f t="shared" si="135"/>
        <v>0</v>
      </c>
    </row>
    <row r="4301" spans="1:5" x14ac:dyDescent="0.25">
      <c r="A4301" s="1">
        <v>43735.041666666664</v>
      </c>
      <c r="B4301" s="2">
        <v>20.03</v>
      </c>
      <c r="C4301">
        <v>0</v>
      </c>
      <c r="D4301">
        <f t="shared" si="134"/>
        <v>0</v>
      </c>
      <c r="E4301" s="6">
        <f t="shared" si="135"/>
        <v>0</v>
      </c>
    </row>
    <row r="4302" spans="1:5" x14ac:dyDescent="0.25">
      <c r="A4302" s="1">
        <v>43735.083333333336</v>
      </c>
      <c r="B4302" s="2">
        <v>18.57</v>
      </c>
      <c r="C4302">
        <v>0</v>
      </c>
      <c r="D4302">
        <f t="shared" si="134"/>
        <v>0</v>
      </c>
      <c r="E4302" s="6">
        <f t="shared" si="135"/>
        <v>0</v>
      </c>
    </row>
    <row r="4303" spans="1:5" x14ac:dyDescent="0.25">
      <c r="A4303" s="1">
        <v>43735.125</v>
      </c>
      <c r="B4303" s="2">
        <v>17.64</v>
      </c>
      <c r="C4303">
        <v>0</v>
      </c>
      <c r="D4303">
        <f t="shared" si="134"/>
        <v>0</v>
      </c>
      <c r="E4303" s="6">
        <f t="shared" si="135"/>
        <v>0</v>
      </c>
    </row>
    <row r="4304" spans="1:5" x14ac:dyDescent="0.25">
      <c r="A4304" s="1">
        <v>43735.166666666664</v>
      </c>
      <c r="B4304" s="2">
        <v>18.149999999999999</v>
      </c>
      <c r="C4304">
        <v>0</v>
      </c>
      <c r="D4304">
        <f t="shared" si="134"/>
        <v>0</v>
      </c>
      <c r="E4304" s="6">
        <f t="shared" si="135"/>
        <v>0</v>
      </c>
    </row>
    <row r="4305" spans="1:5" x14ac:dyDescent="0.25">
      <c r="A4305" s="1">
        <v>43735.208333333336</v>
      </c>
      <c r="B4305" s="2">
        <v>20.68</v>
      </c>
      <c r="C4305">
        <v>0</v>
      </c>
      <c r="D4305">
        <f t="shared" si="134"/>
        <v>0</v>
      </c>
      <c r="E4305" s="6">
        <f t="shared" si="135"/>
        <v>0</v>
      </c>
    </row>
    <row r="4306" spans="1:5" x14ac:dyDescent="0.25">
      <c r="A4306" s="1">
        <v>43735.25</v>
      </c>
      <c r="B4306" s="2">
        <v>22.97</v>
      </c>
      <c r="C4306">
        <v>0</v>
      </c>
      <c r="D4306">
        <f t="shared" si="134"/>
        <v>0</v>
      </c>
      <c r="E4306" s="6">
        <f t="shared" si="135"/>
        <v>0</v>
      </c>
    </row>
    <row r="4307" spans="1:5" x14ac:dyDescent="0.25">
      <c r="A4307" s="1">
        <v>43735.291666666664</v>
      </c>
      <c r="B4307" s="2">
        <v>23.62</v>
      </c>
      <c r="C4307">
        <v>0</v>
      </c>
      <c r="D4307">
        <f t="shared" si="134"/>
        <v>0</v>
      </c>
      <c r="E4307" s="6">
        <f t="shared" si="135"/>
        <v>0</v>
      </c>
    </row>
    <row r="4308" spans="1:5" x14ac:dyDescent="0.25">
      <c r="A4308" s="1">
        <v>43735.333333333336</v>
      </c>
      <c r="B4308" s="2">
        <v>22.94</v>
      </c>
      <c r="C4308">
        <v>0.52682099999999998</v>
      </c>
      <c r="D4308">
        <f t="shared" si="134"/>
        <v>5.2682100000000002E-4</v>
      </c>
      <c r="E4308" s="6">
        <f t="shared" si="135"/>
        <v>1.2085273740000001E-2</v>
      </c>
    </row>
    <row r="4309" spans="1:5" x14ac:dyDescent="0.25">
      <c r="A4309" s="1">
        <v>43735.375</v>
      </c>
      <c r="B4309" s="2">
        <v>24.74</v>
      </c>
      <c r="C4309">
        <v>0.56437400000000004</v>
      </c>
      <c r="D4309">
        <f t="shared" si="134"/>
        <v>5.6437400000000008E-4</v>
      </c>
      <c r="E4309" s="6">
        <f t="shared" si="135"/>
        <v>1.3962612760000001E-2</v>
      </c>
    </row>
    <row r="4310" spans="1:5" x14ac:dyDescent="0.25">
      <c r="A4310" s="1">
        <v>43735.416666666664</v>
      </c>
      <c r="B4310" s="2">
        <v>24.76</v>
      </c>
      <c r="C4310">
        <v>1.286921</v>
      </c>
      <c r="D4310">
        <f t="shared" si="134"/>
        <v>1.2869209999999999E-3</v>
      </c>
      <c r="E4310" s="6">
        <f t="shared" si="135"/>
        <v>3.1864163959999997E-2</v>
      </c>
    </row>
    <row r="4311" spans="1:5" x14ac:dyDescent="0.25">
      <c r="A4311" s="1">
        <v>43735.458333333336</v>
      </c>
      <c r="B4311" s="2">
        <v>26.86</v>
      </c>
      <c r="C4311">
        <v>1.685349</v>
      </c>
      <c r="D4311">
        <f t="shared" si="134"/>
        <v>1.685349E-3</v>
      </c>
      <c r="E4311" s="6">
        <f t="shared" si="135"/>
        <v>4.5268474140000001E-2</v>
      </c>
    </row>
    <row r="4312" spans="1:5" x14ac:dyDescent="0.25">
      <c r="A4312" s="1">
        <v>43735.5</v>
      </c>
      <c r="B4312" s="2">
        <v>29.97</v>
      </c>
      <c r="C4312">
        <v>1.4709939999999999</v>
      </c>
      <c r="D4312">
        <f t="shared" si="134"/>
        <v>1.470994E-3</v>
      </c>
      <c r="E4312" s="6">
        <f t="shared" si="135"/>
        <v>4.4085690179999998E-2</v>
      </c>
    </row>
    <row r="4313" spans="1:5" x14ac:dyDescent="0.25">
      <c r="A4313" s="1">
        <v>43735.541666666664</v>
      </c>
      <c r="B4313" s="2">
        <v>34.26</v>
      </c>
      <c r="C4313">
        <v>1.656209</v>
      </c>
      <c r="D4313">
        <f t="shared" si="134"/>
        <v>1.6562090000000001E-3</v>
      </c>
      <c r="E4313" s="6">
        <f t="shared" si="135"/>
        <v>5.6741720339999996E-2</v>
      </c>
    </row>
    <row r="4314" spans="1:5" x14ac:dyDescent="0.25">
      <c r="A4314" s="1">
        <v>43735.583333333336</v>
      </c>
      <c r="B4314" s="2">
        <v>39.950000000000003</v>
      </c>
      <c r="C4314">
        <v>1.578074</v>
      </c>
      <c r="D4314">
        <f t="shared" si="134"/>
        <v>1.5780740000000001E-3</v>
      </c>
      <c r="E4314" s="6">
        <f t="shared" si="135"/>
        <v>6.3044056300000012E-2</v>
      </c>
    </row>
    <row r="4315" spans="1:5" x14ac:dyDescent="0.25">
      <c r="A4315" s="1">
        <v>43735.625</v>
      </c>
      <c r="B4315" s="2">
        <v>45.6</v>
      </c>
      <c r="C4315">
        <v>2.227271</v>
      </c>
      <c r="D4315">
        <f t="shared" si="134"/>
        <v>2.2272709999999999E-3</v>
      </c>
      <c r="E4315" s="6">
        <f t="shared" si="135"/>
        <v>0.10156355759999999</v>
      </c>
    </row>
    <row r="4316" spans="1:5" x14ac:dyDescent="0.25">
      <c r="A4316" s="1">
        <v>43735.666666666664</v>
      </c>
      <c r="B4316" s="2">
        <v>53.89</v>
      </c>
      <c r="C4316">
        <v>0.90033600000000003</v>
      </c>
      <c r="D4316">
        <f t="shared" si="134"/>
        <v>9.0033600000000006E-4</v>
      </c>
      <c r="E4316" s="6">
        <f t="shared" si="135"/>
        <v>4.8519107040000002E-2</v>
      </c>
    </row>
    <row r="4317" spans="1:5" x14ac:dyDescent="0.25">
      <c r="A4317" s="1">
        <v>43735.708333333336</v>
      </c>
      <c r="B4317" s="2">
        <v>47.2</v>
      </c>
      <c r="C4317">
        <v>0.31070299999999995</v>
      </c>
      <c r="D4317">
        <f t="shared" si="134"/>
        <v>3.1070299999999996E-4</v>
      </c>
      <c r="E4317" s="6">
        <f t="shared" si="135"/>
        <v>1.4665181599999999E-2</v>
      </c>
    </row>
    <row r="4318" spans="1:5" x14ac:dyDescent="0.25">
      <c r="A4318" s="1">
        <v>43735.75</v>
      </c>
      <c r="B4318" s="2">
        <v>34.11</v>
      </c>
      <c r="C4318">
        <v>0.91902499999999998</v>
      </c>
      <c r="D4318">
        <f t="shared" si="134"/>
        <v>9.1902499999999996E-4</v>
      </c>
      <c r="E4318" s="6">
        <f t="shared" si="135"/>
        <v>3.1347942749999996E-2</v>
      </c>
    </row>
    <row r="4319" spans="1:5" x14ac:dyDescent="0.25">
      <c r="A4319" s="1">
        <v>43735.791666666664</v>
      </c>
      <c r="B4319" s="2">
        <v>30.25</v>
      </c>
      <c r="C4319">
        <v>0</v>
      </c>
      <c r="D4319">
        <f t="shared" si="134"/>
        <v>0</v>
      </c>
      <c r="E4319" s="6">
        <f t="shared" si="135"/>
        <v>0</v>
      </c>
    </row>
    <row r="4320" spans="1:5" x14ac:dyDescent="0.25">
      <c r="A4320" s="1">
        <v>43735.833333333336</v>
      </c>
      <c r="B4320" s="2">
        <v>30.03</v>
      </c>
      <c r="C4320">
        <v>0</v>
      </c>
      <c r="D4320">
        <f t="shared" si="134"/>
        <v>0</v>
      </c>
      <c r="E4320" s="6">
        <f t="shared" si="135"/>
        <v>0</v>
      </c>
    </row>
    <row r="4321" spans="1:5" x14ac:dyDescent="0.25">
      <c r="A4321" s="1">
        <v>43735.875</v>
      </c>
      <c r="B4321" s="2">
        <v>25.62</v>
      </c>
      <c r="C4321">
        <v>0</v>
      </c>
      <c r="D4321">
        <f t="shared" si="134"/>
        <v>0</v>
      </c>
      <c r="E4321" s="6">
        <f t="shared" si="135"/>
        <v>0</v>
      </c>
    </row>
    <row r="4322" spans="1:5" x14ac:dyDescent="0.25">
      <c r="A4322" s="1">
        <v>43735.916666666664</v>
      </c>
      <c r="B4322" s="2">
        <v>22.75</v>
      </c>
      <c r="C4322">
        <v>0</v>
      </c>
      <c r="D4322">
        <f t="shared" si="134"/>
        <v>0</v>
      </c>
      <c r="E4322" s="6">
        <f t="shared" si="135"/>
        <v>0</v>
      </c>
    </row>
    <row r="4323" spans="1:5" x14ac:dyDescent="0.25">
      <c r="A4323" s="1">
        <v>43735.958333333336</v>
      </c>
      <c r="B4323" s="2">
        <v>21.25</v>
      </c>
      <c r="C4323">
        <v>0</v>
      </c>
      <c r="D4323">
        <f t="shared" si="134"/>
        <v>0</v>
      </c>
      <c r="E4323" s="6">
        <f t="shared" si="135"/>
        <v>0</v>
      </c>
    </row>
    <row r="4324" spans="1:5" x14ac:dyDescent="0.25">
      <c r="A4324" s="1">
        <v>43736</v>
      </c>
      <c r="B4324" s="2">
        <v>20.51</v>
      </c>
      <c r="C4324">
        <v>0</v>
      </c>
      <c r="D4324">
        <f t="shared" si="134"/>
        <v>0</v>
      </c>
      <c r="E4324" s="6">
        <f t="shared" si="135"/>
        <v>0</v>
      </c>
    </row>
    <row r="4325" spans="1:5" x14ac:dyDescent="0.25">
      <c r="A4325" s="1">
        <v>43736.041666666664</v>
      </c>
      <c r="B4325" s="2">
        <v>19.75</v>
      </c>
      <c r="C4325">
        <v>0</v>
      </c>
      <c r="D4325">
        <f t="shared" si="134"/>
        <v>0</v>
      </c>
      <c r="E4325" s="6">
        <f t="shared" si="135"/>
        <v>0</v>
      </c>
    </row>
    <row r="4326" spans="1:5" x14ac:dyDescent="0.25">
      <c r="A4326" s="1">
        <v>43736.083333333336</v>
      </c>
      <c r="B4326" s="2">
        <v>18.600000000000001</v>
      </c>
      <c r="C4326">
        <v>0</v>
      </c>
      <c r="D4326">
        <f t="shared" si="134"/>
        <v>0</v>
      </c>
      <c r="E4326" s="6">
        <f t="shared" si="135"/>
        <v>0</v>
      </c>
    </row>
    <row r="4327" spans="1:5" x14ac:dyDescent="0.25">
      <c r="A4327" s="1">
        <v>43736.125</v>
      </c>
      <c r="B4327" s="2">
        <v>17.63</v>
      </c>
      <c r="C4327">
        <v>0</v>
      </c>
      <c r="D4327">
        <f t="shared" si="134"/>
        <v>0</v>
      </c>
      <c r="E4327" s="6">
        <f t="shared" si="135"/>
        <v>0</v>
      </c>
    </row>
    <row r="4328" spans="1:5" x14ac:dyDescent="0.25">
      <c r="A4328" s="1">
        <v>43736.166666666664</v>
      </c>
      <c r="B4328" s="2">
        <v>17.38</v>
      </c>
      <c r="C4328">
        <v>0</v>
      </c>
      <c r="D4328">
        <f t="shared" si="134"/>
        <v>0</v>
      </c>
      <c r="E4328" s="6">
        <f t="shared" si="135"/>
        <v>0</v>
      </c>
    </row>
    <row r="4329" spans="1:5" x14ac:dyDescent="0.25">
      <c r="A4329" s="1">
        <v>43736.208333333336</v>
      </c>
      <c r="B4329" s="2">
        <v>18.71</v>
      </c>
      <c r="C4329">
        <v>0</v>
      </c>
      <c r="D4329">
        <f t="shared" si="134"/>
        <v>0</v>
      </c>
      <c r="E4329" s="6">
        <f t="shared" si="135"/>
        <v>0</v>
      </c>
    </row>
    <row r="4330" spans="1:5" x14ac:dyDescent="0.25">
      <c r="A4330" s="1">
        <v>43736.25</v>
      </c>
      <c r="B4330" s="2">
        <v>19.579999999999998</v>
      </c>
      <c r="C4330">
        <v>0</v>
      </c>
      <c r="D4330">
        <f t="shared" si="134"/>
        <v>0</v>
      </c>
      <c r="E4330" s="6">
        <f t="shared" si="135"/>
        <v>0</v>
      </c>
    </row>
    <row r="4331" spans="1:5" x14ac:dyDescent="0.25">
      <c r="A4331" s="1">
        <v>43736.291666666664</v>
      </c>
      <c r="B4331" s="2">
        <v>21</v>
      </c>
      <c r="C4331">
        <v>0</v>
      </c>
      <c r="D4331">
        <f t="shared" si="134"/>
        <v>0</v>
      </c>
      <c r="E4331" s="6">
        <f t="shared" si="135"/>
        <v>0</v>
      </c>
    </row>
    <row r="4332" spans="1:5" x14ac:dyDescent="0.25">
      <c r="A4332" s="1">
        <v>43736.333333333336</v>
      </c>
      <c r="B4332" s="2">
        <v>22.26</v>
      </c>
      <c r="C4332">
        <v>0.48839199999999999</v>
      </c>
      <c r="D4332">
        <f t="shared" si="134"/>
        <v>4.8839200000000004E-4</v>
      </c>
      <c r="E4332" s="6">
        <f t="shared" si="135"/>
        <v>1.0871605920000001E-2</v>
      </c>
    </row>
    <row r="4333" spans="1:5" x14ac:dyDescent="0.25">
      <c r="A4333" s="1">
        <v>43736.375</v>
      </c>
      <c r="B4333" s="2">
        <v>26.1</v>
      </c>
      <c r="C4333">
        <v>1.353019</v>
      </c>
      <c r="D4333">
        <f t="shared" si="134"/>
        <v>1.353019E-3</v>
      </c>
      <c r="E4333" s="6">
        <f t="shared" si="135"/>
        <v>3.53137959E-2</v>
      </c>
    </row>
    <row r="4334" spans="1:5" x14ac:dyDescent="0.25">
      <c r="A4334" s="1">
        <v>43736.416666666664</v>
      </c>
      <c r="B4334" s="2">
        <v>27.28</v>
      </c>
      <c r="C4334">
        <v>2.300389</v>
      </c>
      <c r="D4334">
        <f t="shared" si="134"/>
        <v>2.3003889999999999E-3</v>
      </c>
      <c r="E4334" s="6">
        <f t="shared" si="135"/>
        <v>6.2754611919999995E-2</v>
      </c>
    </row>
    <row r="4335" spans="1:5" x14ac:dyDescent="0.25">
      <c r="A4335" s="1">
        <v>43736.458333333336</v>
      </c>
      <c r="B4335" s="2">
        <v>31.73</v>
      </c>
      <c r="C4335">
        <v>4.7136130000000005</v>
      </c>
      <c r="D4335">
        <f t="shared" si="134"/>
        <v>4.7136130000000002E-3</v>
      </c>
      <c r="E4335" s="6">
        <f t="shared" si="135"/>
        <v>0.14956294049000002</v>
      </c>
    </row>
    <row r="4336" spans="1:5" x14ac:dyDescent="0.25">
      <c r="A4336" s="1">
        <v>43736.5</v>
      </c>
      <c r="B4336" s="2">
        <v>37.799999999999997</v>
      </c>
      <c r="C4336">
        <v>5.0114510000000001</v>
      </c>
      <c r="D4336">
        <f t="shared" si="134"/>
        <v>5.0114510000000001E-3</v>
      </c>
      <c r="E4336" s="6">
        <f t="shared" si="135"/>
        <v>0.1894328478</v>
      </c>
    </row>
    <row r="4337" spans="1:5" x14ac:dyDescent="0.25">
      <c r="A4337" s="1">
        <v>43736.541666666664</v>
      </c>
      <c r="B4337" s="2">
        <v>40.630000000000003</v>
      </c>
      <c r="C4337">
        <v>4.7759229999999997</v>
      </c>
      <c r="D4337">
        <f t="shared" si="134"/>
        <v>4.7759229999999996E-3</v>
      </c>
      <c r="E4337" s="6">
        <f t="shared" si="135"/>
        <v>0.19404575149</v>
      </c>
    </row>
    <row r="4338" spans="1:5" x14ac:dyDescent="0.25">
      <c r="A4338" s="1">
        <v>43736.583333333336</v>
      </c>
      <c r="B4338" s="2">
        <v>45.59</v>
      </c>
      <c r="C4338">
        <v>6.9035099999999998</v>
      </c>
      <c r="D4338">
        <f t="shared" si="134"/>
        <v>6.9035099999999999E-3</v>
      </c>
      <c r="E4338" s="6">
        <f t="shared" si="135"/>
        <v>0.31473102089999999</v>
      </c>
    </row>
    <row r="4339" spans="1:5" x14ac:dyDescent="0.25">
      <c r="A4339" s="1">
        <v>43736.625</v>
      </c>
      <c r="B4339" s="2">
        <v>59.87</v>
      </c>
      <c r="C4339">
        <v>6.0694989999999995</v>
      </c>
      <c r="D4339">
        <f t="shared" si="134"/>
        <v>6.0694989999999999E-3</v>
      </c>
      <c r="E4339" s="6">
        <f t="shared" si="135"/>
        <v>0.36338090512999999</v>
      </c>
    </row>
    <row r="4340" spans="1:5" x14ac:dyDescent="0.25">
      <c r="A4340" s="1">
        <v>43736.666666666664</v>
      </c>
      <c r="B4340" s="2">
        <v>66.5</v>
      </c>
      <c r="C4340">
        <v>4.7768860000000002</v>
      </c>
      <c r="D4340">
        <f t="shared" si="134"/>
        <v>4.7768860000000002E-3</v>
      </c>
      <c r="E4340" s="6">
        <f t="shared" si="135"/>
        <v>0.31766291899999999</v>
      </c>
    </row>
    <row r="4341" spans="1:5" x14ac:dyDescent="0.25">
      <c r="A4341" s="1">
        <v>43736.708333333336</v>
      </c>
      <c r="B4341" s="2">
        <v>58.75</v>
      </c>
      <c r="C4341">
        <v>2.9914720000000004</v>
      </c>
      <c r="D4341">
        <f t="shared" si="134"/>
        <v>2.9914720000000002E-3</v>
      </c>
      <c r="E4341" s="6">
        <f t="shared" si="135"/>
        <v>0.17574898000000003</v>
      </c>
    </row>
    <row r="4342" spans="1:5" x14ac:dyDescent="0.25">
      <c r="A4342" s="1">
        <v>43736.75</v>
      </c>
      <c r="B4342" s="2">
        <v>37.92</v>
      </c>
      <c r="C4342">
        <v>0.98592600000000008</v>
      </c>
      <c r="D4342">
        <f t="shared" si="134"/>
        <v>9.8592600000000003E-4</v>
      </c>
      <c r="E4342" s="6">
        <f t="shared" si="135"/>
        <v>3.7386313920000004E-2</v>
      </c>
    </row>
    <row r="4343" spans="1:5" x14ac:dyDescent="0.25">
      <c r="A4343" s="1">
        <v>43736.791666666664</v>
      </c>
      <c r="B4343" s="2">
        <v>37.11</v>
      </c>
      <c r="C4343">
        <v>0</v>
      </c>
      <c r="D4343">
        <f t="shared" si="134"/>
        <v>0</v>
      </c>
      <c r="E4343" s="6">
        <f t="shared" si="135"/>
        <v>0</v>
      </c>
    </row>
    <row r="4344" spans="1:5" x14ac:dyDescent="0.25">
      <c r="A4344" s="1">
        <v>43736.833333333336</v>
      </c>
      <c r="B4344" s="2">
        <v>36.85</v>
      </c>
      <c r="C4344">
        <v>0</v>
      </c>
      <c r="D4344">
        <f t="shared" si="134"/>
        <v>0</v>
      </c>
      <c r="E4344" s="6">
        <f t="shared" si="135"/>
        <v>0</v>
      </c>
    </row>
    <row r="4345" spans="1:5" x14ac:dyDescent="0.25">
      <c r="A4345" s="1">
        <v>43736.875</v>
      </c>
      <c r="B4345" s="2">
        <v>27.77</v>
      </c>
      <c r="C4345">
        <v>0</v>
      </c>
      <c r="D4345">
        <f t="shared" si="134"/>
        <v>0</v>
      </c>
      <c r="E4345" s="6">
        <f t="shared" si="135"/>
        <v>0</v>
      </c>
    </row>
    <row r="4346" spans="1:5" x14ac:dyDescent="0.25">
      <c r="A4346" s="1">
        <v>43736.916666666664</v>
      </c>
      <c r="B4346" s="2">
        <v>26.68</v>
      </c>
      <c r="C4346">
        <v>0</v>
      </c>
      <c r="D4346">
        <f t="shared" si="134"/>
        <v>0</v>
      </c>
      <c r="E4346" s="6">
        <f t="shared" si="135"/>
        <v>0</v>
      </c>
    </row>
    <row r="4347" spans="1:5" x14ac:dyDescent="0.25">
      <c r="A4347" s="1">
        <v>43736.958333333336</v>
      </c>
      <c r="B4347" s="2">
        <v>22.43</v>
      </c>
      <c r="C4347">
        <v>0</v>
      </c>
      <c r="D4347">
        <f t="shared" si="134"/>
        <v>0</v>
      </c>
      <c r="E4347" s="6">
        <f t="shared" si="135"/>
        <v>0</v>
      </c>
    </row>
    <row r="4348" spans="1:5" x14ac:dyDescent="0.25">
      <c r="A4348" s="1">
        <v>43737</v>
      </c>
      <c r="B4348" s="2">
        <v>20.76</v>
      </c>
      <c r="C4348">
        <v>0</v>
      </c>
      <c r="D4348">
        <f t="shared" si="134"/>
        <v>0</v>
      </c>
      <c r="E4348" s="6">
        <f t="shared" si="135"/>
        <v>0</v>
      </c>
    </row>
    <row r="4349" spans="1:5" x14ac:dyDescent="0.25">
      <c r="A4349" s="1">
        <v>43737.041666666664</v>
      </c>
      <c r="B4349" s="2">
        <v>19.78</v>
      </c>
      <c r="C4349">
        <v>0</v>
      </c>
      <c r="D4349">
        <f t="shared" si="134"/>
        <v>0</v>
      </c>
      <c r="E4349" s="6">
        <f t="shared" si="135"/>
        <v>0</v>
      </c>
    </row>
    <row r="4350" spans="1:5" x14ac:dyDescent="0.25">
      <c r="A4350" s="1">
        <v>43737.083333333336</v>
      </c>
      <c r="B4350" s="2">
        <v>18.64</v>
      </c>
      <c r="C4350">
        <v>0</v>
      </c>
      <c r="D4350">
        <f t="shared" si="134"/>
        <v>0</v>
      </c>
      <c r="E4350" s="6">
        <f t="shared" si="135"/>
        <v>0</v>
      </c>
    </row>
    <row r="4351" spans="1:5" x14ac:dyDescent="0.25">
      <c r="A4351" s="1">
        <v>43737.125</v>
      </c>
      <c r="B4351" s="2">
        <v>17.53</v>
      </c>
      <c r="C4351">
        <v>0</v>
      </c>
      <c r="D4351">
        <f t="shared" si="134"/>
        <v>0</v>
      </c>
      <c r="E4351" s="6">
        <f t="shared" si="135"/>
        <v>0</v>
      </c>
    </row>
    <row r="4352" spans="1:5" x14ac:dyDescent="0.25">
      <c r="A4352" s="1">
        <v>43737.166666666664</v>
      </c>
      <c r="B4352" s="2">
        <v>16.91</v>
      </c>
      <c r="C4352">
        <v>0</v>
      </c>
      <c r="D4352">
        <f t="shared" si="134"/>
        <v>0</v>
      </c>
      <c r="E4352" s="6">
        <f t="shared" si="135"/>
        <v>0</v>
      </c>
    </row>
    <row r="4353" spans="1:5" x14ac:dyDescent="0.25">
      <c r="A4353" s="1">
        <v>43737.208333333336</v>
      </c>
      <c r="B4353" s="2">
        <v>17.350000000000001</v>
      </c>
      <c r="C4353">
        <v>0</v>
      </c>
      <c r="D4353">
        <f t="shared" si="134"/>
        <v>0</v>
      </c>
      <c r="E4353" s="6">
        <f t="shared" si="135"/>
        <v>0</v>
      </c>
    </row>
    <row r="4354" spans="1:5" x14ac:dyDescent="0.25">
      <c r="A4354" s="1">
        <v>43737.25</v>
      </c>
      <c r="B4354" s="2">
        <v>17.87</v>
      </c>
      <c r="C4354">
        <v>0</v>
      </c>
      <c r="D4354">
        <f t="shared" si="134"/>
        <v>0</v>
      </c>
      <c r="E4354" s="6">
        <f t="shared" si="135"/>
        <v>0</v>
      </c>
    </row>
    <row r="4355" spans="1:5" x14ac:dyDescent="0.25">
      <c r="A4355" s="1">
        <v>43737.291666666664</v>
      </c>
      <c r="B4355" s="2">
        <v>19.47</v>
      </c>
      <c r="C4355">
        <v>0</v>
      </c>
      <c r="D4355">
        <f t="shared" si="134"/>
        <v>0</v>
      </c>
      <c r="E4355" s="6">
        <f t="shared" si="135"/>
        <v>0</v>
      </c>
    </row>
    <row r="4356" spans="1:5" x14ac:dyDescent="0.25">
      <c r="A4356" s="1">
        <v>43737.333333333336</v>
      </c>
      <c r="B4356" s="2">
        <v>20.63</v>
      </c>
      <c r="C4356">
        <v>1.4939310000000001</v>
      </c>
      <c r="D4356">
        <f t="shared" si="134"/>
        <v>1.4939310000000002E-3</v>
      </c>
      <c r="E4356" s="6">
        <f t="shared" si="135"/>
        <v>3.0819796530000002E-2</v>
      </c>
    </row>
    <row r="4357" spans="1:5" x14ac:dyDescent="0.25">
      <c r="A4357" s="1">
        <v>43737.375</v>
      </c>
      <c r="B4357" s="2">
        <v>24</v>
      </c>
      <c r="C4357">
        <v>3.5659689999999999</v>
      </c>
      <c r="D4357">
        <f t="shared" si="134"/>
        <v>3.565969E-3</v>
      </c>
      <c r="E4357" s="6">
        <f t="shared" si="135"/>
        <v>8.5583255999999996E-2</v>
      </c>
    </row>
    <row r="4358" spans="1:5" x14ac:dyDescent="0.25">
      <c r="A4358" s="1">
        <v>43737.416666666664</v>
      </c>
      <c r="B4358" s="2">
        <v>25.24</v>
      </c>
      <c r="C4358">
        <v>5.2265930000000003</v>
      </c>
      <c r="D4358">
        <f t="shared" ref="D4358:D4421" si="136">C4358/1000</f>
        <v>5.2265929999999999E-3</v>
      </c>
      <c r="E4358" s="6">
        <f t="shared" ref="E4358:E4421" si="137">D4358*B4358</f>
        <v>0.13191920731999998</v>
      </c>
    </row>
    <row r="4359" spans="1:5" x14ac:dyDescent="0.25">
      <c r="A4359" s="1">
        <v>43737.458333333336</v>
      </c>
      <c r="B4359" s="2">
        <v>31.33</v>
      </c>
      <c r="C4359">
        <v>6.3077079999999999</v>
      </c>
      <c r="D4359">
        <f t="shared" si="136"/>
        <v>6.3077079999999995E-3</v>
      </c>
      <c r="E4359" s="6">
        <f t="shared" si="137"/>
        <v>0.19762049163999998</v>
      </c>
    </row>
    <row r="4360" spans="1:5" x14ac:dyDescent="0.25">
      <c r="A4360" s="1">
        <v>43737.5</v>
      </c>
      <c r="B4360" s="2">
        <v>34.17</v>
      </c>
      <c r="C4360">
        <v>6.8781639999999999</v>
      </c>
      <c r="D4360">
        <f t="shared" si="136"/>
        <v>6.878164E-3</v>
      </c>
      <c r="E4360" s="6">
        <f t="shared" si="137"/>
        <v>0.23502686388000002</v>
      </c>
    </row>
    <row r="4361" spans="1:5" x14ac:dyDescent="0.25">
      <c r="A4361" s="1">
        <v>43737.541666666664</v>
      </c>
      <c r="B4361" s="2">
        <v>39.340000000000003</v>
      </c>
      <c r="C4361">
        <v>6.9922439999999995</v>
      </c>
      <c r="D4361">
        <f t="shared" si="136"/>
        <v>6.9922439999999999E-3</v>
      </c>
      <c r="E4361" s="6">
        <f t="shared" si="137"/>
        <v>0.27507487896000005</v>
      </c>
    </row>
    <row r="4362" spans="1:5" x14ac:dyDescent="0.25">
      <c r="A4362" s="1">
        <v>43737.583333333336</v>
      </c>
      <c r="B4362" s="2">
        <v>41.27</v>
      </c>
      <c r="C4362">
        <v>3.996737</v>
      </c>
      <c r="D4362">
        <f t="shared" si="136"/>
        <v>3.9967370000000002E-3</v>
      </c>
      <c r="E4362" s="6">
        <f t="shared" si="137"/>
        <v>0.16494533599000002</v>
      </c>
    </row>
    <row r="4363" spans="1:5" x14ac:dyDescent="0.25">
      <c r="A4363" s="1">
        <v>43737.625</v>
      </c>
      <c r="B4363" s="2">
        <v>52.59</v>
      </c>
      <c r="C4363">
        <v>5.9555090000000002</v>
      </c>
      <c r="D4363">
        <f t="shared" si="136"/>
        <v>5.9555090000000003E-3</v>
      </c>
      <c r="E4363" s="6">
        <f t="shared" si="137"/>
        <v>0.31320021831000006</v>
      </c>
    </row>
    <row r="4364" spans="1:5" x14ac:dyDescent="0.25">
      <c r="A4364" s="1">
        <v>43737.666666666664</v>
      </c>
      <c r="B4364" s="2">
        <v>61.03</v>
      </c>
      <c r="C4364">
        <v>4.6311869999999997</v>
      </c>
      <c r="D4364">
        <f t="shared" si="136"/>
        <v>4.6311870000000002E-3</v>
      </c>
      <c r="E4364" s="6">
        <f t="shared" si="137"/>
        <v>0.28264134261000001</v>
      </c>
    </row>
    <row r="4365" spans="1:5" x14ac:dyDescent="0.25">
      <c r="A4365" s="1">
        <v>43737.708333333336</v>
      </c>
      <c r="B4365" s="2">
        <v>57.61</v>
      </c>
      <c r="C4365">
        <v>2.8877299999999999</v>
      </c>
      <c r="D4365">
        <f t="shared" si="136"/>
        <v>2.8877299999999998E-3</v>
      </c>
      <c r="E4365" s="6">
        <f t="shared" si="137"/>
        <v>0.1663621253</v>
      </c>
    </row>
    <row r="4366" spans="1:5" x14ac:dyDescent="0.25">
      <c r="A4366" s="1">
        <v>43737.75</v>
      </c>
      <c r="B4366" s="2">
        <v>37.409999999999997</v>
      </c>
      <c r="C4366">
        <v>0.93178300000000003</v>
      </c>
      <c r="D4366">
        <f t="shared" si="136"/>
        <v>9.3178300000000005E-4</v>
      </c>
      <c r="E4366" s="6">
        <f t="shared" si="137"/>
        <v>3.4858002030000002E-2</v>
      </c>
    </row>
    <row r="4367" spans="1:5" x14ac:dyDescent="0.25">
      <c r="A4367" s="1">
        <v>43737.791666666664</v>
      </c>
      <c r="B4367" s="2">
        <v>37.770000000000003</v>
      </c>
      <c r="C4367">
        <v>0</v>
      </c>
      <c r="D4367">
        <f t="shared" si="136"/>
        <v>0</v>
      </c>
      <c r="E4367" s="6">
        <f t="shared" si="137"/>
        <v>0</v>
      </c>
    </row>
    <row r="4368" spans="1:5" x14ac:dyDescent="0.25">
      <c r="A4368" s="1">
        <v>43737.833333333336</v>
      </c>
      <c r="B4368" s="2">
        <v>35.4</v>
      </c>
      <c r="C4368">
        <v>0</v>
      </c>
      <c r="D4368">
        <f t="shared" si="136"/>
        <v>0</v>
      </c>
      <c r="E4368" s="6">
        <f t="shared" si="137"/>
        <v>0</v>
      </c>
    </row>
    <row r="4369" spans="1:5" x14ac:dyDescent="0.25">
      <c r="A4369" s="1">
        <v>43737.875</v>
      </c>
      <c r="B4369" s="2">
        <v>28.07</v>
      </c>
      <c r="C4369">
        <v>0</v>
      </c>
      <c r="D4369">
        <f t="shared" si="136"/>
        <v>0</v>
      </c>
      <c r="E4369" s="6">
        <f t="shared" si="137"/>
        <v>0</v>
      </c>
    </row>
    <row r="4370" spans="1:5" x14ac:dyDescent="0.25">
      <c r="A4370" s="1">
        <v>43737.916666666664</v>
      </c>
      <c r="B4370" s="2">
        <v>26.41</v>
      </c>
      <c r="C4370">
        <v>0</v>
      </c>
      <c r="D4370">
        <f t="shared" si="136"/>
        <v>0</v>
      </c>
      <c r="E4370" s="6">
        <f t="shared" si="137"/>
        <v>0</v>
      </c>
    </row>
    <row r="4371" spans="1:5" x14ac:dyDescent="0.25">
      <c r="A4371" s="1">
        <v>43737.958333333336</v>
      </c>
      <c r="B4371" s="2">
        <v>21.45</v>
      </c>
      <c r="C4371">
        <v>0</v>
      </c>
      <c r="D4371">
        <f t="shared" si="136"/>
        <v>0</v>
      </c>
      <c r="E4371" s="6">
        <f t="shared" si="137"/>
        <v>0</v>
      </c>
    </row>
    <row r="4372" spans="1:5" x14ac:dyDescent="0.25">
      <c r="A4372" s="1">
        <v>43738</v>
      </c>
      <c r="B4372" s="2">
        <v>20.18</v>
      </c>
      <c r="C4372">
        <v>0</v>
      </c>
      <c r="D4372">
        <f t="shared" si="136"/>
        <v>0</v>
      </c>
      <c r="E4372" s="6">
        <f t="shared" si="137"/>
        <v>0</v>
      </c>
    </row>
    <row r="4373" spans="1:5" x14ac:dyDescent="0.25">
      <c r="A4373" s="1">
        <v>43738.041666666664</v>
      </c>
      <c r="B4373" s="2">
        <v>20.07</v>
      </c>
      <c r="C4373">
        <v>0</v>
      </c>
      <c r="D4373">
        <f t="shared" si="136"/>
        <v>0</v>
      </c>
      <c r="E4373" s="6">
        <f t="shared" si="137"/>
        <v>0</v>
      </c>
    </row>
    <row r="4374" spans="1:5" x14ac:dyDescent="0.25">
      <c r="A4374" s="1">
        <v>43738.083333333336</v>
      </c>
      <c r="B4374" s="2">
        <v>18.420000000000002</v>
      </c>
      <c r="C4374">
        <v>0</v>
      </c>
      <c r="D4374">
        <f t="shared" si="136"/>
        <v>0</v>
      </c>
      <c r="E4374" s="6">
        <f t="shared" si="137"/>
        <v>0</v>
      </c>
    </row>
    <row r="4375" spans="1:5" x14ac:dyDescent="0.25">
      <c r="A4375" s="1">
        <v>43738.125</v>
      </c>
      <c r="B4375" s="2">
        <v>18.14</v>
      </c>
      <c r="C4375">
        <v>0</v>
      </c>
      <c r="D4375">
        <f t="shared" si="136"/>
        <v>0</v>
      </c>
      <c r="E4375" s="6">
        <f t="shared" si="137"/>
        <v>0</v>
      </c>
    </row>
    <row r="4376" spans="1:5" x14ac:dyDescent="0.25">
      <c r="A4376" s="1">
        <v>43738.166666666664</v>
      </c>
      <c r="B4376" s="2">
        <v>18.62</v>
      </c>
      <c r="C4376">
        <v>0</v>
      </c>
      <c r="D4376">
        <f t="shared" si="136"/>
        <v>0</v>
      </c>
      <c r="E4376" s="6">
        <f t="shared" si="137"/>
        <v>0</v>
      </c>
    </row>
    <row r="4377" spans="1:5" x14ac:dyDescent="0.25">
      <c r="A4377" s="1">
        <v>43738.208333333336</v>
      </c>
      <c r="B4377" s="2">
        <v>20.29</v>
      </c>
      <c r="C4377">
        <v>0</v>
      </c>
      <c r="D4377">
        <f t="shared" si="136"/>
        <v>0</v>
      </c>
      <c r="E4377" s="6">
        <f t="shared" si="137"/>
        <v>0</v>
      </c>
    </row>
    <row r="4378" spans="1:5" x14ac:dyDescent="0.25">
      <c r="A4378" s="1">
        <v>43738.25</v>
      </c>
      <c r="B4378" s="2">
        <v>24.65</v>
      </c>
      <c r="C4378">
        <v>0</v>
      </c>
      <c r="D4378">
        <f t="shared" si="136"/>
        <v>0</v>
      </c>
      <c r="E4378" s="6">
        <f t="shared" si="137"/>
        <v>0</v>
      </c>
    </row>
    <row r="4379" spans="1:5" x14ac:dyDescent="0.25">
      <c r="A4379" s="1">
        <v>43738.291666666664</v>
      </c>
      <c r="B4379" s="2">
        <v>25.33</v>
      </c>
      <c r="C4379">
        <v>0</v>
      </c>
      <c r="D4379">
        <f t="shared" si="136"/>
        <v>0</v>
      </c>
      <c r="E4379" s="6">
        <f t="shared" si="137"/>
        <v>0</v>
      </c>
    </row>
    <row r="4380" spans="1:5" x14ac:dyDescent="0.25">
      <c r="A4380" s="1">
        <v>43738.333333333336</v>
      </c>
      <c r="B4380" s="2">
        <v>25.25</v>
      </c>
      <c r="C4380">
        <v>1.4484900000000001</v>
      </c>
      <c r="D4380">
        <f t="shared" si="136"/>
        <v>1.44849E-3</v>
      </c>
      <c r="E4380" s="6">
        <f t="shared" si="137"/>
        <v>3.6574372500000001E-2</v>
      </c>
    </row>
    <row r="4381" spans="1:5" x14ac:dyDescent="0.25">
      <c r="A4381" s="1">
        <v>43738.375</v>
      </c>
      <c r="B4381" s="2">
        <v>28.76</v>
      </c>
      <c r="C4381">
        <v>3.5008780000000002</v>
      </c>
      <c r="D4381">
        <f t="shared" si="136"/>
        <v>3.5008780000000002E-3</v>
      </c>
      <c r="E4381" s="6">
        <f t="shared" si="137"/>
        <v>0.10068525128000001</v>
      </c>
    </row>
    <row r="4382" spans="1:5" x14ac:dyDescent="0.25">
      <c r="A4382" s="1">
        <v>43738.416666666664</v>
      </c>
      <c r="B4382" s="2">
        <v>30.59</v>
      </c>
      <c r="C4382">
        <v>5.1398349999999997</v>
      </c>
      <c r="D4382">
        <f t="shared" si="136"/>
        <v>5.1398349999999997E-3</v>
      </c>
      <c r="E4382" s="6">
        <f t="shared" si="137"/>
        <v>0.15722755264999999</v>
      </c>
    </row>
    <row r="4383" spans="1:5" x14ac:dyDescent="0.25">
      <c r="A4383" s="1">
        <v>43738.458333333336</v>
      </c>
      <c r="B4383" s="2">
        <v>37.270000000000003</v>
      </c>
      <c r="C4383">
        <v>6.227678</v>
      </c>
      <c r="D4383">
        <f t="shared" si="136"/>
        <v>6.2276780000000004E-3</v>
      </c>
      <c r="E4383" s="6">
        <f t="shared" si="137"/>
        <v>0.23210555906000002</v>
      </c>
    </row>
    <row r="4384" spans="1:5" x14ac:dyDescent="0.25">
      <c r="A4384" s="1">
        <v>43738.5</v>
      </c>
      <c r="B4384" s="2">
        <v>40.4</v>
      </c>
      <c r="C4384">
        <v>6.7862160000000005</v>
      </c>
      <c r="D4384">
        <f t="shared" si="136"/>
        <v>6.7862160000000003E-3</v>
      </c>
      <c r="E4384" s="6">
        <f t="shared" si="137"/>
        <v>0.27416312640000001</v>
      </c>
    </row>
    <row r="4385" spans="1:5" x14ac:dyDescent="0.25">
      <c r="A4385" s="1">
        <v>43738.541666666664</v>
      </c>
      <c r="B4385" s="2">
        <v>50.71</v>
      </c>
      <c r="C4385">
        <v>6.9028220000000005</v>
      </c>
      <c r="D4385">
        <f t="shared" si="136"/>
        <v>6.9028220000000003E-3</v>
      </c>
      <c r="E4385" s="6">
        <f t="shared" si="137"/>
        <v>0.35004210362000004</v>
      </c>
    </row>
    <row r="4386" spans="1:5" x14ac:dyDescent="0.25">
      <c r="A4386" s="1">
        <v>43738.583333333336</v>
      </c>
      <c r="B4386" s="2">
        <v>61.04</v>
      </c>
      <c r="C4386">
        <v>6.5469119999999998</v>
      </c>
      <c r="D4386">
        <f t="shared" si="136"/>
        <v>6.5469120000000002E-3</v>
      </c>
      <c r="E4386" s="6">
        <f t="shared" si="137"/>
        <v>0.39962350848</v>
      </c>
    </row>
    <row r="4387" spans="1:5" x14ac:dyDescent="0.25">
      <c r="A4387" s="1">
        <v>43738.625</v>
      </c>
      <c r="B4387" s="2">
        <v>70.2</v>
      </c>
      <c r="C4387">
        <v>5.7879160000000001</v>
      </c>
      <c r="D4387">
        <f t="shared" si="136"/>
        <v>5.7879159999999997E-3</v>
      </c>
      <c r="E4387" s="6">
        <f t="shared" si="137"/>
        <v>0.40631170319999999</v>
      </c>
    </row>
    <row r="4388" spans="1:5" x14ac:dyDescent="0.25">
      <c r="A4388" s="1">
        <v>43738.666666666664</v>
      </c>
      <c r="B4388" s="2">
        <v>79.849999999999994</v>
      </c>
      <c r="C4388">
        <v>4.5127290000000002</v>
      </c>
      <c r="D4388">
        <f t="shared" si="136"/>
        <v>4.512729E-3</v>
      </c>
      <c r="E4388" s="6">
        <f t="shared" si="137"/>
        <v>0.36034141064999997</v>
      </c>
    </row>
    <row r="4389" spans="1:5" x14ac:dyDescent="0.25">
      <c r="A4389" s="1">
        <v>43738.708333333336</v>
      </c>
      <c r="B4389" s="2">
        <v>66.11</v>
      </c>
      <c r="C4389">
        <v>2.7924129999999998</v>
      </c>
      <c r="D4389">
        <f t="shared" si="136"/>
        <v>2.7924129999999997E-3</v>
      </c>
      <c r="E4389" s="6">
        <f t="shared" si="137"/>
        <v>0.18460642342999997</v>
      </c>
    </row>
    <row r="4390" spans="1:5" x14ac:dyDescent="0.25">
      <c r="A4390" s="1">
        <v>43738.75</v>
      </c>
      <c r="B4390" s="2">
        <v>46.35</v>
      </c>
      <c r="C4390">
        <v>0.87546199999999996</v>
      </c>
      <c r="D4390">
        <f t="shared" si="136"/>
        <v>8.7546199999999992E-4</v>
      </c>
      <c r="E4390" s="6">
        <f t="shared" si="137"/>
        <v>4.0577663699999995E-2</v>
      </c>
    </row>
    <row r="4391" spans="1:5" x14ac:dyDescent="0.25">
      <c r="A4391" s="1">
        <v>43738.791666666664</v>
      </c>
      <c r="B4391" s="2">
        <v>44.21</v>
      </c>
      <c r="C4391">
        <v>0</v>
      </c>
      <c r="D4391">
        <f t="shared" si="136"/>
        <v>0</v>
      </c>
      <c r="E4391" s="6">
        <f t="shared" si="137"/>
        <v>0</v>
      </c>
    </row>
    <row r="4392" spans="1:5" x14ac:dyDescent="0.25">
      <c r="A4392" s="1">
        <v>43738.833333333336</v>
      </c>
      <c r="B4392" s="2">
        <v>42.28</v>
      </c>
      <c r="C4392">
        <v>0</v>
      </c>
      <c r="D4392">
        <f t="shared" si="136"/>
        <v>0</v>
      </c>
      <c r="E4392" s="6">
        <f t="shared" si="137"/>
        <v>0</v>
      </c>
    </row>
    <row r="4393" spans="1:5" x14ac:dyDescent="0.25">
      <c r="A4393" s="1">
        <v>43738.875</v>
      </c>
      <c r="B4393" s="2">
        <v>34.090000000000003</v>
      </c>
      <c r="C4393">
        <v>0</v>
      </c>
      <c r="D4393">
        <f t="shared" si="136"/>
        <v>0</v>
      </c>
      <c r="E4393" s="6">
        <f t="shared" si="137"/>
        <v>0</v>
      </c>
    </row>
    <row r="4394" spans="1:5" x14ac:dyDescent="0.25">
      <c r="A4394" s="1">
        <v>43738.916666666664</v>
      </c>
      <c r="B4394" s="2">
        <v>27.39</v>
      </c>
      <c r="C4394">
        <v>0</v>
      </c>
      <c r="D4394">
        <f t="shared" si="136"/>
        <v>0</v>
      </c>
      <c r="E4394" s="6">
        <f t="shared" si="137"/>
        <v>0</v>
      </c>
    </row>
    <row r="4395" spans="1:5" x14ac:dyDescent="0.25">
      <c r="A4395" s="1">
        <v>43738.958333333336</v>
      </c>
      <c r="B4395" s="2">
        <v>23.08</v>
      </c>
      <c r="C4395">
        <v>0</v>
      </c>
      <c r="D4395">
        <f t="shared" si="136"/>
        <v>0</v>
      </c>
      <c r="E4395" s="6">
        <f t="shared" si="137"/>
        <v>0</v>
      </c>
    </row>
    <row r="4396" spans="1:5" x14ac:dyDescent="0.25">
      <c r="A4396" s="1">
        <v>43739</v>
      </c>
      <c r="B4396" s="2">
        <v>20.95</v>
      </c>
      <c r="C4396">
        <v>0</v>
      </c>
      <c r="D4396">
        <f t="shared" si="136"/>
        <v>0</v>
      </c>
      <c r="E4396" s="6">
        <f t="shared" si="137"/>
        <v>0</v>
      </c>
    </row>
    <row r="4397" spans="1:5" x14ac:dyDescent="0.25">
      <c r="A4397" s="1">
        <v>43739.041666666664</v>
      </c>
      <c r="B4397" s="2">
        <v>19.690000000000001</v>
      </c>
      <c r="C4397">
        <v>0</v>
      </c>
      <c r="D4397">
        <f t="shared" si="136"/>
        <v>0</v>
      </c>
      <c r="E4397" s="6">
        <f t="shared" si="137"/>
        <v>0</v>
      </c>
    </row>
    <row r="4398" spans="1:5" x14ac:dyDescent="0.25">
      <c r="A4398" s="1">
        <v>43739.083333333336</v>
      </c>
      <c r="B4398" s="2">
        <v>18.62</v>
      </c>
      <c r="C4398">
        <v>0</v>
      </c>
      <c r="D4398">
        <f t="shared" si="136"/>
        <v>0</v>
      </c>
      <c r="E4398" s="6">
        <f t="shared" si="137"/>
        <v>0</v>
      </c>
    </row>
    <row r="4399" spans="1:5" x14ac:dyDescent="0.25">
      <c r="A4399" s="1">
        <v>43739.125</v>
      </c>
      <c r="B4399" s="2">
        <v>18.64</v>
      </c>
      <c r="C4399">
        <v>0</v>
      </c>
      <c r="D4399">
        <f t="shared" si="136"/>
        <v>0</v>
      </c>
      <c r="E4399" s="6">
        <f t="shared" si="137"/>
        <v>0</v>
      </c>
    </row>
    <row r="4400" spans="1:5" x14ac:dyDescent="0.25">
      <c r="A4400" s="1">
        <v>43739.166666666664</v>
      </c>
      <c r="B4400" s="2">
        <v>19.149999999999999</v>
      </c>
      <c r="C4400">
        <v>0</v>
      </c>
      <c r="D4400">
        <f t="shared" si="136"/>
        <v>0</v>
      </c>
      <c r="E4400" s="6">
        <f t="shared" si="137"/>
        <v>0</v>
      </c>
    </row>
    <row r="4401" spans="1:5" x14ac:dyDescent="0.25">
      <c r="A4401" s="1">
        <v>43739.208333333336</v>
      </c>
      <c r="B4401" s="2">
        <v>21.54</v>
      </c>
      <c r="C4401">
        <v>0</v>
      </c>
      <c r="D4401">
        <f t="shared" si="136"/>
        <v>0</v>
      </c>
      <c r="E4401" s="6">
        <f t="shared" si="137"/>
        <v>0</v>
      </c>
    </row>
    <row r="4402" spans="1:5" x14ac:dyDescent="0.25">
      <c r="A4402" s="1">
        <v>43739.25</v>
      </c>
      <c r="B4402" s="2">
        <v>25.04</v>
      </c>
      <c r="C4402">
        <v>0</v>
      </c>
      <c r="D4402">
        <f t="shared" si="136"/>
        <v>0</v>
      </c>
      <c r="E4402" s="6">
        <f t="shared" si="137"/>
        <v>0</v>
      </c>
    </row>
    <row r="4403" spans="1:5" x14ac:dyDescent="0.25">
      <c r="A4403" s="1">
        <v>43739.291666666664</v>
      </c>
      <c r="B4403" s="2">
        <v>24.76</v>
      </c>
      <c r="C4403">
        <v>0</v>
      </c>
      <c r="D4403">
        <f t="shared" si="136"/>
        <v>0</v>
      </c>
      <c r="E4403" s="6">
        <f t="shared" si="137"/>
        <v>0</v>
      </c>
    </row>
    <row r="4404" spans="1:5" x14ac:dyDescent="0.25">
      <c r="A4404" s="1">
        <v>43739.333333333336</v>
      </c>
      <c r="B4404" s="2">
        <v>24.8</v>
      </c>
      <c r="C4404">
        <v>1.5511360000000001</v>
      </c>
      <c r="D4404">
        <f t="shared" si="136"/>
        <v>1.5511360000000001E-3</v>
      </c>
      <c r="E4404" s="6">
        <f t="shared" si="137"/>
        <v>3.8468172800000006E-2</v>
      </c>
    </row>
    <row r="4405" spans="1:5" x14ac:dyDescent="0.25">
      <c r="A4405" s="1">
        <v>43739.375</v>
      </c>
      <c r="B4405" s="2">
        <v>27.12</v>
      </c>
      <c r="C4405">
        <v>3.7059319999999998</v>
      </c>
      <c r="D4405">
        <f t="shared" si="136"/>
        <v>3.7059319999999999E-3</v>
      </c>
      <c r="E4405" s="6">
        <f t="shared" si="137"/>
        <v>0.10050487584000001</v>
      </c>
    </row>
    <row r="4406" spans="1:5" x14ac:dyDescent="0.25">
      <c r="A4406" s="1">
        <v>43739.416666666664</v>
      </c>
      <c r="B4406" s="2">
        <v>31.67</v>
      </c>
      <c r="C4406">
        <v>5.3686549999999995</v>
      </c>
      <c r="D4406">
        <f t="shared" si="136"/>
        <v>5.3686549999999991E-3</v>
      </c>
      <c r="E4406" s="6">
        <f t="shared" si="137"/>
        <v>0.17002530384999998</v>
      </c>
    </row>
    <row r="4407" spans="1:5" x14ac:dyDescent="0.25">
      <c r="A4407" s="1">
        <v>43739.458333333336</v>
      </c>
      <c r="B4407" s="2">
        <v>40.700000000000003</v>
      </c>
      <c r="C4407">
        <v>6.4825540000000004</v>
      </c>
      <c r="D4407">
        <f t="shared" si="136"/>
        <v>6.4825540000000006E-3</v>
      </c>
      <c r="E4407" s="6">
        <f t="shared" si="137"/>
        <v>0.26383994780000003</v>
      </c>
    </row>
    <row r="4408" spans="1:5" x14ac:dyDescent="0.25">
      <c r="A4408" s="1">
        <v>43739.5</v>
      </c>
      <c r="B4408" s="2">
        <v>44.8</v>
      </c>
      <c r="C4408">
        <v>7.0701360000000006</v>
      </c>
      <c r="D4408">
        <f t="shared" si="136"/>
        <v>7.0701360000000003E-3</v>
      </c>
      <c r="E4408" s="6">
        <f t="shared" si="137"/>
        <v>0.31674209279999999</v>
      </c>
    </row>
    <row r="4409" spans="1:5" x14ac:dyDescent="0.25">
      <c r="A4409" s="1">
        <v>43739.541666666664</v>
      </c>
      <c r="B4409" s="2">
        <v>57.5</v>
      </c>
      <c r="C4409">
        <v>6.0140460000000004</v>
      </c>
      <c r="D4409">
        <f t="shared" si="136"/>
        <v>6.0140460000000003E-3</v>
      </c>
      <c r="E4409" s="6">
        <f t="shared" si="137"/>
        <v>0.345807645</v>
      </c>
    </row>
    <row r="4410" spans="1:5" x14ac:dyDescent="0.25">
      <c r="A4410" s="1">
        <v>43739.583333333336</v>
      </c>
      <c r="B4410" s="2">
        <v>75.739999999999995</v>
      </c>
      <c r="C4410">
        <v>6.8565079999999998</v>
      </c>
      <c r="D4410">
        <f t="shared" si="136"/>
        <v>6.8565079999999999E-3</v>
      </c>
      <c r="E4410" s="6">
        <f t="shared" si="137"/>
        <v>0.51931191591999992</v>
      </c>
    </row>
    <row r="4411" spans="1:5" x14ac:dyDescent="0.25">
      <c r="A4411" s="1">
        <v>43739.625</v>
      </c>
      <c r="B4411" s="2">
        <v>88.48</v>
      </c>
      <c r="C4411">
        <v>6.0194849999999995</v>
      </c>
      <c r="D4411">
        <f t="shared" si="136"/>
        <v>6.0194849999999998E-3</v>
      </c>
      <c r="E4411" s="6">
        <f t="shared" si="137"/>
        <v>0.53260403280000002</v>
      </c>
    </row>
    <row r="4412" spans="1:5" x14ac:dyDescent="0.25">
      <c r="A4412" s="1">
        <v>43739.666666666664</v>
      </c>
      <c r="B4412" s="2">
        <v>107.25</v>
      </c>
      <c r="C4412">
        <v>4.7100820000000008</v>
      </c>
      <c r="D4412">
        <f t="shared" si="136"/>
        <v>4.7100820000000009E-3</v>
      </c>
      <c r="E4412" s="6">
        <f t="shared" si="137"/>
        <v>0.5051562945000001</v>
      </c>
    </row>
    <row r="4413" spans="1:5" x14ac:dyDescent="0.25">
      <c r="A4413" s="1">
        <v>43739.708333333336</v>
      </c>
      <c r="B4413" s="2">
        <v>90.32</v>
      </c>
      <c r="C4413">
        <v>2.9372099999999999</v>
      </c>
      <c r="D4413">
        <f t="shared" si="136"/>
        <v>2.93721E-3</v>
      </c>
      <c r="E4413" s="6">
        <f t="shared" si="137"/>
        <v>0.26528880719999998</v>
      </c>
    </row>
    <row r="4414" spans="1:5" x14ac:dyDescent="0.25">
      <c r="A4414" s="1">
        <v>43739.75</v>
      </c>
      <c r="B4414" s="2">
        <v>53.8</v>
      </c>
      <c r="C4414">
        <v>0.912157</v>
      </c>
      <c r="D4414">
        <f t="shared" si="136"/>
        <v>9.1215700000000003E-4</v>
      </c>
      <c r="E4414" s="6">
        <f t="shared" si="137"/>
        <v>4.9074046599999997E-2</v>
      </c>
    </row>
    <row r="4415" spans="1:5" x14ac:dyDescent="0.25">
      <c r="A4415" s="1">
        <v>43739.791666666664</v>
      </c>
      <c r="B4415" s="2">
        <v>43.2</v>
      </c>
      <c r="C4415">
        <v>0</v>
      </c>
      <c r="D4415">
        <f t="shared" si="136"/>
        <v>0</v>
      </c>
      <c r="E4415" s="6">
        <f t="shared" si="137"/>
        <v>0</v>
      </c>
    </row>
    <row r="4416" spans="1:5" x14ac:dyDescent="0.25">
      <c r="A4416" s="1">
        <v>43739.833333333336</v>
      </c>
      <c r="B4416" s="2">
        <v>39.14</v>
      </c>
      <c r="C4416">
        <v>0</v>
      </c>
      <c r="D4416">
        <f t="shared" si="136"/>
        <v>0</v>
      </c>
      <c r="E4416" s="6">
        <f t="shared" si="137"/>
        <v>0</v>
      </c>
    </row>
    <row r="4417" spans="1:5" x14ac:dyDescent="0.25">
      <c r="A4417" s="1">
        <v>43739.875</v>
      </c>
      <c r="B4417" s="2">
        <v>32.119999999999997</v>
      </c>
      <c r="C4417">
        <v>0</v>
      </c>
      <c r="D4417">
        <f t="shared" si="136"/>
        <v>0</v>
      </c>
      <c r="E4417" s="6">
        <f t="shared" si="137"/>
        <v>0</v>
      </c>
    </row>
    <row r="4418" spans="1:5" x14ac:dyDescent="0.25">
      <c r="A4418" s="1">
        <v>43739.916666666664</v>
      </c>
      <c r="B4418" s="2">
        <v>27.51</v>
      </c>
      <c r="C4418">
        <v>0</v>
      </c>
      <c r="D4418">
        <f t="shared" si="136"/>
        <v>0</v>
      </c>
      <c r="E4418" s="6">
        <f t="shared" si="137"/>
        <v>0</v>
      </c>
    </row>
    <row r="4419" spans="1:5" x14ac:dyDescent="0.25">
      <c r="A4419" s="1">
        <v>43739.958333333336</v>
      </c>
      <c r="B4419" s="2">
        <v>24.45</v>
      </c>
      <c r="C4419">
        <v>0</v>
      </c>
      <c r="D4419">
        <f t="shared" si="136"/>
        <v>0</v>
      </c>
      <c r="E4419" s="6">
        <f t="shared" si="137"/>
        <v>0</v>
      </c>
    </row>
    <row r="4420" spans="1:5" x14ac:dyDescent="0.25">
      <c r="A4420" s="1">
        <v>43740</v>
      </c>
      <c r="B4420" s="2">
        <v>22.51</v>
      </c>
      <c r="C4420">
        <v>0</v>
      </c>
      <c r="D4420">
        <f t="shared" si="136"/>
        <v>0</v>
      </c>
      <c r="E4420" s="6">
        <f t="shared" si="137"/>
        <v>0</v>
      </c>
    </row>
    <row r="4421" spans="1:5" x14ac:dyDescent="0.25">
      <c r="A4421" s="1">
        <v>43740.041666666664</v>
      </c>
      <c r="B4421" s="2">
        <v>20.96</v>
      </c>
      <c r="C4421">
        <v>0</v>
      </c>
      <c r="D4421">
        <f t="shared" si="136"/>
        <v>0</v>
      </c>
      <c r="E4421" s="6">
        <f t="shared" si="137"/>
        <v>0</v>
      </c>
    </row>
    <row r="4422" spans="1:5" x14ac:dyDescent="0.25">
      <c r="A4422" s="1">
        <v>43740.083333333336</v>
      </c>
      <c r="B4422" s="2">
        <v>19.61</v>
      </c>
      <c r="C4422">
        <v>0</v>
      </c>
      <c r="D4422">
        <f t="shared" ref="D4422:D4485" si="138">C4422/1000</f>
        <v>0</v>
      </c>
      <c r="E4422" s="6">
        <f t="shared" ref="E4422:E4485" si="139">D4422*B4422</f>
        <v>0</v>
      </c>
    </row>
    <row r="4423" spans="1:5" x14ac:dyDescent="0.25">
      <c r="A4423" s="1">
        <v>43740.125</v>
      </c>
      <c r="B4423" s="2">
        <v>19.32</v>
      </c>
      <c r="C4423">
        <v>0</v>
      </c>
      <c r="D4423">
        <f t="shared" si="138"/>
        <v>0</v>
      </c>
      <c r="E4423" s="6">
        <f t="shared" si="139"/>
        <v>0</v>
      </c>
    </row>
    <row r="4424" spans="1:5" x14ac:dyDescent="0.25">
      <c r="A4424" s="1">
        <v>43740.166666666664</v>
      </c>
      <c r="B4424" s="2">
        <v>19.55</v>
      </c>
      <c r="C4424">
        <v>0</v>
      </c>
      <c r="D4424">
        <f t="shared" si="138"/>
        <v>0</v>
      </c>
      <c r="E4424" s="6">
        <f t="shared" si="139"/>
        <v>0</v>
      </c>
    </row>
    <row r="4425" spans="1:5" x14ac:dyDescent="0.25">
      <c r="A4425" s="1">
        <v>43740.208333333336</v>
      </c>
      <c r="B4425" s="2">
        <v>21.08</v>
      </c>
      <c r="C4425">
        <v>0</v>
      </c>
      <c r="D4425">
        <f t="shared" si="138"/>
        <v>0</v>
      </c>
      <c r="E4425" s="6">
        <f t="shared" si="139"/>
        <v>0</v>
      </c>
    </row>
    <row r="4426" spans="1:5" x14ac:dyDescent="0.25">
      <c r="A4426" s="1">
        <v>43740.25</v>
      </c>
      <c r="B4426" s="2">
        <v>26.54</v>
      </c>
      <c r="C4426">
        <v>0</v>
      </c>
      <c r="D4426">
        <f t="shared" si="138"/>
        <v>0</v>
      </c>
      <c r="E4426" s="6">
        <f t="shared" si="139"/>
        <v>0</v>
      </c>
    </row>
    <row r="4427" spans="1:5" x14ac:dyDescent="0.25">
      <c r="A4427" s="1">
        <v>43740.291666666664</v>
      </c>
      <c r="B4427" s="2">
        <v>26.59</v>
      </c>
      <c r="C4427">
        <v>0</v>
      </c>
      <c r="D4427">
        <f t="shared" si="138"/>
        <v>0</v>
      </c>
      <c r="E4427" s="6">
        <f t="shared" si="139"/>
        <v>0</v>
      </c>
    </row>
    <row r="4428" spans="1:5" x14ac:dyDescent="0.25">
      <c r="A4428" s="1">
        <v>43740.333333333336</v>
      </c>
      <c r="B4428" s="2">
        <v>27.34</v>
      </c>
      <c r="C4428">
        <v>1.423225</v>
      </c>
      <c r="D4428">
        <f t="shared" si="138"/>
        <v>1.423225E-3</v>
      </c>
      <c r="E4428" s="6">
        <f t="shared" si="139"/>
        <v>3.8910971500000002E-2</v>
      </c>
    </row>
    <row r="4429" spans="1:5" x14ac:dyDescent="0.25">
      <c r="A4429" s="1">
        <v>43740.375</v>
      </c>
      <c r="B4429" s="2">
        <v>31.51</v>
      </c>
      <c r="C4429">
        <v>3.4708299999999999</v>
      </c>
      <c r="D4429">
        <f t="shared" si="138"/>
        <v>3.4708299999999998E-3</v>
      </c>
      <c r="E4429" s="6">
        <f t="shared" si="139"/>
        <v>0.1093658533</v>
      </c>
    </row>
    <row r="4430" spans="1:5" x14ac:dyDescent="0.25">
      <c r="A4430" s="1">
        <v>43740.416666666664</v>
      </c>
      <c r="B4430" s="2">
        <v>33.83</v>
      </c>
      <c r="C4430">
        <v>5.0980850000000002</v>
      </c>
      <c r="D4430">
        <f t="shared" si="138"/>
        <v>5.0980850000000005E-3</v>
      </c>
      <c r="E4430" s="6">
        <f t="shared" si="139"/>
        <v>0.17246821555</v>
      </c>
    </row>
    <row r="4431" spans="1:5" x14ac:dyDescent="0.25">
      <c r="A4431" s="1">
        <v>43740.458333333336</v>
      </c>
      <c r="B4431" s="2">
        <v>36.26</v>
      </c>
      <c r="C4431">
        <v>6.2222870000000006</v>
      </c>
      <c r="D4431">
        <f t="shared" si="138"/>
        <v>6.2222870000000008E-3</v>
      </c>
      <c r="E4431" s="6">
        <f t="shared" si="139"/>
        <v>0.22562012662000003</v>
      </c>
    </row>
    <row r="4432" spans="1:5" x14ac:dyDescent="0.25">
      <c r="A4432" s="1">
        <v>43740.5</v>
      </c>
      <c r="B4432" s="2">
        <v>44.4</v>
      </c>
      <c r="C4432">
        <v>6.8214700000000006</v>
      </c>
      <c r="D4432">
        <f t="shared" si="138"/>
        <v>6.8214700000000005E-3</v>
      </c>
      <c r="E4432" s="6">
        <f t="shared" si="139"/>
        <v>0.30287326800000003</v>
      </c>
    </row>
    <row r="4433" spans="1:5" x14ac:dyDescent="0.25">
      <c r="A4433" s="1">
        <v>43740.541666666664</v>
      </c>
      <c r="B4433" s="2">
        <v>67.19</v>
      </c>
      <c r="C4433">
        <v>6.9637969999999996</v>
      </c>
      <c r="D4433">
        <f t="shared" si="138"/>
        <v>6.9637969999999999E-3</v>
      </c>
      <c r="E4433" s="6">
        <f t="shared" si="139"/>
        <v>0.46789752042999999</v>
      </c>
    </row>
    <row r="4434" spans="1:5" x14ac:dyDescent="0.25">
      <c r="A4434" s="1">
        <v>43740.583333333336</v>
      </c>
      <c r="B4434" s="2">
        <v>94.96</v>
      </c>
      <c r="C4434">
        <v>6.6181450000000002</v>
      </c>
      <c r="D4434">
        <f t="shared" si="138"/>
        <v>6.6181449999999998E-3</v>
      </c>
      <c r="E4434" s="6">
        <f t="shared" si="139"/>
        <v>0.62845904919999995</v>
      </c>
    </row>
    <row r="4435" spans="1:5" x14ac:dyDescent="0.25">
      <c r="A4435" s="1">
        <v>43740.625</v>
      </c>
      <c r="B4435" s="2">
        <v>133.30000000000001</v>
      </c>
      <c r="C4435">
        <v>5.8381699999999999</v>
      </c>
      <c r="D4435">
        <f t="shared" si="138"/>
        <v>5.8381700000000002E-3</v>
      </c>
      <c r="E4435" s="6">
        <f t="shared" si="139"/>
        <v>0.77822806100000008</v>
      </c>
    </row>
    <row r="4436" spans="1:5" x14ac:dyDescent="0.25">
      <c r="A4436" s="1">
        <v>43740.666666666664</v>
      </c>
      <c r="B4436" s="2">
        <v>160.13999999999999</v>
      </c>
      <c r="C4436">
        <v>3.7963079999999998</v>
      </c>
      <c r="D4436">
        <f t="shared" si="138"/>
        <v>3.796308E-3</v>
      </c>
      <c r="E4436" s="6">
        <f t="shared" si="139"/>
        <v>0.60794076311999989</v>
      </c>
    </row>
    <row r="4437" spans="1:5" x14ac:dyDescent="0.25">
      <c r="A4437" s="1">
        <v>43740.708333333336</v>
      </c>
      <c r="B4437" s="2">
        <v>124.58</v>
      </c>
      <c r="C4437">
        <v>2.8405019999999999</v>
      </c>
      <c r="D4437">
        <f t="shared" si="138"/>
        <v>2.840502E-3</v>
      </c>
      <c r="E4437" s="6">
        <f t="shared" si="139"/>
        <v>0.35386973915999997</v>
      </c>
    </row>
    <row r="4438" spans="1:5" x14ac:dyDescent="0.25">
      <c r="A4438" s="1">
        <v>43740.75</v>
      </c>
      <c r="B4438" s="2">
        <v>67.319999999999993</v>
      </c>
      <c r="C4438">
        <v>0.86639900000000003</v>
      </c>
      <c r="D4438">
        <f t="shared" si="138"/>
        <v>8.6639900000000001E-4</v>
      </c>
      <c r="E4438" s="6">
        <f t="shared" si="139"/>
        <v>5.8325980679999993E-2</v>
      </c>
    </row>
    <row r="4439" spans="1:5" x14ac:dyDescent="0.25">
      <c r="A4439" s="1">
        <v>43740.791666666664</v>
      </c>
      <c r="B4439" s="2">
        <v>56.18</v>
      </c>
      <c r="C4439">
        <v>0</v>
      </c>
      <c r="D4439">
        <f t="shared" si="138"/>
        <v>0</v>
      </c>
      <c r="E4439" s="6">
        <f t="shared" si="139"/>
        <v>0</v>
      </c>
    </row>
    <row r="4440" spans="1:5" x14ac:dyDescent="0.25">
      <c r="A4440" s="1">
        <v>43740.833333333336</v>
      </c>
      <c r="B4440" s="2">
        <v>40.44</v>
      </c>
      <c r="C4440">
        <v>0</v>
      </c>
      <c r="D4440">
        <f t="shared" si="138"/>
        <v>0</v>
      </c>
      <c r="E4440" s="6">
        <f t="shared" si="139"/>
        <v>0</v>
      </c>
    </row>
    <row r="4441" spans="1:5" x14ac:dyDescent="0.25">
      <c r="A4441" s="1">
        <v>43740.875</v>
      </c>
      <c r="B4441" s="2">
        <v>29.32</v>
      </c>
      <c r="C4441">
        <v>0</v>
      </c>
      <c r="D4441">
        <f t="shared" si="138"/>
        <v>0</v>
      </c>
      <c r="E4441" s="6">
        <f t="shared" si="139"/>
        <v>0</v>
      </c>
    </row>
    <row r="4442" spans="1:5" x14ac:dyDescent="0.25">
      <c r="A4442" s="1">
        <v>43740.916666666664</v>
      </c>
      <c r="B4442" s="2">
        <v>29.72</v>
      </c>
      <c r="C4442">
        <v>0</v>
      </c>
      <c r="D4442">
        <f t="shared" si="138"/>
        <v>0</v>
      </c>
      <c r="E4442" s="6">
        <f t="shared" si="139"/>
        <v>0</v>
      </c>
    </row>
    <row r="4443" spans="1:5" x14ac:dyDescent="0.25">
      <c r="A4443" s="1">
        <v>43740.958333333336</v>
      </c>
      <c r="B4443" s="2">
        <v>26.33</v>
      </c>
      <c r="C4443">
        <v>0</v>
      </c>
      <c r="D4443">
        <f t="shared" si="138"/>
        <v>0</v>
      </c>
      <c r="E4443" s="6">
        <f t="shared" si="139"/>
        <v>0</v>
      </c>
    </row>
    <row r="4444" spans="1:5" x14ac:dyDescent="0.25">
      <c r="A4444" s="1">
        <v>43741</v>
      </c>
      <c r="B4444" s="2">
        <v>22.78</v>
      </c>
      <c r="C4444">
        <v>0</v>
      </c>
      <c r="D4444">
        <f t="shared" si="138"/>
        <v>0</v>
      </c>
      <c r="E4444" s="6">
        <f t="shared" si="139"/>
        <v>0</v>
      </c>
    </row>
    <row r="4445" spans="1:5" x14ac:dyDescent="0.25">
      <c r="A4445" s="1">
        <v>43741.041666666664</v>
      </c>
      <c r="B4445" s="2">
        <v>21.85</v>
      </c>
      <c r="C4445">
        <v>0</v>
      </c>
      <c r="D4445">
        <f t="shared" si="138"/>
        <v>0</v>
      </c>
      <c r="E4445" s="6">
        <f t="shared" si="139"/>
        <v>0</v>
      </c>
    </row>
    <row r="4446" spans="1:5" x14ac:dyDescent="0.25">
      <c r="A4446" s="1">
        <v>43741.083333333336</v>
      </c>
      <c r="B4446" s="2">
        <v>20.53</v>
      </c>
      <c r="C4446">
        <v>0</v>
      </c>
      <c r="D4446">
        <f t="shared" si="138"/>
        <v>0</v>
      </c>
      <c r="E4446" s="6">
        <f t="shared" si="139"/>
        <v>0</v>
      </c>
    </row>
    <row r="4447" spans="1:5" x14ac:dyDescent="0.25">
      <c r="A4447" s="1">
        <v>43741.125</v>
      </c>
      <c r="B4447" s="2">
        <v>19.850000000000001</v>
      </c>
      <c r="C4447">
        <v>0</v>
      </c>
      <c r="D4447">
        <f t="shared" si="138"/>
        <v>0</v>
      </c>
      <c r="E4447" s="6">
        <f t="shared" si="139"/>
        <v>0</v>
      </c>
    </row>
    <row r="4448" spans="1:5" x14ac:dyDescent="0.25">
      <c r="A4448" s="1">
        <v>43741.166666666664</v>
      </c>
      <c r="B4448" s="2">
        <v>20.14</v>
      </c>
      <c r="C4448">
        <v>0</v>
      </c>
      <c r="D4448">
        <f t="shared" si="138"/>
        <v>0</v>
      </c>
      <c r="E4448" s="6">
        <f t="shared" si="139"/>
        <v>0</v>
      </c>
    </row>
    <row r="4449" spans="1:5" x14ac:dyDescent="0.25">
      <c r="A4449" s="1">
        <v>43741.208333333336</v>
      </c>
      <c r="B4449" s="2">
        <v>22.13</v>
      </c>
      <c r="C4449">
        <v>0</v>
      </c>
      <c r="D4449">
        <f t="shared" si="138"/>
        <v>0</v>
      </c>
      <c r="E4449" s="6">
        <f t="shared" si="139"/>
        <v>0</v>
      </c>
    </row>
    <row r="4450" spans="1:5" x14ac:dyDescent="0.25">
      <c r="A4450" s="1">
        <v>43741.25</v>
      </c>
      <c r="B4450" s="2">
        <v>26.74</v>
      </c>
      <c r="C4450">
        <v>0</v>
      </c>
      <c r="D4450">
        <f t="shared" si="138"/>
        <v>0</v>
      </c>
      <c r="E4450" s="6">
        <f t="shared" si="139"/>
        <v>0</v>
      </c>
    </row>
    <row r="4451" spans="1:5" x14ac:dyDescent="0.25">
      <c r="A4451" s="1">
        <v>43741.291666666664</v>
      </c>
      <c r="B4451" s="2">
        <v>26.14</v>
      </c>
      <c r="C4451">
        <v>0</v>
      </c>
      <c r="D4451">
        <f t="shared" si="138"/>
        <v>0</v>
      </c>
      <c r="E4451" s="6">
        <f t="shared" si="139"/>
        <v>0</v>
      </c>
    </row>
    <row r="4452" spans="1:5" x14ac:dyDescent="0.25">
      <c r="A4452" s="1">
        <v>43741.333333333336</v>
      </c>
      <c r="B4452" s="2">
        <v>26.51</v>
      </c>
      <c r="C4452">
        <v>1.4007159999999999</v>
      </c>
      <c r="D4452">
        <f t="shared" si="138"/>
        <v>1.4007159999999998E-3</v>
      </c>
      <c r="E4452" s="6">
        <f t="shared" si="139"/>
        <v>3.7132981159999995E-2</v>
      </c>
    </row>
    <row r="4453" spans="1:5" x14ac:dyDescent="0.25">
      <c r="A4453" s="1">
        <v>43741.375</v>
      </c>
      <c r="B4453" s="2">
        <v>29</v>
      </c>
      <c r="C4453">
        <v>3.3962629999999998</v>
      </c>
      <c r="D4453">
        <f t="shared" si="138"/>
        <v>3.3962629999999996E-3</v>
      </c>
      <c r="E4453" s="6">
        <f t="shared" si="139"/>
        <v>9.8491626999999984E-2</v>
      </c>
    </row>
    <row r="4454" spans="1:5" x14ac:dyDescent="0.25">
      <c r="A4454" s="1">
        <v>43741.416666666664</v>
      </c>
      <c r="B4454" s="2">
        <v>31.75</v>
      </c>
      <c r="C4454">
        <v>2.2766500000000001</v>
      </c>
      <c r="D4454">
        <f t="shared" si="138"/>
        <v>2.2766499999999999E-3</v>
      </c>
      <c r="E4454" s="6">
        <f t="shared" si="139"/>
        <v>7.2283637499999998E-2</v>
      </c>
    </row>
    <row r="4455" spans="1:5" x14ac:dyDescent="0.25">
      <c r="A4455" s="1">
        <v>43741.458333333336</v>
      </c>
      <c r="B4455" s="2">
        <v>32.11</v>
      </c>
      <c r="C4455">
        <v>4.1130279999999999</v>
      </c>
      <c r="D4455">
        <f t="shared" si="138"/>
        <v>4.1130279999999995E-3</v>
      </c>
      <c r="E4455" s="6">
        <f t="shared" si="139"/>
        <v>0.13206932907999999</v>
      </c>
    </row>
    <row r="4456" spans="1:5" x14ac:dyDescent="0.25">
      <c r="A4456" s="1">
        <v>43741.5</v>
      </c>
      <c r="B4456" s="2">
        <v>37.78</v>
      </c>
      <c r="C4456">
        <v>4.7408590000000004</v>
      </c>
      <c r="D4456">
        <f t="shared" si="138"/>
        <v>4.740859E-3</v>
      </c>
      <c r="E4456" s="6">
        <f t="shared" si="139"/>
        <v>0.17910965302000001</v>
      </c>
    </row>
    <row r="4457" spans="1:5" x14ac:dyDescent="0.25">
      <c r="A4457" s="1">
        <v>43741.541666666664</v>
      </c>
      <c r="B4457" s="2">
        <v>54.66</v>
      </c>
      <c r="C4457">
        <v>4.970415</v>
      </c>
      <c r="D4457">
        <f t="shared" si="138"/>
        <v>4.9704149999999997E-3</v>
      </c>
      <c r="E4457" s="6">
        <f t="shared" si="139"/>
        <v>0.27168288389999995</v>
      </c>
    </row>
    <row r="4458" spans="1:5" x14ac:dyDescent="0.25">
      <c r="A4458" s="1">
        <v>43741.583333333336</v>
      </c>
      <c r="B4458" s="2">
        <v>81.95</v>
      </c>
      <c r="C4458">
        <v>3.9876869999999998</v>
      </c>
      <c r="D4458">
        <f t="shared" si="138"/>
        <v>3.9876870000000002E-3</v>
      </c>
      <c r="E4458" s="6">
        <f t="shared" si="139"/>
        <v>0.32679094965000005</v>
      </c>
    </row>
    <row r="4459" spans="1:5" x14ac:dyDescent="0.25">
      <c r="A4459" s="1">
        <v>43741.625</v>
      </c>
      <c r="B4459" s="2">
        <v>83.66</v>
      </c>
      <c r="C4459">
        <v>4.641686</v>
      </c>
      <c r="D4459">
        <f t="shared" si="138"/>
        <v>4.6416859999999999E-3</v>
      </c>
      <c r="E4459" s="6">
        <f t="shared" si="139"/>
        <v>0.38832345075999997</v>
      </c>
    </row>
    <row r="4460" spans="1:5" x14ac:dyDescent="0.25">
      <c r="A4460" s="1">
        <v>43741.666666666664</v>
      </c>
      <c r="B4460" s="2">
        <v>85.69</v>
      </c>
      <c r="C4460">
        <v>3.161073</v>
      </c>
      <c r="D4460">
        <f t="shared" si="138"/>
        <v>3.1610729999999999E-3</v>
      </c>
      <c r="E4460" s="6">
        <f t="shared" si="139"/>
        <v>0.27087234536999999</v>
      </c>
    </row>
    <row r="4461" spans="1:5" x14ac:dyDescent="0.25">
      <c r="A4461" s="1">
        <v>43741.708333333336</v>
      </c>
      <c r="B4461" s="2">
        <v>63.83</v>
      </c>
      <c r="C4461">
        <v>2.6693699999999998</v>
      </c>
      <c r="D4461">
        <f t="shared" si="138"/>
        <v>2.6693699999999999E-3</v>
      </c>
      <c r="E4461" s="6">
        <f t="shared" si="139"/>
        <v>0.17038588709999999</v>
      </c>
    </row>
    <row r="4462" spans="1:5" x14ac:dyDescent="0.25">
      <c r="A4462" s="1">
        <v>43741.75</v>
      </c>
      <c r="B4462" s="2">
        <v>38.76</v>
      </c>
      <c r="C4462">
        <v>0.77005699999999999</v>
      </c>
      <c r="D4462">
        <f t="shared" si="138"/>
        <v>7.7005699999999999E-4</v>
      </c>
      <c r="E4462" s="6">
        <f t="shared" si="139"/>
        <v>2.9847409319999997E-2</v>
      </c>
    </row>
    <row r="4463" spans="1:5" x14ac:dyDescent="0.25">
      <c r="A4463" s="1">
        <v>43741.791666666664</v>
      </c>
      <c r="B4463" s="2">
        <v>33.090000000000003</v>
      </c>
      <c r="C4463">
        <v>0</v>
      </c>
      <c r="D4463">
        <f t="shared" si="138"/>
        <v>0</v>
      </c>
      <c r="E4463" s="6">
        <f t="shared" si="139"/>
        <v>0</v>
      </c>
    </row>
    <row r="4464" spans="1:5" x14ac:dyDescent="0.25">
      <c r="A4464" s="1">
        <v>43741.833333333336</v>
      </c>
      <c r="B4464" s="2">
        <v>28.43</v>
      </c>
      <c r="C4464">
        <v>0</v>
      </c>
      <c r="D4464">
        <f t="shared" si="138"/>
        <v>0</v>
      </c>
      <c r="E4464" s="6">
        <f t="shared" si="139"/>
        <v>0</v>
      </c>
    </row>
    <row r="4465" spans="1:5" x14ac:dyDescent="0.25">
      <c r="A4465" s="1">
        <v>43741.875</v>
      </c>
      <c r="B4465" s="2">
        <v>25.58</v>
      </c>
      <c r="C4465">
        <v>0</v>
      </c>
      <c r="D4465">
        <f t="shared" si="138"/>
        <v>0</v>
      </c>
      <c r="E4465" s="6">
        <f t="shared" si="139"/>
        <v>0</v>
      </c>
    </row>
    <row r="4466" spans="1:5" x14ac:dyDescent="0.25">
      <c r="A4466" s="1">
        <v>43741.916666666664</v>
      </c>
      <c r="B4466" s="2">
        <v>23.16</v>
      </c>
      <c r="C4466">
        <v>0</v>
      </c>
      <c r="D4466">
        <f t="shared" si="138"/>
        <v>0</v>
      </c>
      <c r="E4466" s="6">
        <f t="shared" si="139"/>
        <v>0</v>
      </c>
    </row>
    <row r="4467" spans="1:5" x14ac:dyDescent="0.25">
      <c r="A4467" s="1">
        <v>43741.958333333336</v>
      </c>
      <c r="B4467" s="2">
        <v>21</v>
      </c>
      <c r="C4467">
        <v>0</v>
      </c>
      <c r="D4467">
        <f t="shared" si="138"/>
        <v>0</v>
      </c>
      <c r="E4467" s="6">
        <f t="shared" si="139"/>
        <v>0</v>
      </c>
    </row>
    <row r="4468" spans="1:5" x14ac:dyDescent="0.25">
      <c r="A4468" s="1">
        <v>43742</v>
      </c>
      <c r="B4468" s="2">
        <v>19.25</v>
      </c>
      <c r="C4468">
        <v>0</v>
      </c>
      <c r="D4468">
        <f t="shared" si="138"/>
        <v>0</v>
      </c>
      <c r="E4468" s="6">
        <f t="shared" si="139"/>
        <v>0</v>
      </c>
    </row>
    <row r="4469" spans="1:5" x14ac:dyDescent="0.25">
      <c r="A4469" s="1">
        <v>43742.041666666664</v>
      </c>
      <c r="B4469" s="2">
        <v>18.489999999999998</v>
      </c>
      <c r="C4469">
        <v>0</v>
      </c>
      <c r="D4469">
        <f t="shared" si="138"/>
        <v>0</v>
      </c>
      <c r="E4469" s="6">
        <f t="shared" si="139"/>
        <v>0</v>
      </c>
    </row>
    <row r="4470" spans="1:5" x14ac:dyDescent="0.25">
      <c r="A4470" s="1">
        <v>43742.083333333336</v>
      </c>
      <c r="B4470" s="2">
        <v>16.170000000000002</v>
      </c>
      <c r="C4470">
        <v>0</v>
      </c>
      <c r="D4470">
        <f t="shared" si="138"/>
        <v>0</v>
      </c>
      <c r="E4470" s="6">
        <f t="shared" si="139"/>
        <v>0</v>
      </c>
    </row>
    <row r="4471" spans="1:5" x14ac:dyDescent="0.25">
      <c r="A4471" s="1">
        <v>43742.125</v>
      </c>
      <c r="B4471" s="2">
        <v>15.62</v>
      </c>
      <c r="C4471">
        <v>0</v>
      </c>
      <c r="D4471">
        <f t="shared" si="138"/>
        <v>0</v>
      </c>
      <c r="E4471" s="6">
        <f t="shared" si="139"/>
        <v>0</v>
      </c>
    </row>
    <row r="4472" spans="1:5" x14ac:dyDescent="0.25">
      <c r="A4472" s="1">
        <v>43742.166666666664</v>
      </c>
      <c r="B4472" s="2">
        <v>16.12</v>
      </c>
      <c r="C4472">
        <v>0</v>
      </c>
      <c r="D4472">
        <f t="shared" si="138"/>
        <v>0</v>
      </c>
      <c r="E4472" s="6">
        <f t="shared" si="139"/>
        <v>0</v>
      </c>
    </row>
    <row r="4473" spans="1:5" x14ac:dyDescent="0.25">
      <c r="A4473" s="1">
        <v>43742.208333333336</v>
      </c>
      <c r="B4473" s="2">
        <v>19.37</v>
      </c>
      <c r="C4473">
        <v>0</v>
      </c>
      <c r="D4473">
        <f t="shared" si="138"/>
        <v>0</v>
      </c>
      <c r="E4473" s="6">
        <f t="shared" si="139"/>
        <v>0</v>
      </c>
    </row>
    <row r="4474" spans="1:5" x14ac:dyDescent="0.25">
      <c r="A4474" s="1">
        <v>43742.25</v>
      </c>
      <c r="B4474" s="2">
        <v>23.43</v>
      </c>
      <c r="C4474">
        <v>0</v>
      </c>
      <c r="D4474">
        <f t="shared" si="138"/>
        <v>0</v>
      </c>
      <c r="E4474" s="6">
        <f t="shared" si="139"/>
        <v>0</v>
      </c>
    </row>
    <row r="4475" spans="1:5" x14ac:dyDescent="0.25">
      <c r="A4475" s="1">
        <v>43742.291666666664</v>
      </c>
      <c r="B4475" s="2">
        <v>23.31</v>
      </c>
      <c r="C4475">
        <v>0</v>
      </c>
      <c r="D4475">
        <f t="shared" si="138"/>
        <v>0</v>
      </c>
      <c r="E4475" s="6">
        <f t="shared" si="139"/>
        <v>0</v>
      </c>
    </row>
    <row r="4476" spans="1:5" x14ac:dyDescent="0.25">
      <c r="A4476" s="1">
        <v>43742.333333333336</v>
      </c>
      <c r="B4476" s="2">
        <v>22.36</v>
      </c>
      <c r="C4476">
        <v>0.28786499999999998</v>
      </c>
      <c r="D4476">
        <f t="shared" si="138"/>
        <v>2.87865E-4</v>
      </c>
      <c r="E4476" s="6">
        <f t="shared" si="139"/>
        <v>6.4366613999999999E-3</v>
      </c>
    </row>
    <row r="4477" spans="1:5" x14ac:dyDescent="0.25">
      <c r="A4477" s="1">
        <v>43742.375</v>
      </c>
      <c r="B4477" s="2">
        <v>23.72</v>
      </c>
      <c r="C4477">
        <v>0.969418</v>
      </c>
      <c r="D4477">
        <f t="shared" si="138"/>
        <v>9.6941799999999999E-4</v>
      </c>
      <c r="E4477" s="6">
        <f t="shared" si="139"/>
        <v>2.299459496E-2</v>
      </c>
    </row>
    <row r="4478" spans="1:5" x14ac:dyDescent="0.25">
      <c r="A4478" s="1">
        <v>43742.416666666664</v>
      </c>
      <c r="B4478" s="2">
        <v>24.39</v>
      </c>
      <c r="C4478">
        <v>2.4755630000000002</v>
      </c>
      <c r="D4478">
        <f t="shared" si="138"/>
        <v>2.4755630000000001E-3</v>
      </c>
      <c r="E4478" s="6">
        <f t="shared" si="139"/>
        <v>6.0378981570000004E-2</v>
      </c>
    </row>
    <row r="4479" spans="1:5" x14ac:dyDescent="0.25">
      <c r="A4479" s="1">
        <v>43742.458333333336</v>
      </c>
      <c r="B4479" s="2">
        <v>24.36</v>
      </c>
      <c r="C4479">
        <v>4.0219670000000001</v>
      </c>
      <c r="D4479">
        <f t="shared" si="138"/>
        <v>4.0219670000000004E-3</v>
      </c>
      <c r="E4479" s="6">
        <f t="shared" si="139"/>
        <v>9.7975116120000011E-2</v>
      </c>
    </row>
    <row r="4480" spans="1:5" x14ac:dyDescent="0.25">
      <c r="A4480" s="1">
        <v>43742.5</v>
      </c>
      <c r="B4480" s="2">
        <v>24.68</v>
      </c>
      <c r="C4480">
        <v>2.9979100000000001</v>
      </c>
      <c r="D4480">
        <f t="shared" si="138"/>
        <v>2.9979099999999999E-3</v>
      </c>
      <c r="E4480" s="6">
        <f t="shared" si="139"/>
        <v>7.3988418799999997E-2</v>
      </c>
    </row>
    <row r="4481" spans="1:5" x14ac:dyDescent="0.25">
      <c r="A4481" s="1">
        <v>43742.541666666664</v>
      </c>
      <c r="B4481" s="2">
        <v>25.07</v>
      </c>
      <c r="C4481">
        <v>5.049067</v>
      </c>
      <c r="D4481">
        <f t="shared" si="138"/>
        <v>5.049067E-3</v>
      </c>
      <c r="E4481" s="6">
        <f t="shared" si="139"/>
        <v>0.12658010969</v>
      </c>
    </row>
    <row r="4482" spans="1:5" x14ac:dyDescent="0.25">
      <c r="A4482" s="1">
        <v>43742.583333333336</v>
      </c>
      <c r="B4482" s="2">
        <v>26.98</v>
      </c>
      <c r="C4482">
        <v>4.9060259999999998</v>
      </c>
      <c r="D4482">
        <f t="shared" si="138"/>
        <v>4.906026E-3</v>
      </c>
      <c r="E4482" s="6">
        <f t="shared" si="139"/>
        <v>0.13236458147999999</v>
      </c>
    </row>
    <row r="4483" spans="1:5" x14ac:dyDescent="0.25">
      <c r="A4483" s="1">
        <v>43742.625</v>
      </c>
      <c r="B4483" s="2">
        <v>27.34</v>
      </c>
      <c r="C4483">
        <v>2.1532429999999998</v>
      </c>
      <c r="D4483">
        <f t="shared" si="138"/>
        <v>2.153243E-3</v>
      </c>
      <c r="E4483" s="6">
        <f t="shared" si="139"/>
        <v>5.8869663619999998E-2</v>
      </c>
    </row>
    <row r="4484" spans="1:5" x14ac:dyDescent="0.25">
      <c r="A4484" s="1">
        <v>43742.666666666664</v>
      </c>
      <c r="B4484" s="2">
        <v>26.4</v>
      </c>
      <c r="C4484">
        <v>3.0342829999999998</v>
      </c>
      <c r="D4484">
        <f t="shared" si="138"/>
        <v>3.034283E-3</v>
      </c>
      <c r="E4484" s="6">
        <f t="shared" si="139"/>
        <v>8.0105071200000003E-2</v>
      </c>
    </row>
    <row r="4485" spans="1:5" x14ac:dyDescent="0.25">
      <c r="A4485" s="1">
        <v>43742.708333333336</v>
      </c>
      <c r="B4485" s="2">
        <v>24.76</v>
      </c>
      <c r="C4485">
        <v>2.165778</v>
      </c>
      <c r="D4485">
        <f t="shared" si="138"/>
        <v>2.1657780000000001E-3</v>
      </c>
      <c r="E4485" s="6">
        <f t="shared" si="139"/>
        <v>5.3624663280000005E-2</v>
      </c>
    </row>
    <row r="4486" spans="1:5" x14ac:dyDescent="0.25">
      <c r="A4486" s="1">
        <v>43742.75</v>
      </c>
      <c r="B4486" s="2">
        <v>24.49</v>
      </c>
      <c r="C4486">
        <v>0.621502</v>
      </c>
      <c r="D4486">
        <f t="shared" ref="D4486:D4549" si="140">C4486/1000</f>
        <v>6.2150200000000001E-4</v>
      </c>
      <c r="E4486" s="6">
        <f t="shared" ref="E4486:E4549" si="141">D4486*B4486</f>
        <v>1.5220583979999999E-2</v>
      </c>
    </row>
    <row r="4487" spans="1:5" x14ac:dyDescent="0.25">
      <c r="A4487" s="1">
        <v>43742.791666666664</v>
      </c>
      <c r="B4487" s="2">
        <v>24.27</v>
      </c>
      <c r="C4487">
        <v>0</v>
      </c>
      <c r="D4487">
        <f t="shared" si="140"/>
        <v>0</v>
      </c>
      <c r="E4487" s="6">
        <f t="shared" si="141"/>
        <v>0</v>
      </c>
    </row>
    <row r="4488" spans="1:5" x14ac:dyDescent="0.25">
      <c r="A4488" s="1">
        <v>43742.833333333336</v>
      </c>
      <c r="B4488" s="2">
        <v>22.66</v>
      </c>
      <c r="C4488">
        <v>0</v>
      </c>
      <c r="D4488">
        <f t="shared" si="140"/>
        <v>0</v>
      </c>
      <c r="E4488" s="6">
        <f t="shared" si="141"/>
        <v>0</v>
      </c>
    </row>
    <row r="4489" spans="1:5" x14ac:dyDescent="0.25">
      <c r="A4489" s="1">
        <v>43742.875</v>
      </c>
      <c r="B4489" s="2">
        <v>20.61</v>
      </c>
      <c r="C4489">
        <v>0</v>
      </c>
      <c r="D4489">
        <f t="shared" si="140"/>
        <v>0</v>
      </c>
      <c r="E4489" s="6">
        <f t="shared" si="141"/>
        <v>0</v>
      </c>
    </row>
    <row r="4490" spans="1:5" x14ac:dyDescent="0.25">
      <c r="A4490" s="1">
        <v>43742.916666666664</v>
      </c>
      <c r="B4490" s="2">
        <v>18.53</v>
      </c>
      <c r="C4490">
        <v>0</v>
      </c>
      <c r="D4490">
        <f t="shared" si="140"/>
        <v>0</v>
      </c>
      <c r="E4490" s="6">
        <f t="shared" si="141"/>
        <v>0</v>
      </c>
    </row>
    <row r="4491" spans="1:5" x14ac:dyDescent="0.25">
      <c r="A4491" s="1">
        <v>43742.958333333336</v>
      </c>
      <c r="B4491" s="2">
        <v>16.72</v>
      </c>
      <c r="C4491">
        <v>0</v>
      </c>
      <c r="D4491">
        <f t="shared" si="140"/>
        <v>0</v>
      </c>
      <c r="E4491" s="6">
        <f t="shared" si="141"/>
        <v>0</v>
      </c>
    </row>
    <row r="4492" spans="1:5" x14ac:dyDescent="0.25">
      <c r="A4492" s="1">
        <v>43743</v>
      </c>
      <c r="B4492" s="2">
        <v>16.600000000000001</v>
      </c>
      <c r="C4492">
        <v>0</v>
      </c>
      <c r="D4492">
        <f t="shared" si="140"/>
        <v>0</v>
      </c>
      <c r="E4492" s="6">
        <f t="shared" si="141"/>
        <v>0</v>
      </c>
    </row>
    <row r="4493" spans="1:5" x14ac:dyDescent="0.25">
      <c r="A4493" s="1">
        <v>43743.041666666664</v>
      </c>
      <c r="B4493" s="2">
        <v>16.899999999999999</v>
      </c>
      <c r="C4493">
        <v>0</v>
      </c>
      <c r="D4493">
        <f t="shared" si="140"/>
        <v>0</v>
      </c>
      <c r="E4493" s="6">
        <f t="shared" si="141"/>
        <v>0</v>
      </c>
    </row>
    <row r="4494" spans="1:5" x14ac:dyDescent="0.25">
      <c r="A4494" s="1">
        <v>43743.083333333336</v>
      </c>
      <c r="B4494" s="2">
        <v>15.73</v>
      </c>
      <c r="C4494">
        <v>0</v>
      </c>
      <c r="D4494">
        <f t="shared" si="140"/>
        <v>0</v>
      </c>
      <c r="E4494" s="6">
        <f t="shared" si="141"/>
        <v>0</v>
      </c>
    </row>
    <row r="4495" spans="1:5" x14ac:dyDescent="0.25">
      <c r="A4495" s="1">
        <v>43743.125</v>
      </c>
      <c r="B4495" s="2">
        <v>14.79</v>
      </c>
      <c r="C4495">
        <v>0</v>
      </c>
      <c r="D4495">
        <f t="shared" si="140"/>
        <v>0</v>
      </c>
      <c r="E4495" s="6">
        <f t="shared" si="141"/>
        <v>0</v>
      </c>
    </row>
    <row r="4496" spans="1:5" x14ac:dyDescent="0.25">
      <c r="A4496" s="1">
        <v>43743.166666666664</v>
      </c>
      <c r="B4496" s="2">
        <v>14.54</v>
      </c>
      <c r="C4496">
        <v>0</v>
      </c>
      <c r="D4496">
        <f t="shared" si="140"/>
        <v>0</v>
      </c>
      <c r="E4496" s="6">
        <f t="shared" si="141"/>
        <v>0</v>
      </c>
    </row>
    <row r="4497" spans="1:5" x14ac:dyDescent="0.25">
      <c r="A4497" s="1">
        <v>43743.208333333336</v>
      </c>
      <c r="B4497" s="2">
        <v>15.13</v>
      </c>
      <c r="C4497">
        <v>0</v>
      </c>
      <c r="D4497">
        <f t="shared" si="140"/>
        <v>0</v>
      </c>
      <c r="E4497" s="6">
        <f t="shared" si="141"/>
        <v>0</v>
      </c>
    </row>
    <row r="4498" spans="1:5" x14ac:dyDescent="0.25">
      <c r="A4498" s="1">
        <v>43743.25</v>
      </c>
      <c r="B4498" s="2">
        <v>17.71</v>
      </c>
      <c r="C4498">
        <v>0</v>
      </c>
      <c r="D4498">
        <f t="shared" si="140"/>
        <v>0</v>
      </c>
      <c r="E4498" s="6">
        <f t="shared" si="141"/>
        <v>0</v>
      </c>
    </row>
    <row r="4499" spans="1:5" x14ac:dyDescent="0.25">
      <c r="A4499" s="1">
        <v>43743.291666666664</v>
      </c>
      <c r="B4499" s="2">
        <v>18.78</v>
      </c>
      <c r="C4499">
        <v>0</v>
      </c>
      <c r="D4499">
        <f t="shared" si="140"/>
        <v>0</v>
      </c>
      <c r="E4499" s="6">
        <f t="shared" si="141"/>
        <v>0</v>
      </c>
    </row>
    <row r="4500" spans="1:5" x14ac:dyDescent="0.25">
      <c r="A4500" s="1">
        <v>43743.333333333336</v>
      </c>
      <c r="B4500" s="2">
        <v>19.579999999999998</v>
      </c>
      <c r="C4500">
        <v>0.18407799999999999</v>
      </c>
      <c r="D4500">
        <f t="shared" si="140"/>
        <v>1.8407799999999998E-4</v>
      </c>
      <c r="E4500" s="6">
        <f t="shared" si="141"/>
        <v>3.6042472399999991E-3</v>
      </c>
    </row>
    <row r="4501" spans="1:5" x14ac:dyDescent="0.25">
      <c r="A4501" s="1">
        <v>43743.375</v>
      </c>
      <c r="B4501" s="2">
        <v>20.04</v>
      </c>
      <c r="C4501">
        <v>4.1667000000000003E-2</v>
      </c>
      <c r="D4501">
        <f t="shared" si="140"/>
        <v>4.1666999999999999E-5</v>
      </c>
      <c r="E4501" s="6">
        <f t="shared" si="141"/>
        <v>8.3500668E-4</v>
      </c>
    </row>
    <row r="4502" spans="1:5" x14ac:dyDescent="0.25">
      <c r="A4502" s="1">
        <v>43743.416666666664</v>
      </c>
      <c r="B4502" s="2">
        <v>19.649999999999999</v>
      </c>
      <c r="C4502">
        <v>1.058009</v>
      </c>
      <c r="D4502">
        <f t="shared" si="140"/>
        <v>1.0580089999999999E-3</v>
      </c>
      <c r="E4502" s="6">
        <f t="shared" si="141"/>
        <v>2.0789876849999996E-2</v>
      </c>
    </row>
    <row r="4503" spans="1:5" x14ac:dyDescent="0.25">
      <c r="A4503" s="1">
        <v>43743.458333333336</v>
      </c>
      <c r="B4503" s="2">
        <v>18.239999999999998</v>
      </c>
      <c r="C4503">
        <v>2.5876959999999998</v>
      </c>
      <c r="D4503">
        <f t="shared" si="140"/>
        <v>2.5876959999999996E-3</v>
      </c>
      <c r="E4503" s="6">
        <f t="shared" si="141"/>
        <v>4.719957503999999E-2</v>
      </c>
    </row>
    <row r="4504" spans="1:5" x14ac:dyDescent="0.25">
      <c r="A4504" s="1">
        <v>43743.5</v>
      </c>
      <c r="B4504" s="2">
        <v>19.21</v>
      </c>
      <c r="C4504">
        <v>4.799811</v>
      </c>
      <c r="D4504">
        <f t="shared" si="140"/>
        <v>4.7998110000000002E-3</v>
      </c>
      <c r="E4504" s="6">
        <f t="shared" si="141"/>
        <v>9.2204369310000006E-2</v>
      </c>
    </row>
    <row r="4505" spans="1:5" x14ac:dyDescent="0.25">
      <c r="A4505" s="1">
        <v>43743.541666666664</v>
      </c>
      <c r="B4505" s="2">
        <v>19.48</v>
      </c>
      <c r="C4505">
        <v>4.4309149999999997</v>
      </c>
      <c r="D4505">
        <f t="shared" si="140"/>
        <v>4.4309149999999997E-3</v>
      </c>
      <c r="E4505" s="6">
        <f t="shared" si="141"/>
        <v>8.6314224199999998E-2</v>
      </c>
    </row>
    <row r="4506" spans="1:5" x14ac:dyDescent="0.25">
      <c r="A4506" s="1">
        <v>43743.583333333336</v>
      </c>
      <c r="B4506" s="2">
        <v>20.73</v>
      </c>
      <c r="C4506">
        <v>3.6771889999999998</v>
      </c>
      <c r="D4506">
        <f t="shared" si="140"/>
        <v>3.677189E-3</v>
      </c>
      <c r="E4506" s="6">
        <f t="shared" si="141"/>
        <v>7.6228127970000004E-2</v>
      </c>
    </row>
    <row r="4507" spans="1:5" x14ac:dyDescent="0.25">
      <c r="A4507" s="1">
        <v>43743.625</v>
      </c>
      <c r="B4507" s="2">
        <v>21.62</v>
      </c>
      <c r="C4507">
        <v>4.2913500000000004</v>
      </c>
      <c r="D4507">
        <f t="shared" si="140"/>
        <v>4.2913500000000002E-3</v>
      </c>
      <c r="E4507" s="6">
        <f t="shared" si="141"/>
        <v>9.2778987000000007E-2</v>
      </c>
    </row>
    <row r="4508" spans="1:5" x14ac:dyDescent="0.25">
      <c r="A4508" s="1">
        <v>43743.666666666664</v>
      </c>
      <c r="B4508" s="2">
        <v>22.15</v>
      </c>
      <c r="C4508">
        <v>2.9575709999999997</v>
      </c>
      <c r="D4508">
        <f t="shared" si="140"/>
        <v>2.9575709999999996E-3</v>
      </c>
      <c r="E4508" s="6">
        <f t="shared" si="141"/>
        <v>6.5510197649999991E-2</v>
      </c>
    </row>
    <row r="4509" spans="1:5" x14ac:dyDescent="0.25">
      <c r="A4509" s="1">
        <v>43743.708333333336</v>
      </c>
      <c r="B4509" s="2">
        <v>22.1</v>
      </c>
      <c r="C4509">
        <v>2.5216570000000003</v>
      </c>
      <c r="D4509">
        <f t="shared" si="140"/>
        <v>2.5216570000000001E-3</v>
      </c>
      <c r="E4509" s="6">
        <f t="shared" si="141"/>
        <v>5.5728619700000002E-2</v>
      </c>
    </row>
    <row r="4510" spans="1:5" x14ac:dyDescent="0.25">
      <c r="A4510" s="1">
        <v>43743.75</v>
      </c>
      <c r="B4510" s="2">
        <v>21.63</v>
      </c>
      <c r="C4510">
        <v>0.68559100000000006</v>
      </c>
      <c r="D4510">
        <f t="shared" si="140"/>
        <v>6.8559100000000004E-4</v>
      </c>
      <c r="E4510" s="6">
        <f t="shared" si="141"/>
        <v>1.482933333E-2</v>
      </c>
    </row>
    <row r="4511" spans="1:5" x14ac:dyDescent="0.25">
      <c r="A4511" s="1">
        <v>43743.791666666664</v>
      </c>
      <c r="B4511" s="2">
        <v>21.69</v>
      </c>
      <c r="C4511">
        <v>0</v>
      </c>
      <c r="D4511">
        <f t="shared" si="140"/>
        <v>0</v>
      </c>
      <c r="E4511" s="6">
        <f t="shared" si="141"/>
        <v>0</v>
      </c>
    </row>
    <row r="4512" spans="1:5" x14ac:dyDescent="0.25">
      <c r="A4512" s="1">
        <v>43743.833333333336</v>
      </c>
      <c r="B4512" s="2">
        <v>19.78</v>
      </c>
      <c r="C4512">
        <v>0</v>
      </c>
      <c r="D4512">
        <f t="shared" si="140"/>
        <v>0</v>
      </c>
      <c r="E4512" s="6">
        <f t="shared" si="141"/>
        <v>0</v>
      </c>
    </row>
    <row r="4513" spans="1:5" x14ac:dyDescent="0.25">
      <c r="A4513" s="1">
        <v>43743.875</v>
      </c>
      <c r="B4513" s="2">
        <v>16.63</v>
      </c>
      <c r="C4513">
        <v>0</v>
      </c>
      <c r="D4513">
        <f t="shared" si="140"/>
        <v>0</v>
      </c>
      <c r="E4513" s="6">
        <f t="shared" si="141"/>
        <v>0</v>
      </c>
    </row>
    <row r="4514" spans="1:5" x14ac:dyDescent="0.25">
      <c r="A4514" s="1">
        <v>43743.916666666664</v>
      </c>
      <c r="B4514" s="2">
        <v>16.47</v>
      </c>
      <c r="C4514">
        <v>0</v>
      </c>
      <c r="D4514">
        <f t="shared" si="140"/>
        <v>0</v>
      </c>
      <c r="E4514" s="6">
        <f t="shared" si="141"/>
        <v>0</v>
      </c>
    </row>
    <row r="4515" spans="1:5" x14ac:dyDescent="0.25">
      <c r="A4515" s="1">
        <v>43743.958333333336</v>
      </c>
      <c r="B4515" s="2">
        <v>14.64</v>
      </c>
      <c r="C4515">
        <v>0</v>
      </c>
      <c r="D4515">
        <f t="shared" si="140"/>
        <v>0</v>
      </c>
      <c r="E4515" s="6">
        <f t="shared" si="141"/>
        <v>0</v>
      </c>
    </row>
    <row r="4516" spans="1:5" x14ac:dyDescent="0.25">
      <c r="A4516" s="1">
        <v>43744</v>
      </c>
      <c r="B4516" s="2">
        <v>13.83</v>
      </c>
      <c r="C4516">
        <v>0</v>
      </c>
      <c r="D4516">
        <f t="shared" si="140"/>
        <v>0</v>
      </c>
      <c r="E4516" s="6">
        <f t="shared" si="141"/>
        <v>0</v>
      </c>
    </row>
    <row r="4517" spans="1:5" x14ac:dyDescent="0.25">
      <c r="A4517" s="1">
        <v>43744.041666666664</v>
      </c>
      <c r="B4517" s="2">
        <v>13.38</v>
      </c>
      <c r="C4517">
        <v>0</v>
      </c>
      <c r="D4517">
        <f t="shared" si="140"/>
        <v>0</v>
      </c>
      <c r="E4517" s="6">
        <f t="shared" si="141"/>
        <v>0</v>
      </c>
    </row>
    <row r="4518" spans="1:5" x14ac:dyDescent="0.25">
      <c r="A4518" s="1">
        <v>43744.083333333336</v>
      </c>
      <c r="B4518" s="2">
        <v>11.61</v>
      </c>
      <c r="C4518">
        <v>0</v>
      </c>
      <c r="D4518">
        <f t="shared" si="140"/>
        <v>0</v>
      </c>
      <c r="E4518" s="6">
        <f t="shared" si="141"/>
        <v>0</v>
      </c>
    </row>
    <row r="4519" spans="1:5" x14ac:dyDescent="0.25">
      <c r="A4519" s="1">
        <v>43744.125</v>
      </c>
      <c r="B4519" s="2">
        <v>10.77</v>
      </c>
      <c r="C4519">
        <v>0</v>
      </c>
      <c r="D4519">
        <f t="shared" si="140"/>
        <v>0</v>
      </c>
      <c r="E4519" s="6">
        <f t="shared" si="141"/>
        <v>0</v>
      </c>
    </row>
    <row r="4520" spans="1:5" x14ac:dyDescent="0.25">
      <c r="A4520" s="1">
        <v>43744.166666666664</v>
      </c>
      <c r="B4520" s="2">
        <v>10.82</v>
      </c>
      <c r="C4520">
        <v>0</v>
      </c>
      <c r="D4520">
        <f t="shared" si="140"/>
        <v>0</v>
      </c>
      <c r="E4520" s="6">
        <f t="shared" si="141"/>
        <v>0</v>
      </c>
    </row>
    <row r="4521" spans="1:5" x14ac:dyDescent="0.25">
      <c r="A4521" s="1">
        <v>43744.208333333336</v>
      </c>
      <c r="B4521" s="2">
        <v>11.36</v>
      </c>
      <c r="C4521">
        <v>0</v>
      </c>
      <c r="D4521">
        <f t="shared" si="140"/>
        <v>0</v>
      </c>
      <c r="E4521" s="6">
        <f t="shared" si="141"/>
        <v>0</v>
      </c>
    </row>
    <row r="4522" spans="1:5" x14ac:dyDescent="0.25">
      <c r="A4522" s="1">
        <v>43744.25</v>
      </c>
      <c r="B4522" s="2">
        <v>12.82</v>
      </c>
      <c r="C4522">
        <v>0</v>
      </c>
      <c r="D4522">
        <f t="shared" si="140"/>
        <v>0</v>
      </c>
      <c r="E4522" s="6">
        <f t="shared" si="141"/>
        <v>0</v>
      </c>
    </row>
    <row r="4523" spans="1:5" x14ac:dyDescent="0.25">
      <c r="A4523" s="1">
        <v>43744.291666666664</v>
      </c>
      <c r="B4523" s="2">
        <v>13.48</v>
      </c>
      <c r="C4523">
        <v>0</v>
      </c>
      <c r="D4523">
        <f t="shared" si="140"/>
        <v>0</v>
      </c>
      <c r="E4523" s="6">
        <f t="shared" si="141"/>
        <v>0</v>
      </c>
    </row>
    <row r="4524" spans="1:5" x14ac:dyDescent="0.25">
      <c r="A4524" s="1">
        <v>43744.333333333336</v>
      </c>
      <c r="B4524" s="2">
        <v>16.34</v>
      </c>
      <c r="C4524">
        <v>1.281903</v>
      </c>
      <c r="D4524">
        <f t="shared" si="140"/>
        <v>1.281903E-3</v>
      </c>
      <c r="E4524" s="6">
        <f t="shared" si="141"/>
        <v>2.0946295020000002E-2</v>
      </c>
    </row>
    <row r="4525" spans="1:5" x14ac:dyDescent="0.25">
      <c r="A4525" s="1">
        <v>43744.375</v>
      </c>
      <c r="B4525" s="2">
        <v>17.21</v>
      </c>
      <c r="C4525">
        <v>3.2392699999999999</v>
      </c>
      <c r="D4525">
        <f t="shared" si="140"/>
        <v>3.2392699999999998E-3</v>
      </c>
      <c r="E4525" s="6">
        <f t="shared" si="141"/>
        <v>5.5747836699999997E-2</v>
      </c>
    </row>
    <row r="4526" spans="1:5" x14ac:dyDescent="0.25">
      <c r="A4526" s="1">
        <v>43744.416666666664</v>
      </c>
      <c r="B4526" s="2">
        <v>17.63</v>
      </c>
      <c r="C4526">
        <v>4.8096209999999999</v>
      </c>
      <c r="D4526">
        <f t="shared" si="140"/>
        <v>4.809621E-3</v>
      </c>
      <c r="E4526" s="6">
        <f t="shared" si="141"/>
        <v>8.4793618229999992E-2</v>
      </c>
    </row>
    <row r="4527" spans="1:5" x14ac:dyDescent="0.25">
      <c r="A4527" s="1">
        <v>43744.458333333336</v>
      </c>
      <c r="B4527" s="2">
        <v>18.059999999999999</v>
      </c>
      <c r="C4527">
        <v>5.8518019999999993</v>
      </c>
      <c r="D4527">
        <f t="shared" si="140"/>
        <v>5.8518019999999997E-3</v>
      </c>
      <c r="E4527" s="6">
        <f t="shared" si="141"/>
        <v>0.10568354411999999</v>
      </c>
    </row>
    <row r="4528" spans="1:5" x14ac:dyDescent="0.25">
      <c r="A4528" s="1">
        <v>43744.5</v>
      </c>
      <c r="B4528" s="2">
        <v>19.89</v>
      </c>
      <c r="C4528">
        <v>6.4380680000000003</v>
      </c>
      <c r="D4528">
        <f t="shared" si="140"/>
        <v>6.4380679999999999E-3</v>
      </c>
      <c r="E4528" s="6">
        <f t="shared" si="141"/>
        <v>0.12805317252000001</v>
      </c>
    </row>
    <row r="4529" spans="1:5" x14ac:dyDescent="0.25">
      <c r="A4529" s="1">
        <v>43744.541666666664</v>
      </c>
      <c r="B4529" s="2">
        <v>20.55</v>
      </c>
      <c r="C4529">
        <v>3.5519569999999998</v>
      </c>
      <c r="D4529">
        <f t="shared" si="140"/>
        <v>3.5519569999999997E-3</v>
      </c>
      <c r="E4529" s="6">
        <f t="shared" si="141"/>
        <v>7.299271635E-2</v>
      </c>
    </row>
    <row r="4530" spans="1:5" x14ac:dyDescent="0.25">
      <c r="A4530" s="1">
        <v>43744.583333333336</v>
      </c>
      <c r="B4530" s="2">
        <v>21.33</v>
      </c>
      <c r="C4530">
        <v>5.3069189999999997</v>
      </c>
      <c r="D4530">
        <f t="shared" si="140"/>
        <v>5.3069189999999994E-3</v>
      </c>
      <c r="E4530" s="6">
        <f t="shared" si="141"/>
        <v>0.11319658226999997</v>
      </c>
    </row>
    <row r="4531" spans="1:5" x14ac:dyDescent="0.25">
      <c r="A4531" s="1">
        <v>43744.625</v>
      </c>
      <c r="B4531" s="2">
        <v>21.86</v>
      </c>
      <c r="C4531">
        <v>5.5058190000000007</v>
      </c>
      <c r="D4531">
        <f t="shared" si="140"/>
        <v>5.5058190000000003E-3</v>
      </c>
      <c r="E4531" s="6">
        <f t="shared" si="141"/>
        <v>0.12035720334000001</v>
      </c>
    </row>
    <row r="4532" spans="1:5" x14ac:dyDescent="0.25">
      <c r="A4532" s="1">
        <v>43744.666666666664</v>
      </c>
      <c r="B4532" s="2">
        <v>22.92</v>
      </c>
      <c r="C4532">
        <v>4.2503069999999994</v>
      </c>
      <c r="D4532">
        <f t="shared" si="140"/>
        <v>4.2503069999999992E-3</v>
      </c>
      <c r="E4532" s="6">
        <f t="shared" si="141"/>
        <v>9.7417036439999993E-2</v>
      </c>
    </row>
    <row r="4533" spans="1:5" x14ac:dyDescent="0.25">
      <c r="A4533" s="1">
        <v>43744.708333333336</v>
      </c>
      <c r="B4533" s="2">
        <v>22.81</v>
      </c>
      <c r="C4533">
        <v>2.5348870000000003</v>
      </c>
      <c r="D4533">
        <f t="shared" si="140"/>
        <v>2.5348870000000004E-3</v>
      </c>
      <c r="E4533" s="6">
        <f t="shared" si="141"/>
        <v>5.7820772470000004E-2</v>
      </c>
    </row>
    <row r="4534" spans="1:5" x14ac:dyDescent="0.25">
      <c r="A4534" s="1">
        <v>43744.75</v>
      </c>
      <c r="B4534" s="2">
        <v>23.03</v>
      </c>
      <c r="C4534">
        <v>0.68064999999999998</v>
      </c>
      <c r="D4534">
        <f t="shared" si="140"/>
        <v>6.8064999999999998E-4</v>
      </c>
      <c r="E4534" s="6">
        <f t="shared" si="141"/>
        <v>1.5675369500000001E-2</v>
      </c>
    </row>
    <row r="4535" spans="1:5" x14ac:dyDescent="0.25">
      <c r="A4535" s="1">
        <v>43744.791666666664</v>
      </c>
      <c r="B4535" s="2">
        <v>23.24</v>
      </c>
      <c r="C4535">
        <v>0</v>
      </c>
      <c r="D4535">
        <f t="shared" si="140"/>
        <v>0</v>
      </c>
      <c r="E4535" s="6">
        <f t="shared" si="141"/>
        <v>0</v>
      </c>
    </row>
    <row r="4536" spans="1:5" x14ac:dyDescent="0.25">
      <c r="A4536" s="1">
        <v>43744.833333333336</v>
      </c>
      <c r="B4536" s="2">
        <v>22.86</v>
      </c>
      <c r="C4536">
        <v>0</v>
      </c>
      <c r="D4536">
        <f t="shared" si="140"/>
        <v>0</v>
      </c>
      <c r="E4536" s="6">
        <f t="shared" si="141"/>
        <v>0</v>
      </c>
    </row>
    <row r="4537" spans="1:5" x14ac:dyDescent="0.25">
      <c r="A4537" s="1">
        <v>43744.875</v>
      </c>
      <c r="B4537" s="2">
        <v>21.82</v>
      </c>
      <c r="C4537">
        <v>0</v>
      </c>
      <c r="D4537">
        <f t="shared" si="140"/>
        <v>0</v>
      </c>
      <c r="E4537" s="6">
        <f t="shared" si="141"/>
        <v>0</v>
      </c>
    </row>
    <row r="4538" spans="1:5" x14ac:dyDescent="0.25">
      <c r="A4538" s="1">
        <v>43744.916666666664</v>
      </c>
      <c r="B4538" s="2">
        <v>19.38</v>
      </c>
      <c r="C4538">
        <v>0</v>
      </c>
      <c r="D4538">
        <f t="shared" si="140"/>
        <v>0</v>
      </c>
      <c r="E4538" s="6">
        <f t="shared" si="141"/>
        <v>0</v>
      </c>
    </row>
    <row r="4539" spans="1:5" x14ac:dyDescent="0.25">
      <c r="A4539" s="1">
        <v>43744.958333333336</v>
      </c>
      <c r="B4539" s="2">
        <v>16.510000000000002</v>
      </c>
      <c r="C4539">
        <v>0</v>
      </c>
      <c r="D4539">
        <f t="shared" si="140"/>
        <v>0</v>
      </c>
      <c r="E4539" s="6">
        <f t="shared" si="141"/>
        <v>0</v>
      </c>
    </row>
    <row r="4540" spans="1:5" x14ac:dyDescent="0.25">
      <c r="A4540" s="1">
        <v>43745</v>
      </c>
      <c r="B4540" s="2">
        <v>16.09</v>
      </c>
      <c r="C4540">
        <v>0</v>
      </c>
      <c r="D4540">
        <f t="shared" si="140"/>
        <v>0</v>
      </c>
      <c r="E4540" s="6">
        <f t="shared" si="141"/>
        <v>0</v>
      </c>
    </row>
    <row r="4541" spans="1:5" x14ac:dyDescent="0.25">
      <c r="A4541" s="1">
        <v>43745.041666666664</v>
      </c>
      <c r="B4541" s="2">
        <v>16.16</v>
      </c>
      <c r="C4541">
        <v>0</v>
      </c>
      <c r="D4541">
        <f t="shared" si="140"/>
        <v>0</v>
      </c>
      <c r="E4541" s="6">
        <f t="shared" si="141"/>
        <v>0</v>
      </c>
    </row>
    <row r="4542" spans="1:5" x14ac:dyDescent="0.25">
      <c r="A4542" s="1">
        <v>43745.083333333336</v>
      </c>
      <c r="B4542" s="2">
        <v>13.7</v>
      </c>
      <c r="C4542">
        <v>0</v>
      </c>
      <c r="D4542">
        <f t="shared" si="140"/>
        <v>0</v>
      </c>
      <c r="E4542" s="6">
        <f t="shared" si="141"/>
        <v>0</v>
      </c>
    </row>
    <row r="4543" spans="1:5" x14ac:dyDescent="0.25">
      <c r="A4543" s="1">
        <v>43745.125</v>
      </c>
      <c r="B4543" s="2">
        <v>13.57</v>
      </c>
      <c r="C4543">
        <v>0</v>
      </c>
      <c r="D4543">
        <f t="shared" si="140"/>
        <v>0</v>
      </c>
      <c r="E4543" s="6">
        <f t="shared" si="141"/>
        <v>0</v>
      </c>
    </row>
    <row r="4544" spans="1:5" x14ac:dyDescent="0.25">
      <c r="A4544" s="1">
        <v>43745.166666666664</v>
      </c>
      <c r="B4544" s="2">
        <v>14.59</v>
      </c>
      <c r="C4544">
        <v>0</v>
      </c>
      <c r="D4544">
        <f t="shared" si="140"/>
        <v>0</v>
      </c>
      <c r="E4544" s="6">
        <f t="shared" si="141"/>
        <v>0</v>
      </c>
    </row>
    <row r="4545" spans="1:5" x14ac:dyDescent="0.25">
      <c r="A4545" s="1">
        <v>43745.208333333336</v>
      </c>
      <c r="B4545" s="2">
        <v>18.2</v>
      </c>
      <c r="C4545">
        <v>0</v>
      </c>
      <c r="D4545">
        <f t="shared" si="140"/>
        <v>0</v>
      </c>
      <c r="E4545" s="6">
        <f t="shared" si="141"/>
        <v>0</v>
      </c>
    </row>
    <row r="4546" spans="1:5" x14ac:dyDescent="0.25">
      <c r="A4546" s="1">
        <v>43745.25</v>
      </c>
      <c r="B4546" s="2">
        <v>23.02</v>
      </c>
      <c r="C4546">
        <v>0</v>
      </c>
      <c r="D4546">
        <f t="shared" si="140"/>
        <v>0</v>
      </c>
      <c r="E4546" s="6">
        <f t="shared" si="141"/>
        <v>0</v>
      </c>
    </row>
    <row r="4547" spans="1:5" x14ac:dyDescent="0.25">
      <c r="A4547" s="1">
        <v>43745.291666666664</v>
      </c>
      <c r="B4547" s="2">
        <v>23.56</v>
      </c>
      <c r="C4547">
        <v>0</v>
      </c>
      <c r="D4547">
        <f t="shared" si="140"/>
        <v>0</v>
      </c>
      <c r="E4547" s="6">
        <f t="shared" si="141"/>
        <v>0</v>
      </c>
    </row>
    <row r="4548" spans="1:5" x14ac:dyDescent="0.25">
      <c r="A4548" s="1">
        <v>43745.333333333336</v>
      </c>
      <c r="B4548" s="2">
        <v>24.84</v>
      </c>
      <c r="C4548">
        <v>1.3054829999999999</v>
      </c>
      <c r="D4548">
        <f t="shared" si="140"/>
        <v>1.3054829999999999E-3</v>
      </c>
      <c r="E4548" s="6">
        <f t="shared" si="141"/>
        <v>3.2428197719999996E-2</v>
      </c>
    </row>
    <row r="4549" spans="1:5" x14ac:dyDescent="0.25">
      <c r="A4549" s="1">
        <v>43745.375</v>
      </c>
      <c r="B4549" s="2">
        <v>24.95</v>
      </c>
      <c r="C4549">
        <v>3.2938640000000001</v>
      </c>
      <c r="D4549">
        <f t="shared" si="140"/>
        <v>3.2938640000000001E-3</v>
      </c>
      <c r="E4549" s="6">
        <f t="shared" si="141"/>
        <v>8.2181906799999996E-2</v>
      </c>
    </row>
    <row r="4550" spans="1:5" x14ac:dyDescent="0.25">
      <c r="A4550" s="1">
        <v>43745.416666666664</v>
      </c>
      <c r="B4550" s="2">
        <v>25.26</v>
      </c>
      <c r="C4550">
        <v>4.8641969999999999</v>
      </c>
      <c r="D4550">
        <f t="shared" ref="D4550:D4613" si="142">C4550/1000</f>
        <v>4.8641969999999998E-3</v>
      </c>
      <c r="E4550" s="6">
        <f t="shared" ref="E4550:E4613" si="143">D4550*B4550</f>
        <v>0.12286961622000001</v>
      </c>
    </row>
    <row r="4551" spans="1:5" x14ac:dyDescent="0.25">
      <c r="A4551" s="1">
        <v>43745.458333333336</v>
      </c>
      <c r="B4551" s="2">
        <v>25.78</v>
      </c>
      <c r="C4551">
        <v>5.9327920000000001</v>
      </c>
      <c r="D4551">
        <f t="shared" si="142"/>
        <v>5.9327920000000001E-3</v>
      </c>
      <c r="E4551" s="6">
        <f t="shared" si="143"/>
        <v>0.15294737776</v>
      </c>
    </row>
    <row r="4552" spans="1:5" x14ac:dyDescent="0.25">
      <c r="A4552" s="1">
        <v>43745.5</v>
      </c>
      <c r="B4552" s="2">
        <v>27.36</v>
      </c>
      <c r="C4552">
        <v>6.4803990000000002</v>
      </c>
      <c r="D4552">
        <f t="shared" si="142"/>
        <v>6.4803990000000004E-3</v>
      </c>
      <c r="E4552" s="6">
        <f t="shared" si="143"/>
        <v>0.17730371664</v>
      </c>
    </row>
    <row r="4553" spans="1:5" x14ac:dyDescent="0.25">
      <c r="A4553" s="1">
        <v>43745.541666666664</v>
      </c>
      <c r="B4553" s="2">
        <v>27.3</v>
      </c>
      <c r="C4553">
        <v>6.5931959999999998</v>
      </c>
      <c r="D4553">
        <f t="shared" si="142"/>
        <v>6.593196E-3</v>
      </c>
      <c r="E4553" s="6">
        <f t="shared" si="143"/>
        <v>0.17999425080000001</v>
      </c>
    </row>
    <row r="4554" spans="1:5" x14ac:dyDescent="0.25">
      <c r="A4554" s="1">
        <v>43745.583333333336</v>
      </c>
      <c r="B4554" s="2">
        <v>27.34</v>
      </c>
      <c r="C4554">
        <v>6.2531460000000001</v>
      </c>
      <c r="D4554">
        <f t="shared" si="142"/>
        <v>6.2531460000000002E-3</v>
      </c>
      <c r="E4554" s="6">
        <f t="shared" si="143"/>
        <v>0.17096101163999999</v>
      </c>
    </row>
    <row r="4555" spans="1:5" x14ac:dyDescent="0.25">
      <c r="A4555" s="1">
        <v>43745.625</v>
      </c>
      <c r="B4555" s="2">
        <v>27.83</v>
      </c>
      <c r="C4555">
        <v>5.4986189999999997</v>
      </c>
      <c r="D4555">
        <f t="shared" si="142"/>
        <v>5.4986189999999997E-3</v>
      </c>
      <c r="E4555" s="6">
        <f t="shared" si="143"/>
        <v>0.15302656676999998</v>
      </c>
    </row>
    <row r="4556" spans="1:5" x14ac:dyDescent="0.25">
      <c r="A4556" s="1">
        <v>43745.666666666664</v>
      </c>
      <c r="B4556" s="2">
        <v>27.35</v>
      </c>
      <c r="C4556">
        <v>4.2422700000000004</v>
      </c>
      <c r="D4556">
        <f t="shared" si="142"/>
        <v>4.2422700000000002E-3</v>
      </c>
      <c r="E4556" s="6">
        <f t="shared" si="143"/>
        <v>0.11602608450000002</v>
      </c>
    </row>
    <row r="4557" spans="1:5" x14ac:dyDescent="0.25">
      <c r="A4557" s="1">
        <v>43745.708333333336</v>
      </c>
      <c r="B4557" s="2">
        <v>28.22</v>
      </c>
      <c r="C4557">
        <v>2.5341460000000002</v>
      </c>
      <c r="D4557">
        <f t="shared" si="142"/>
        <v>2.5341460000000001E-3</v>
      </c>
      <c r="E4557" s="6">
        <f t="shared" si="143"/>
        <v>7.1513600120000007E-2</v>
      </c>
    </row>
    <row r="4558" spans="1:5" x14ac:dyDescent="0.25">
      <c r="A4558" s="1">
        <v>43745.75</v>
      </c>
      <c r="B4558" s="2">
        <v>26.48</v>
      </c>
      <c r="C4558">
        <v>0.66899900000000001</v>
      </c>
      <c r="D4558">
        <f t="shared" si="142"/>
        <v>6.6899899999999998E-4</v>
      </c>
      <c r="E4558" s="6">
        <f t="shared" si="143"/>
        <v>1.7715093519999999E-2</v>
      </c>
    </row>
    <row r="4559" spans="1:5" x14ac:dyDescent="0.25">
      <c r="A4559" s="1">
        <v>43745.791666666664</v>
      </c>
      <c r="B4559" s="2">
        <v>27.68</v>
      </c>
      <c r="C4559">
        <v>0</v>
      </c>
      <c r="D4559">
        <f t="shared" si="142"/>
        <v>0</v>
      </c>
      <c r="E4559" s="6">
        <f t="shared" si="143"/>
        <v>0</v>
      </c>
    </row>
    <row r="4560" spans="1:5" x14ac:dyDescent="0.25">
      <c r="A4560" s="1">
        <v>43745.833333333336</v>
      </c>
      <c r="B4560" s="2">
        <v>24.76</v>
      </c>
      <c r="C4560">
        <v>0</v>
      </c>
      <c r="D4560">
        <f t="shared" si="142"/>
        <v>0</v>
      </c>
      <c r="E4560" s="6">
        <f t="shared" si="143"/>
        <v>0</v>
      </c>
    </row>
    <row r="4561" spans="1:5" x14ac:dyDescent="0.25">
      <c r="A4561" s="1">
        <v>43745.875</v>
      </c>
      <c r="B4561" s="2">
        <v>23.12</v>
      </c>
      <c r="C4561">
        <v>0</v>
      </c>
      <c r="D4561">
        <f t="shared" si="142"/>
        <v>0</v>
      </c>
      <c r="E4561" s="6">
        <f t="shared" si="143"/>
        <v>0</v>
      </c>
    </row>
    <row r="4562" spans="1:5" x14ac:dyDescent="0.25">
      <c r="A4562" s="1">
        <v>43745.916666666664</v>
      </c>
      <c r="B4562" s="2">
        <v>21.96</v>
      </c>
      <c r="C4562">
        <v>0</v>
      </c>
      <c r="D4562">
        <f t="shared" si="142"/>
        <v>0</v>
      </c>
      <c r="E4562" s="6">
        <f t="shared" si="143"/>
        <v>0</v>
      </c>
    </row>
    <row r="4563" spans="1:5" x14ac:dyDescent="0.25">
      <c r="A4563" s="1">
        <v>43745.958333333336</v>
      </c>
      <c r="B4563" s="2">
        <v>19.649999999999999</v>
      </c>
      <c r="C4563">
        <v>0</v>
      </c>
      <c r="D4563">
        <f t="shared" si="142"/>
        <v>0</v>
      </c>
      <c r="E4563" s="6">
        <f t="shared" si="143"/>
        <v>0</v>
      </c>
    </row>
    <row r="4564" spans="1:5" x14ac:dyDescent="0.25">
      <c r="A4564" s="1">
        <v>43746</v>
      </c>
      <c r="B4564" s="2">
        <v>17.760000000000002</v>
      </c>
      <c r="C4564">
        <v>0</v>
      </c>
      <c r="D4564">
        <f t="shared" si="142"/>
        <v>0</v>
      </c>
      <c r="E4564" s="6">
        <f t="shared" si="143"/>
        <v>0</v>
      </c>
    </row>
    <row r="4565" spans="1:5" x14ac:dyDescent="0.25">
      <c r="A4565" s="1">
        <v>43746.041666666664</v>
      </c>
      <c r="B4565" s="2">
        <v>16.489999999999998</v>
      </c>
      <c r="C4565">
        <v>0</v>
      </c>
      <c r="D4565">
        <f t="shared" si="142"/>
        <v>0</v>
      </c>
      <c r="E4565" s="6">
        <f t="shared" si="143"/>
        <v>0</v>
      </c>
    </row>
    <row r="4566" spans="1:5" x14ac:dyDescent="0.25">
      <c r="A4566" s="1">
        <v>43746.083333333336</v>
      </c>
      <c r="B4566" s="2">
        <v>15.76</v>
      </c>
      <c r="C4566">
        <v>0</v>
      </c>
      <c r="D4566">
        <f t="shared" si="142"/>
        <v>0</v>
      </c>
      <c r="E4566" s="6">
        <f t="shared" si="143"/>
        <v>0</v>
      </c>
    </row>
    <row r="4567" spans="1:5" x14ac:dyDescent="0.25">
      <c r="A4567" s="1">
        <v>43746.125</v>
      </c>
      <c r="B4567" s="2">
        <v>15.49</v>
      </c>
      <c r="C4567">
        <v>0</v>
      </c>
      <c r="D4567">
        <f t="shared" si="142"/>
        <v>0</v>
      </c>
      <c r="E4567" s="6">
        <f t="shared" si="143"/>
        <v>0</v>
      </c>
    </row>
    <row r="4568" spans="1:5" x14ac:dyDescent="0.25">
      <c r="A4568" s="1">
        <v>43746.166666666664</v>
      </c>
      <c r="B4568" s="2">
        <v>16.079999999999998</v>
      </c>
      <c r="C4568">
        <v>0</v>
      </c>
      <c r="D4568">
        <f t="shared" si="142"/>
        <v>0</v>
      </c>
      <c r="E4568" s="6">
        <f t="shared" si="143"/>
        <v>0</v>
      </c>
    </row>
    <row r="4569" spans="1:5" x14ac:dyDescent="0.25">
      <c r="A4569" s="1">
        <v>43746.208333333336</v>
      </c>
      <c r="B4569" s="2">
        <v>19.59</v>
      </c>
      <c r="C4569">
        <v>0</v>
      </c>
      <c r="D4569">
        <f t="shared" si="142"/>
        <v>0</v>
      </c>
      <c r="E4569" s="6">
        <f t="shared" si="143"/>
        <v>0</v>
      </c>
    </row>
    <row r="4570" spans="1:5" x14ac:dyDescent="0.25">
      <c r="A4570" s="1">
        <v>43746.25</v>
      </c>
      <c r="B4570" s="2">
        <v>26.35</v>
      </c>
      <c r="C4570">
        <v>0</v>
      </c>
      <c r="D4570">
        <f t="shared" si="142"/>
        <v>0</v>
      </c>
      <c r="E4570" s="6">
        <f t="shared" si="143"/>
        <v>0</v>
      </c>
    </row>
    <row r="4571" spans="1:5" x14ac:dyDescent="0.25">
      <c r="A4571" s="1">
        <v>43746.291666666664</v>
      </c>
      <c r="B4571" s="2">
        <v>26.08</v>
      </c>
      <c r="C4571">
        <v>0</v>
      </c>
      <c r="D4571">
        <f t="shared" si="142"/>
        <v>0</v>
      </c>
      <c r="E4571" s="6">
        <f t="shared" si="143"/>
        <v>0</v>
      </c>
    </row>
    <row r="4572" spans="1:5" x14ac:dyDescent="0.25">
      <c r="A4572" s="1">
        <v>43746.333333333336</v>
      </c>
      <c r="B4572" s="2">
        <v>26.27</v>
      </c>
      <c r="C4572">
        <v>1.2833409999999998</v>
      </c>
      <c r="D4572">
        <f t="shared" si="142"/>
        <v>1.2833409999999999E-3</v>
      </c>
      <c r="E4572" s="6">
        <f t="shared" si="143"/>
        <v>3.3713368069999999E-2</v>
      </c>
    </row>
    <row r="4573" spans="1:5" x14ac:dyDescent="0.25">
      <c r="A4573" s="1">
        <v>43746.375</v>
      </c>
      <c r="B4573" s="2">
        <v>26.15</v>
      </c>
      <c r="C4573">
        <v>3.2649229999999996</v>
      </c>
      <c r="D4573">
        <f t="shared" si="142"/>
        <v>3.2649229999999994E-3</v>
      </c>
      <c r="E4573" s="6">
        <f t="shared" si="143"/>
        <v>8.5377736449999977E-2</v>
      </c>
    </row>
    <row r="4574" spans="1:5" x14ac:dyDescent="0.25">
      <c r="A4574" s="1">
        <v>43746.416666666664</v>
      </c>
      <c r="B4574" s="2">
        <v>26.53</v>
      </c>
      <c r="C4574">
        <v>4.8334279999999996</v>
      </c>
      <c r="D4574">
        <f t="shared" si="142"/>
        <v>4.8334279999999999E-3</v>
      </c>
      <c r="E4574" s="6">
        <f t="shared" si="143"/>
        <v>0.12823084484</v>
      </c>
    </row>
    <row r="4575" spans="1:5" x14ac:dyDescent="0.25">
      <c r="A4575" s="1">
        <v>43746.458333333336</v>
      </c>
      <c r="B4575" s="2">
        <v>26.19</v>
      </c>
      <c r="C4575">
        <v>5.8735379999999999</v>
      </c>
      <c r="D4575">
        <f t="shared" si="142"/>
        <v>5.8735380000000002E-3</v>
      </c>
      <c r="E4575" s="6">
        <f t="shared" si="143"/>
        <v>0.15382796022</v>
      </c>
    </row>
    <row r="4576" spans="1:5" x14ac:dyDescent="0.25">
      <c r="A4576" s="1">
        <v>43746.5</v>
      </c>
      <c r="B4576" s="2">
        <v>26.38</v>
      </c>
      <c r="C4576">
        <v>6.4473120000000002</v>
      </c>
      <c r="D4576">
        <f t="shared" si="142"/>
        <v>6.4473120000000002E-3</v>
      </c>
      <c r="E4576" s="6">
        <f t="shared" si="143"/>
        <v>0.17008009056000001</v>
      </c>
    </row>
    <row r="4577" spans="1:5" x14ac:dyDescent="0.25">
      <c r="A4577" s="1">
        <v>43746.541666666664</v>
      </c>
      <c r="B4577" s="2">
        <v>25.46</v>
      </c>
      <c r="C4577">
        <v>6.5520439999999995</v>
      </c>
      <c r="D4577">
        <f t="shared" si="142"/>
        <v>6.5520439999999999E-3</v>
      </c>
      <c r="E4577" s="6">
        <f t="shared" si="143"/>
        <v>0.16681504023999999</v>
      </c>
    </row>
    <row r="4578" spans="1:5" x14ac:dyDescent="0.25">
      <c r="A4578" s="1">
        <v>43746.583333333336</v>
      </c>
      <c r="B4578" s="2">
        <v>25.66</v>
      </c>
      <c r="C4578">
        <v>6.1791490000000007</v>
      </c>
      <c r="D4578">
        <f t="shared" si="142"/>
        <v>6.179149000000001E-3</v>
      </c>
      <c r="E4578" s="6">
        <f t="shared" si="143"/>
        <v>0.15855696334000002</v>
      </c>
    </row>
    <row r="4579" spans="1:5" x14ac:dyDescent="0.25">
      <c r="A4579" s="1">
        <v>43746.625</v>
      </c>
      <c r="B4579" s="2">
        <v>25.9</v>
      </c>
      <c r="C4579">
        <v>5.4457950000000004</v>
      </c>
      <c r="D4579">
        <f t="shared" si="142"/>
        <v>5.4457950000000007E-3</v>
      </c>
      <c r="E4579" s="6">
        <f t="shared" si="143"/>
        <v>0.1410460905</v>
      </c>
    </row>
    <row r="4580" spans="1:5" x14ac:dyDescent="0.25">
      <c r="A4580" s="1">
        <v>43746.666666666664</v>
      </c>
      <c r="B4580" s="2">
        <v>25.6</v>
      </c>
      <c r="C4580">
        <v>4.1817979999999997</v>
      </c>
      <c r="D4580">
        <f t="shared" si="142"/>
        <v>4.1817979999999996E-3</v>
      </c>
      <c r="E4580" s="6">
        <f t="shared" si="143"/>
        <v>0.10705402879999999</v>
      </c>
    </row>
    <row r="4581" spans="1:5" x14ac:dyDescent="0.25">
      <c r="A4581" s="1">
        <v>43746.708333333336</v>
      </c>
      <c r="B4581" s="2">
        <v>26.12</v>
      </c>
      <c r="C4581">
        <v>2.4695709999999997</v>
      </c>
      <c r="D4581">
        <f t="shared" si="142"/>
        <v>2.4695709999999998E-3</v>
      </c>
      <c r="E4581" s="6">
        <f t="shared" si="143"/>
        <v>6.4505194520000003E-2</v>
      </c>
    </row>
    <row r="4582" spans="1:5" x14ac:dyDescent="0.25">
      <c r="A4582" s="1">
        <v>43746.75</v>
      </c>
      <c r="B4582" s="2">
        <v>26.92</v>
      </c>
      <c r="C4582">
        <v>0.61543899999999996</v>
      </c>
      <c r="D4582">
        <f t="shared" si="142"/>
        <v>6.1543899999999996E-4</v>
      </c>
      <c r="E4582" s="6">
        <f t="shared" si="143"/>
        <v>1.656761788E-2</v>
      </c>
    </row>
    <row r="4583" spans="1:5" x14ac:dyDescent="0.25">
      <c r="A4583" s="1">
        <v>43746.791666666664</v>
      </c>
      <c r="B4583" s="2">
        <v>28.48</v>
      </c>
      <c r="C4583">
        <v>0</v>
      </c>
      <c r="D4583">
        <f t="shared" si="142"/>
        <v>0</v>
      </c>
      <c r="E4583" s="6">
        <f t="shared" si="143"/>
        <v>0</v>
      </c>
    </row>
    <row r="4584" spans="1:5" x14ac:dyDescent="0.25">
      <c r="A4584" s="1">
        <v>43746.833333333336</v>
      </c>
      <c r="B4584" s="2">
        <v>25.63</v>
      </c>
      <c r="C4584">
        <v>0</v>
      </c>
      <c r="D4584">
        <f t="shared" si="142"/>
        <v>0</v>
      </c>
      <c r="E4584" s="6">
        <f t="shared" si="143"/>
        <v>0</v>
      </c>
    </row>
    <row r="4585" spans="1:5" x14ac:dyDescent="0.25">
      <c r="A4585" s="1">
        <v>43746.875</v>
      </c>
      <c r="B4585" s="2">
        <v>23.17</v>
      </c>
      <c r="C4585">
        <v>0</v>
      </c>
      <c r="D4585">
        <f t="shared" si="142"/>
        <v>0</v>
      </c>
      <c r="E4585" s="6">
        <f t="shared" si="143"/>
        <v>0</v>
      </c>
    </row>
    <row r="4586" spans="1:5" x14ac:dyDescent="0.25">
      <c r="A4586" s="1">
        <v>43746.916666666664</v>
      </c>
      <c r="B4586" s="2">
        <v>21.73</v>
      </c>
      <c r="C4586">
        <v>0</v>
      </c>
      <c r="D4586">
        <f t="shared" si="142"/>
        <v>0</v>
      </c>
      <c r="E4586" s="6">
        <f t="shared" si="143"/>
        <v>0</v>
      </c>
    </row>
    <row r="4587" spans="1:5" x14ac:dyDescent="0.25">
      <c r="A4587" s="1">
        <v>43746.958333333336</v>
      </c>
      <c r="B4587" s="2">
        <v>19.190000000000001</v>
      </c>
      <c r="C4587">
        <v>0</v>
      </c>
      <c r="D4587">
        <f t="shared" si="142"/>
        <v>0</v>
      </c>
      <c r="E4587" s="6">
        <f t="shared" si="143"/>
        <v>0</v>
      </c>
    </row>
    <row r="4588" spans="1:5" x14ac:dyDescent="0.25">
      <c r="A4588" s="1">
        <v>43747</v>
      </c>
      <c r="B4588" s="2">
        <v>17.86</v>
      </c>
      <c r="C4588">
        <v>0</v>
      </c>
      <c r="D4588">
        <f t="shared" si="142"/>
        <v>0</v>
      </c>
      <c r="E4588" s="6">
        <f t="shared" si="143"/>
        <v>0</v>
      </c>
    </row>
    <row r="4589" spans="1:5" x14ac:dyDescent="0.25">
      <c r="A4589" s="1">
        <v>43747.041666666664</v>
      </c>
      <c r="B4589" s="2">
        <v>15.95</v>
      </c>
      <c r="C4589">
        <v>0</v>
      </c>
      <c r="D4589">
        <f t="shared" si="142"/>
        <v>0</v>
      </c>
      <c r="E4589" s="6">
        <f t="shared" si="143"/>
        <v>0</v>
      </c>
    </row>
    <row r="4590" spans="1:5" x14ac:dyDescent="0.25">
      <c r="A4590" s="1">
        <v>43747.083333333336</v>
      </c>
      <c r="B4590" s="2">
        <v>14.97</v>
      </c>
      <c r="C4590">
        <v>0</v>
      </c>
      <c r="D4590">
        <f t="shared" si="142"/>
        <v>0</v>
      </c>
      <c r="E4590" s="6">
        <f t="shared" si="143"/>
        <v>0</v>
      </c>
    </row>
    <row r="4591" spans="1:5" x14ac:dyDescent="0.25">
      <c r="A4591" s="1">
        <v>43747.125</v>
      </c>
      <c r="B4591" s="2">
        <v>14.67</v>
      </c>
      <c r="C4591">
        <v>0</v>
      </c>
      <c r="D4591">
        <f t="shared" si="142"/>
        <v>0</v>
      </c>
      <c r="E4591" s="6">
        <f t="shared" si="143"/>
        <v>0</v>
      </c>
    </row>
    <row r="4592" spans="1:5" x14ac:dyDescent="0.25">
      <c r="A4592" s="1">
        <v>43747.166666666664</v>
      </c>
      <c r="B4592" s="2">
        <v>15.92</v>
      </c>
      <c r="C4592">
        <v>0</v>
      </c>
      <c r="D4592">
        <f t="shared" si="142"/>
        <v>0</v>
      </c>
      <c r="E4592" s="6">
        <f t="shared" si="143"/>
        <v>0</v>
      </c>
    </row>
    <row r="4593" spans="1:5" x14ac:dyDescent="0.25">
      <c r="A4593" s="1">
        <v>43747.208333333336</v>
      </c>
      <c r="B4593" s="2">
        <v>19.29</v>
      </c>
      <c r="C4593">
        <v>0</v>
      </c>
      <c r="D4593">
        <f t="shared" si="142"/>
        <v>0</v>
      </c>
      <c r="E4593" s="6">
        <f t="shared" si="143"/>
        <v>0</v>
      </c>
    </row>
    <row r="4594" spans="1:5" x14ac:dyDescent="0.25">
      <c r="A4594" s="1">
        <v>43747.25</v>
      </c>
      <c r="B4594" s="2">
        <v>24.79</v>
      </c>
      <c r="C4594">
        <v>0</v>
      </c>
      <c r="D4594">
        <f t="shared" si="142"/>
        <v>0</v>
      </c>
      <c r="E4594" s="6">
        <f t="shared" si="143"/>
        <v>0</v>
      </c>
    </row>
    <row r="4595" spans="1:5" x14ac:dyDescent="0.25">
      <c r="A4595" s="1">
        <v>43747.291666666664</v>
      </c>
      <c r="B4595" s="2">
        <v>24.85</v>
      </c>
      <c r="C4595">
        <v>0</v>
      </c>
      <c r="D4595">
        <f t="shared" si="142"/>
        <v>0</v>
      </c>
      <c r="E4595" s="6">
        <f t="shared" si="143"/>
        <v>0</v>
      </c>
    </row>
    <row r="4596" spans="1:5" x14ac:dyDescent="0.25">
      <c r="A4596" s="1">
        <v>43747.333333333336</v>
      </c>
      <c r="B4596" s="2">
        <v>24.81</v>
      </c>
      <c r="C4596">
        <v>0.79971300000000001</v>
      </c>
      <c r="D4596">
        <f t="shared" si="142"/>
        <v>7.9971299999999996E-4</v>
      </c>
      <c r="E4596" s="6">
        <f t="shared" si="143"/>
        <v>1.9840879529999998E-2</v>
      </c>
    </row>
    <row r="4597" spans="1:5" x14ac:dyDescent="0.25">
      <c r="A4597" s="1">
        <v>43747.375</v>
      </c>
      <c r="B4597" s="2">
        <v>25.85</v>
      </c>
      <c r="C4597">
        <v>2.3356430000000001</v>
      </c>
      <c r="D4597">
        <f t="shared" si="142"/>
        <v>2.3356430000000001E-3</v>
      </c>
      <c r="E4597" s="6">
        <f t="shared" si="143"/>
        <v>6.0376371550000009E-2</v>
      </c>
    </row>
    <row r="4598" spans="1:5" x14ac:dyDescent="0.25">
      <c r="A4598" s="1">
        <v>43747.416666666664</v>
      </c>
      <c r="B4598" s="2">
        <v>24.8</v>
      </c>
      <c r="C4598">
        <v>3.55646</v>
      </c>
      <c r="D4598">
        <f t="shared" si="142"/>
        <v>3.55646E-3</v>
      </c>
      <c r="E4598" s="6">
        <f t="shared" si="143"/>
        <v>8.8200208000000002E-2</v>
      </c>
    </row>
    <row r="4599" spans="1:5" x14ac:dyDescent="0.25">
      <c r="A4599" s="1">
        <v>43747.458333333336</v>
      </c>
      <c r="B4599" s="2">
        <v>25.47</v>
      </c>
      <c r="C4599">
        <v>1.661095</v>
      </c>
      <c r="D4599">
        <f t="shared" si="142"/>
        <v>1.661095E-3</v>
      </c>
      <c r="E4599" s="6">
        <f t="shared" si="143"/>
        <v>4.2308089649999998E-2</v>
      </c>
    </row>
    <row r="4600" spans="1:5" x14ac:dyDescent="0.25">
      <c r="A4600" s="1">
        <v>43747.5</v>
      </c>
      <c r="B4600" s="2">
        <v>25.23</v>
      </c>
      <c r="C4600">
        <v>0.65965300000000004</v>
      </c>
      <c r="D4600">
        <f t="shared" si="142"/>
        <v>6.5965300000000006E-4</v>
      </c>
      <c r="E4600" s="6">
        <f t="shared" si="143"/>
        <v>1.6643045190000001E-2</v>
      </c>
    </row>
    <row r="4601" spans="1:5" x14ac:dyDescent="0.25">
      <c r="A4601" s="1">
        <v>43747.541666666664</v>
      </c>
      <c r="B4601" s="2">
        <v>25.45</v>
      </c>
      <c r="C4601">
        <v>1.4352539999999998</v>
      </c>
      <c r="D4601">
        <f t="shared" si="142"/>
        <v>1.4352539999999997E-3</v>
      </c>
      <c r="E4601" s="6">
        <f t="shared" si="143"/>
        <v>3.6527214299999992E-2</v>
      </c>
    </row>
    <row r="4602" spans="1:5" x14ac:dyDescent="0.25">
      <c r="A4602" s="1">
        <v>43747.583333333336</v>
      </c>
      <c r="B4602" s="2">
        <v>25.63</v>
      </c>
      <c r="C4602">
        <v>1.6848320000000001</v>
      </c>
      <c r="D4602">
        <f t="shared" si="142"/>
        <v>1.684832E-3</v>
      </c>
      <c r="E4602" s="6">
        <f t="shared" si="143"/>
        <v>4.3182244160000001E-2</v>
      </c>
    </row>
    <row r="4603" spans="1:5" x14ac:dyDescent="0.25">
      <c r="A4603" s="1">
        <v>43747.625</v>
      </c>
      <c r="B4603" s="2">
        <v>25.18</v>
      </c>
      <c r="C4603">
        <v>2.0563549999999999</v>
      </c>
      <c r="D4603">
        <f t="shared" si="142"/>
        <v>2.0563549999999997E-3</v>
      </c>
      <c r="E4603" s="6">
        <f t="shared" si="143"/>
        <v>5.1779018899999994E-2</v>
      </c>
    </row>
    <row r="4604" spans="1:5" x14ac:dyDescent="0.25">
      <c r="A4604" s="1">
        <v>43747.666666666664</v>
      </c>
      <c r="B4604" s="2">
        <v>24.85</v>
      </c>
      <c r="C4604">
        <v>3.1115940000000002</v>
      </c>
      <c r="D4604">
        <f t="shared" si="142"/>
        <v>3.1115940000000001E-3</v>
      </c>
      <c r="E4604" s="6">
        <f t="shared" si="143"/>
        <v>7.7323110900000006E-2</v>
      </c>
    </row>
    <row r="4605" spans="1:5" x14ac:dyDescent="0.25">
      <c r="A4605" s="1">
        <v>43747.708333333336</v>
      </c>
      <c r="B4605" s="2">
        <v>25.82</v>
      </c>
      <c r="C4605">
        <v>6.4316999999999999E-2</v>
      </c>
      <c r="D4605">
        <f t="shared" si="142"/>
        <v>6.4317000000000001E-5</v>
      </c>
      <c r="E4605" s="6">
        <f t="shared" si="143"/>
        <v>1.66066494E-3</v>
      </c>
    </row>
    <row r="4606" spans="1:5" x14ac:dyDescent="0.25">
      <c r="A4606" s="1">
        <v>43747.75</v>
      </c>
      <c r="B4606" s="2">
        <v>28.37</v>
      </c>
      <c r="C4606">
        <v>0.48885000000000001</v>
      </c>
      <c r="D4606">
        <f t="shared" si="142"/>
        <v>4.8884999999999998E-4</v>
      </c>
      <c r="E4606" s="6">
        <f t="shared" si="143"/>
        <v>1.3868674500000001E-2</v>
      </c>
    </row>
    <row r="4607" spans="1:5" x14ac:dyDescent="0.25">
      <c r="A4607" s="1">
        <v>43747.791666666664</v>
      </c>
      <c r="B4607" s="2">
        <v>30.99</v>
      </c>
      <c r="C4607">
        <v>0</v>
      </c>
      <c r="D4607">
        <f t="shared" si="142"/>
        <v>0</v>
      </c>
      <c r="E4607" s="6">
        <f t="shared" si="143"/>
        <v>0</v>
      </c>
    </row>
    <row r="4608" spans="1:5" x14ac:dyDescent="0.25">
      <c r="A4608" s="1">
        <v>43747.833333333336</v>
      </c>
      <c r="B4608" s="2">
        <v>24.71</v>
      </c>
      <c r="C4608">
        <v>0</v>
      </c>
      <c r="D4608">
        <f t="shared" si="142"/>
        <v>0</v>
      </c>
      <c r="E4608" s="6">
        <f t="shared" si="143"/>
        <v>0</v>
      </c>
    </row>
    <row r="4609" spans="1:5" x14ac:dyDescent="0.25">
      <c r="A4609" s="1">
        <v>43747.875</v>
      </c>
      <c r="B4609" s="2">
        <v>22.34</v>
      </c>
      <c r="C4609">
        <v>0</v>
      </c>
      <c r="D4609">
        <f t="shared" si="142"/>
        <v>0</v>
      </c>
      <c r="E4609" s="6">
        <f t="shared" si="143"/>
        <v>0</v>
      </c>
    </row>
    <row r="4610" spans="1:5" x14ac:dyDescent="0.25">
      <c r="A4610" s="1">
        <v>43747.916666666664</v>
      </c>
      <c r="B4610" s="2">
        <v>21.66</v>
      </c>
      <c r="C4610">
        <v>0</v>
      </c>
      <c r="D4610">
        <f t="shared" si="142"/>
        <v>0</v>
      </c>
      <c r="E4610" s="6">
        <f t="shared" si="143"/>
        <v>0</v>
      </c>
    </row>
    <row r="4611" spans="1:5" x14ac:dyDescent="0.25">
      <c r="A4611" s="1">
        <v>43747.958333333336</v>
      </c>
      <c r="B4611" s="2">
        <v>19.309999999999999</v>
      </c>
      <c r="C4611">
        <v>0</v>
      </c>
      <c r="D4611">
        <f t="shared" si="142"/>
        <v>0</v>
      </c>
      <c r="E4611" s="6">
        <f t="shared" si="143"/>
        <v>0</v>
      </c>
    </row>
    <row r="4612" spans="1:5" x14ac:dyDescent="0.25">
      <c r="A4612" s="1">
        <v>43748</v>
      </c>
      <c r="B4612" s="2">
        <v>17.91</v>
      </c>
      <c r="C4612">
        <v>0</v>
      </c>
      <c r="D4612">
        <f t="shared" si="142"/>
        <v>0</v>
      </c>
      <c r="E4612" s="6">
        <f t="shared" si="143"/>
        <v>0</v>
      </c>
    </row>
    <row r="4613" spans="1:5" x14ac:dyDescent="0.25">
      <c r="A4613" s="1">
        <v>43748.041666666664</v>
      </c>
      <c r="B4613" s="2">
        <v>16.63</v>
      </c>
      <c r="C4613">
        <v>0</v>
      </c>
      <c r="D4613">
        <f t="shared" si="142"/>
        <v>0</v>
      </c>
      <c r="E4613" s="6">
        <f t="shared" si="143"/>
        <v>0</v>
      </c>
    </row>
    <row r="4614" spans="1:5" x14ac:dyDescent="0.25">
      <c r="A4614" s="1">
        <v>43748.083333333336</v>
      </c>
      <c r="B4614" s="2">
        <v>14.88</v>
      </c>
      <c r="C4614">
        <v>0</v>
      </c>
      <c r="D4614">
        <f t="shared" ref="D4614:D4677" si="144">C4614/1000</f>
        <v>0</v>
      </c>
      <c r="E4614" s="6">
        <f t="shared" ref="E4614:E4677" si="145">D4614*B4614</f>
        <v>0</v>
      </c>
    </row>
    <row r="4615" spans="1:5" x14ac:dyDescent="0.25">
      <c r="A4615" s="1">
        <v>43748.125</v>
      </c>
      <c r="B4615" s="2">
        <v>14.56</v>
      </c>
      <c r="C4615">
        <v>0</v>
      </c>
      <c r="D4615">
        <f t="shared" si="144"/>
        <v>0</v>
      </c>
      <c r="E4615" s="6">
        <f t="shared" si="145"/>
        <v>0</v>
      </c>
    </row>
    <row r="4616" spans="1:5" x14ac:dyDescent="0.25">
      <c r="A4616" s="1">
        <v>43748.166666666664</v>
      </c>
      <c r="B4616" s="2">
        <v>16.100000000000001</v>
      </c>
      <c r="C4616">
        <v>0</v>
      </c>
      <c r="D4616">
        <f t="shared" si="144"/>
        <v>0</v>
      </c>
      <c r="E4616" s="6">
        <f t="shared" si="145"/>
        <v>0</v>
      </c>
    </row>
    <row r="4617" spans="1:5" x14ac:dyDescent="0.25">
      <c r="A4617" s="1">
        <v>43748.208333333336</v>
      </c>
      <c r="B4617" s="2">
        <v>19.25</v>
      </c>
      <c r="C4617">
        <v>0</v>
      </c>
      <c r="D4617">
        <f t="shared" si="144"/>
        <v>0</v>
      </c>
      <c r="E4617" s="6">
        <f t="shared" si="145"/>
        <v>0</v>
      </c>
    </row>
    <row r="4618" spans="1:5" x14ac:dyDescent="0.25">
      <c r="A4618" s="1">
        <v>43748.25</v>
      </c>
      <c r="B4618" s="2">
        <v>25.46</v>
      </c>
      <c r="C4618">
        <v>0</v>
      </c>
      <c r="D4618">
        <f t="shared" si="144"/>
        <v>0</v>
      </c>
      <c r="E4618" s="6">
        <f t="shared" si="145"/>
        <v>0</v>
      </c>
    </row>
    <row r="4619" spans="1:5" x14ac:dyDescent="0.25">
      <c r="A4619" s="1">
        <v>43748.291666666664</v>
      </c>
      <c r="B4619" s="2">
        <v>25.76</v>
      </c>
      <c r="C4619">
        <v>0</v>
      </c>
      <c r="D4619">
        <f t="shared" si="144"/>
        <v>0</v>
      </c>
      <c r="E4619" s="6">
        <f t="shared" si="145"/>
        <v>0</v>
      </c>
    </row>
    <row r="4620" spans="1:5" x14ac:dyDescent="0.25">
      <c r="A4620" s="1">
        <v>43748.333333333336</v>
      </c>
      <c r="B4620" s="2">
        <v>25.6</v>
      </c>
      <c r="C4620">
        <v>1.3793119999999999</v>
      </c>
      <c r="D4620">
        <f t="shared" si="144"/>
        <v>1.3793119999999999E-3</v>
      </c>
      <c r="E4620" s="6">
        <f t="shared" si="145"/>
        <v>3.5310387200000001E-2</v>
      </c>
    </row>
    <row r="4621" spans="1:5" x14ac:dyDescent="0.25">
      <c r="A4621" s="1">
        <v>43748.375</v>
      </c>
      <c r="B4621" s="2">
        <v>27.01</v>
      </c>
      <c r="C4621">
        <v>3.557137</v>
      </c>
      <c r="D4621">
        <f t="shared" si="144"/>
        <v>3.5571370000000001E-3</v>
      </c>
      <c r="E4621" s="6">
        <f t="shared" si="145"/>
        <v>9.607827037000001E-2</v>
      </c>
    </row>
    <row r="4622" spans="1:5" x14ac:dyDescent="0.25">
      <c r="A4622" s="1">
        <v>43748.416666666664</v>
      </c>
      <c r="B4622" s="2">
        <v>27.31</v>
      </c>
      <c r="C4622">
        <v>5.2496210000000003</v>
      </c>
      <c r="D4622">
        <f t="shared" si="144"/>
        <v>5.2496210000000003E-3</v>
      </c>
      <c r="E4622" s="6">
        <f t="shared" si="145"/>
        <v>0.14336714951000001</v>
      </c>
    </row>
    <row r="4623" spans="1:5" x14ac:dyDescent="0.25">
      <c r="A4623" s="1">
        <v>43748.458333333336</v>
      </c>
      <c r="B4623" s="2">
        <v>27.63</v>
      </c>
      <c r="C4623">
        <v>6.4432489999999998</v>
      </c>
      <c r="D4623">
        <f t="shared" si="144"/>
        <v>6.4432489999999999E-3</v>
      </c>
      <c r="E4623" s="6">
        <f t="shared" si="145"/>
        <v>0.17802696987</v>
      </c>
    </row>
    <row r="4624" spans="1:5" x14ac:dyDescent="0.25">
      <c r="A4624" s="1">
        <v>43748.5</v>
      </c>
      <c r="B4624" s="2">
        <v>29.33</v>
      </c>
      <c r="C4624">
        <v>7.0636679999999998</v>
      </c>
      <c r="D4624">
        <f t="shared" si="144"/>
        <v>7.0636679999999995E-3</v>
      </c>
      <c r="E4624" s="6">
        <f t="shared" si="145"/>
        <v>0.20717738243999997</v>
      </c>
    </row>
    <row r="4625" spans="1:5" x14ac:dyDescent="0.25">
      <c r="A4625" s="1">
        <v>43748.541666666664</v>
      </c>
      <c r="B4625" s="2">
        <v>29.88</v>
      </c>
      <c r="C4625">
        <v>7.2082090000000001</v>
      </c>
      <c r="D4625">
        <f t="shared" si="144"/>
        <v>7.2082090000000001E-3</v>
      </c>
      <c r="E4625" s="6">
        <f t="shared" si="145"/>
        <v>0.21538128492</v>
      </c>
    </row>
    <row r="4626" spans="1:5" x14ac:dyDescent="0.25">
      <c r="A4626" s="1">
        <v>43748.583333333336</v>
      </c>
      <c r="B4626" s="2">
        <v>29.24</v>
      </c>
      <c r="C4626">
        <v>6.8615219999999999</v>
      </c>
      <c r="D4626">
        <f t="shared" si="144"/>
        <v>6.8615220000000001E-3</v>
      </c>
      <c r="E4626" s="6">
        <f t="shared" si="145"/>
        <v>0.20063090327999999</v>
      </c>
    </row>
    <row r="4627" spans="1:5" x14ac:dyDescent="0.25">
      <c r="A4627" s="1">
        <v>43748.625</v>
      </c>
      <c r="B4627" s="2">
        <v>29.91</v>
      </c>
      <c r="C4627">
        <v>6.036797</v>
      </c>
      <c r="D4627">
        <f t="shared" si="144"/>
        <v>6.036797E-3</v>
      </c>
      <c r="E4627" s="6">
        <f t="shared" si="145"/>
        <v>0.18056059827000001</v>
      </c>
    </row>
    <row r="4628" spans="1:5" x14ac:dyDescent="0.25">
      <c r="A4628" s="1">
        <v>43748.666666666664</v>
      </c>
      <c r="B4628" s="2">
        <v>31.39</v>
      </c>
      <c r="C4628">
        <v>4.6663879999999995</v>
      </c>
      <c r="D4628">
        <f t="shared" si="144"/>
        <v>4.6663879999999996E-3</v>
      </c>
      <c r="E4628" s="6">
        <f t="shared" si="145"/>
        <v>0.14647791931999998</v>
      </c>
    </row>
    <row r="4629" spans="1:5" x14ac:dyDescent="0.25">
      <c r="A4629" s="1">
        <v>43748.708333333336</v>
      </c>
      <c r="B4629" s="2">
        <v>30.67</v>
      </c>
      <c r="C4629">
        <v>2.763433</v>
      </c>
      <c r="D4629">
        <f t="shared" si="144"/>
        <v>2.763433E-3</v>
      </c>
      <c r="E4629" s="6">
        <f t="shared" si="145"/>
        <v>8.4754490110000011E-2</v>
      </c>
    </row>
    <row r="4630" spans="1:5" x14ac:dyDescent="0.25">
      <c r="A4630" s="1">
        <v>43748.75</v>
      </c>
      <c r="B4630" s="2">
        <v>30.59</v>
      </c>
      <c r="C4630">
        <v>0.68817799999999996</v>
      </c>
      <c r="D4630">
        <f t="shared" si="144"/>
        <v>6.8817800000000001E-4</v>
      </c>
      <c r="E4630" s="6">
        <f t="shared" si="145"/>
        <v>2.1051365020000001E-2</v>
      </c>
    </row>
    <row r="4631" spans="1:5" x14ac:dyDescent="0.25">
      <c r="A4631" s="1">
        <v>43748.791666666664</v>
      </c>
      <c r="B4631" s="2">
        <v>32.49</v>
      </c>
      <c r="C4631">
        <v>0</v>
      </c>
      <c r="D4631">
        <f t="shared" si="144"/>
        <v>0</v>
      </c>
      <c r="E4631" s="6">
        <f t="shared" si="145"/>
        <v>0</v>
      </c>
    </row>
    <row r="4632" spans="1:5" x14ac:dyDescent="0.25">
      <c r="A4632" s="1">
        <v>43748.833333333336</v>
      </c>
      <c r="B4632" s="2">
        <v>28.2</v>
      </c>
      <c r="C4632">
        <v>0</v>
      </c>
      <c r="D4632">
        <f t="shared" si="144"/>
        <v>0</v>
      </c>
      <c r="E4632" s="6">
        <f t="shared" si="145"/>
        <v>0</v>
      </c>
    </row>
    <row r="4633" spans="1:5" x14ac:dyDescent="0.25">
      <c r="A4633" s="1">
        <v>43748.875</v>
      </c>
      <c r="B4633" s="2">
        <v>23.67</v>
      </c>
      <c r="C4633">
        <v>0</v>
      </c>
      <c r="D4633">
        <f t="shared" si="144"/>
        <v>0</v>
      </c>
      <c r="E4633" s="6">
        <f t="shared" si="145"/>
        <v>0</v>
      </c>
    </row>
    <row r="4634" spans="1:5" x14ac:dyDescent="0.25">
      <c r="A4634" s="1">
        <v>43748.916666666664</v>
      </c>
      <c r="B4634" s="2">
        <v>22.1</v>
      </c>
      <c r="C4634">
        <v>0</v>
      </c>
      <c r="D4634">
        <f t="shared" si="144"/>
        <v>0</v>
      </c>
      <c r="E4634" s="6">
        <f t="shared" si="145"/>
        <v>0</v>
      </c>
    </row>
    <row r="4635" spans="1:5" x14ac:dyDescent="0.25">
      <c r="A4635" s="1">
        <v>43748.958333333336</v>
      </c>
      <c r="B4635" s="2">
        <v>19.600000000000001</v>
      </c>
      <c r="C4635">
        <v>0</v>
      </c>
      <c r="D4635">
        <f t="shared" si="144"/>
        <v>0</v>
      </c>
      <c r="E4635" s="6">
        <f t="shared" si="145"/>
        <v>0</v>
      </c>
    </row>
    <row r="4636" spans="1:5" x14ac:dyDescent="0.25">
      <c r="A4636" s="1">
        <v>43749</v>
      </c>
      <c r="B4636" s="2">
        <v>18.22</v>
      </c>
      <c r="C4636">
        <v>0</v>
      </c>
      <c r="D4636">
        <f t="shared" si="144"/>
        <v>0</v>
      </c>
      <c r="E4636" s="6">
        <f t="shared" si="145"/>
        <v>0</v>
      </c>
    </row>
    <row r="4637" spans="1:5" x14ac:dyDescent="0.25">
      <c r="A4637" s="1">
        <v>43749.041666666664</v>
      </c>
      <c r="B4637" s="2">
        <v>16.23</v>
      </c>
      <c r="C4637">
        <v>0</v>
      </c>
      <c r="D4637">
        <f t="shared" si="144"/>
        <v>0</v>
      </c>
      <c r="E4637" s="6">
        <f t="shared" si="145"/>
        <v>0</v>
      </c>
    </row>
    <row r="4638" spans="1:5" x14ac:dyDescent="0.25">
      <c r="A4638" s="1">
        <v>43749.083333333336</v>
      </c>
      <c r="B4638" s="2">
        <v>14.61</v>
      </c>
      <c r="C4638">
        <v>0</v>
      </c>
      <c r="D4638">
        <f t="shared" si="144"/>
        <v>0</v>
      </c>
      <c r="E4638" s="6">
        <f t="shared" si="145"/>
        <v>0</v>
      </c>
    </row>
    <row r="4639" spans="1:5" x14ac:dyDescent="0.25">
      <c r="A4639" s="1">
        <v>43749.125</v>
      </c>
      <c r="B4639" s="2">
        <v>14.39</v>
      </c>
      <c r="C4639">
        <v>0</v>
      </c>
      <c r="D4639">
        <f t="shared" si="144"/>
        <v>0</v>
      </c>
      <c r="E4639" s="6">
        <f t="shared" si="145"/>
        <v>0</v>
      </c>
    </row>
    <row r="4640" spans="1:5" x14ac:dyDescent="0.25">
      <c r="A4640" s="1">
        <v>43749.166666666664</v>
      </c>
      <c r="B4640" s="2">
        <v>15.75</v>
      </c>
      <c r="C4640">
        <v>0</v>
      </c>
      <c r="D4640">
        <f t="shared" si="144"/>
        <v>0</v>
      </c>
      <c r="E4640" s="6">
        <f t="shared" si="145"/>
        <v>0</v>
      </c>
    </row>
    <row r="4641" spans="1:5" x14ac:dyDescent="0.25">
      <c r="A4641" s="1">
        <v>43749.208333333336</v>
      </c>
      <c r="B4641" s="2">
        <v>19.53</v>
      </c>
      <c r="C4641">
        <v>0</v>
      </c>
      <c r="D4641">
        <f t="shared" si="144"/>
        <v>0</v>
      </c>
      <c r="E4641" s="6">
        <f t="shared" si="145"/>
        <v>0</v>
      </c>
    </row>
    <row r="4642" spans="1:5" x14ac:dyDescent="0.25">
      <c r="A4642" s="1">
        <v>43749.25</v>
      </c>
      <c r="B4642" s="2">
        <v>23.49</v>
      </c>
      <c r="C4642">
        <v>0</v>
      </c>
      <c r="D4642">
        <f t="shared" si="144"/>
        <v>0</v>
      </c>
      <c r="E4642" s="6">
        <f t="shared" si="145"/>
        <v>0</v>
      </c>
    </row>
    <row r="4643" spans="1:5" x14ac:dyDescent="0.25">
      <c r="A4643" s="1">
        <v>43749.291666666664</v>
      </c>
      <c r="B4643" s="2">
        <v>24.3</v>
      </c>
      <c r="C4643">
        <v>0</v>
      </c>
      <c r="D4643">
        <f t="shared" si="144"/>
        <v>0</v>
      </c>
      <c r="E4643" s="6">
        <f t="shared" si="145"/>
        <v>0</v>
      </c>
    </row>
    <row r="4644" spans="1:5" x14ac:dyDescent="0.25">
      <c r="A4644" s="1">
        <v>43749.333333333336</v>
      </c>
      <c r="B4644" s="2">
        <v>23.93</v>
      </c>
      <c r="C4644">
        <v>1.396018</v>
      </c>
      <c r="D4644">
        <f t="shared" si="144"/>
        <v>1.396018E-3</v>
      </c>
      <c r="E4644" s="6">
        <f t="shared" si="145"/>
        <v>3.3406710739999998E-2</v>
      </c>
    </row>
    <row r="4645" spans="1:5" x14ac:dyDescent="0.25">
      <c r="A4645" s="1">
        <v>43749.375</v>
      </c>
      <c r="B4645" s="2">
        <v>25.24</v>
      </c>
      <c r="C4645">
        <v>3.5969980000000001</v>
      </c>
      <c r="D4645">
        <f t="shared" si="144"/>
        <v>3.5969980000000001E-3</v>
      </c>
      <c r="E4645" s="6">
        <f t="shared" si="145"/>
        <v>9.0788229519999999E-2</v>
      </c>
    </row>
    <row r="4646" spans="1:5" x14ac:dyDescent="0.25">
      <c r="A4646" s="1">
        <v>43749.416666666664</v>
      </c>
      <c r="B4646" s="2">
        <v>25.74</v>
      </c>
      <c r="C4646">
        <v>5.3778589999999999</v>
      </c>
      <c r="D4646">
        <f t="shared" si="144"/>
        <v>5.3778589999999996E-3</v>
      </c>
      <c r="E4646" s="6">
        <f t="shared" si="145"/>
        <v>0.13842609065999997</v>
      </c>
    </row>
    <row r="4647" spans="1:5" x14ac:dyDescent="0.25">
      <c r="A4647" s="1">
        <v>43749.458333333336</v>
      </c>
      <c r="B4647" s="2">
        <v>25.2</v>
      </c>
      <c r="C4647">
        <v>3.4813369999999999</v>
      </c>
      <c r="D4647">
        <f t="shared" si="144"/>
        <v>3.4813369999999997E-3</v>
      </c>
      <c r="E4647" s="6">
        <f t="shared" si="145"/>
        <v>8.7729692399999989E-2</v>
      </c>
    </row>
    <row r="4648" spans="1:5" x14ac:dyDescent="0.25">
      <c r="A4648" s="1">
        <v>43749.5</v>
      </c>
      <c r="B4648" s="2">
        <v>25.43</v>
      </c>
      <c r="C4648">
        <v>3.4171019999999999</v>
      </c>
      <c r="D4648">
        <f t="shared" si="144"/>
        <v>3.417102E-3</v>
      </c>
      <c r="E4648" s="6">
        <f t="shared" si="145"/>
        <v>8.6896903859999999E-2</v>
      </c>
    </row>
    <row r="4649" spans="1:5" x14ac:dyDescent="0.25">
      <c r="A4649" s="1">
        <v>43749.541666666664</v>
      </c>
      <c r="B4649" s="2">
        <v>26.3</v>
      </c>
      <c r="C4649">
        <v>2.9195830000000003</v>
      </c>
      <c r="D4649">
        <f t="shared" si="144"/>
        <v>2.9195830000000003E-3</v>
      </c>
      <c r="E4649" s="6">
        <f t="shared" si="145"/>
        <v>7.6785032900000008E-2</v>
      </c>
    </row>
    <row r="4650" spans="1:5" x14ac:dyDescent="0.25">
      <c r="A4650" s="1">
        <v>43749.583333333336</v>
      </c>
      <c r="B4650" s="2">
        <v>29.11</v>
      </c>
      <c r="C4650">
        <v>5.7205429999999993</v>
      </c>
      <c r="D4650">
        <f t="shared" si="144"/>
        <v>5.7205429999999989E-3</v>
      </c>
      <c r="E4650" s="6">
        <f t="shared" si="145"/>
        <v>0.16652500672999995</v>
      </c>
    </row>
    <row r="4651" spans="1:5" x14ac:dyDescent="0.25">
      <c r="A4651" s="1">
        <v>43749.625</v>
      </c>
      <c r="B4651" s="2">
        <v>28.48</v>
      </c>
      <c r="C4651">
        <v>4.7957989999999997</v>
      </c>
      <c r="D4651">
        <f t="shared" si="144"/>
        <v>4.7957989999999999E-3</v>
      </c>
      <c r="E4651" s="6">
        <f t="shared" si="145"/>
        <v>0.13658435552000001</v>
      </c>
    </row>
    <row r="4652" spans="1:5" x14ac:dyDescent="0.25">
      <c r="A4652" s="1">
        <v>43749.666666666664</v>
      </c>
      <c r="B4652" s="2">
        <v>29.5</v>
      </c>
      <c r="C4652">
        <v>1.2038469999999999</v>
      </c>
      <c r="D4652">
        <f t="shared" si="144"/>
        <v>1.2038469999999999E-3</v>
      </c>
      <c r="E4652" s="6">
        <f t="shared" si="145"/>
        <v>3.5513486499999997E-2</v>
      </c>
    </row>
    <row r="4653" spans="1:5" x14ac:dyDescent="0.25">
      <c r="A4653" s="1">
        <v>43749.708333333336</v>
      </c>
      <c r="B4653" s="2">
        <v>27.44</v>
      </c>
      <c r="C4653">
        <v>1.0930229999999999</v>
      </c>
      <c r="D4653">
        <f t="shared" si="144"/>
        <v>1.0930229999999998E-3</v>
      </c>
      <c r="E4653" s="6">
        <f t="shared" si="145"/>
        <v>2.9992551119999995E-2</v>
      </c>
    </row>
    <row r="4654" spans="1:5" x14ac:dyDescent="0.25">
      <c r="A4654" s="1">
        <v>43749.75</v>
      </c>
      <c r="B4654" s="2">
        <v>27.34</v>
      </c>
      <c r="C4654">
        <v>0.62658799999999992</v>
      </c>
      <c r="D4654">
        <f t="shared" si="144"/>
        <v>6.2658799999999997E-4</v>
      </c>
      <c r="E4654" s="6">
        <f t="shared" si="145"/>
        <v>1.713091592E-2</v>
      </c>
    </row>
    <row r="4655" spans="1:5" x14ac:dyDescent="0.25">
      <c r="A4655" s="1">
        <v>43749.791666666664</v>
      </c>
      <c r="B4655" s="2">
        <v>28.52</v>
      </c>
      <c r="C4655">
        <v>0</v>
      </c>
      <c r="D4655">
        <f t="shared" si="144"/>
        <v>0</v>
      </c>
      <c r="E4655" s="6">
        <f t="shared" si="145"/>
        <v>0</v>
      </c>
    </row>
    <row r="4656" spans="1:5" x14ac:dyDescent="0.25">
      <c r="A4656" s="1">
        <v>43749.833333333336</v>
      </c>
      <c r="B4656" s="2">
        <v>25.26</v>
      </c>
      <c r="C4656">
        <v>0</v>
      </c>
      <c r="D4656">
        <f t="shared" si="144"/>
        <v>0</v>
      </c>
      <c r="E4656" s="6">
        <f t="shared" si="145"/>
        <v>0</v>
      </c>
    </row>
    <row r="4657" spans="1:5" x14ac:dyDescent="0.25">
      <c r="A4657" s="1">
        <v>43749.875</v>
      </c>
      <c r="B4657" s="2">
        <v>23.44</v>
      </c>
      <c r="C4657">
        <v>0</v>
      </c>
      <c r="D4657">
        <f t="shared" si="144"/>
        <v>0</v>
      </c>
      <c r="E4657" s="6">
        <f t="shared" si="145"/>
        <v>0</v>
      </c>
    </row>
    <row r="4658" spans="1:5" x14ac:dyDescent="0.25">
      <c r="A4658" s="1">
        <v>43749.916666666664</v>
      </c>
      <c r="B4658" s="2">
        <v>21.13</v>
      </c>
      <c r="C4658">
        <v>0</v>
      </c>
      <c r="D4658">
        <f t="shared" si="144"/>
        <v>0</v>
      </c>
      <c r="E4658" s="6">
        <f t="shared" si="145"/>
        <v>0</v>
      </c>
    </row>
    <row r="4659" spans="1:5" x14ac:dyDescent="0.25">
      <c r="A4659" s="1">
        <v>43749.958333333336</v>
      </c>
      <c r="B4659" s="2">
        <v>19.23</v>
      </c>
      <c r="C4659">
        <v>0</v>
      </c>
      <c r="D4659">
        <f t="shared" si="144"/>
        <v>0</v>
      </c>
      <c r="E4659" s="6">
        <f t="shared" si="145"/>
        <v>0</v>
      </c>
    </row>
    <row r="4660" spans="1:5" x14ac:dyDescent="0.25">
      <c r="A4660" s="1">
        <v>43750</v>
      </c>
      <c r="B4660" s="2">
        <v>16.29</v>
      </c>
      <c r="C4660">
        <v>0</v>
      </c>
      <c r="D4660">
        <f t="shared" si="144"/>
        <v>0</v>
      </c>
      <c r="E4660" s="6">
        <f t="shared" si="145"/>
        <v>0</v>
      </c>
    </row>
    <row r="4661" spans="1:5" x14ac:dyDescent="0.25">
      <c r="A4661" s="1">
        <v>43750.041666666664</v>
      </c>
      <c r="B4661" s="2">
        <v>15.97</v>
      </c>
      <c r="C4661">
        <v>0</v>
      </c>
      <c r="D4661">
        <f t="shared" si="144"/>
        <v>0</v>
      </c>
      <c r="E4661" s="6">
        <f t="shared" si="145"/>
        <v>0</v>
      </c>
    </row>
    <row r="4662" spans="1:5" x14ac:dyDescent="0.25">
      <c r="A4662" s="1">
        <v>43750.083333333336</v>
      </c>
      <c r="B4662" s="2">
        <v>15.12</v>
      </c>
      <c r="C4662">
        <v>0</v>
      </c>
      <c r="D4662">
        <f t="shared" si="144"/>
        <v>0</v>
      </c>
      <c r="E4662" s="6">
        <f t="shared" si="145"/>
        <v>0</v>
      </c>
    </row>
    <row r="4663" spans="1:5" x14ac:dyDescent="0.25">
      <c r="A4663" s="1">
        <v>43750.125</v>
      </c>
      <c r="B4663" s="2">
        <v>14.91</v>
      </c>
      <c r="C4663">
        <v>0</v>
      </c>
      <c r="D4663">
        <f t="shared" si="144"/>
        <v>0</v>
      </c>
      <c r="E4663" s="6">
        <f t="shared" si="145"/>
        <v>0</v>
      </c>
    </row>
    <row r="4664" spans="1:5" x14ac:dyDescent="0.25">
      <c r="A4664" s="1">
        <v>43750.166666666664</v>
      </c>
      <c r="B4664" s="2">
        <v>15.68</v>
      </c>
      <c r="C4664">
        <v>0</v>
      </c>
      <c r="D4664">
        <f t="shared" si="144"/>
        <v>0</v>
      </c>
      <c r="E4664" s="6">
        <f t="shared" si="145"/>
        <v>0</v>
      </c>
    </row>
    <row r="4665" spans="1:5" x14ac:dyDescent="0.25">
      <c r="A4665" s="1">
        <v>43750.208333333336</v>
      </c>
      <c r="B4665" s="2">
        <v>16.5</v>
      </c>
      <c r="C4665">
        <v>0</v>
      </c>
      <c r="D4665">
        <f t="shared" si="144"/>
        <v>0</v>
      </c>
      <c r="E4665" s="6">
        <f t="shared" si="145"/>
        <v>0</v>
      </c>
    </row>
    <row r="4666" spans="1:5" x14ac:dyDescent="0.25">
      <c r="A4666" s="1">
        <v>43750.25</v>
      </c>
      <c r="B4666" s="2">
        <v>17.989999999999998</v>
      </c>
      <c r="C4666">
        <v>0</v>
      </c>
      <c r="D4666">
        <f t="shared" si="144"/>
        <v>0</v>
      </c>
      <c r="E4666" s="6">
        <f t="shared" si="145"/>
        <v>0</v>
      </c>
    </row>
    <row r="4667" spans="1:5" x14ac:dyDescent="0.25">
      <c r="A4667" s="1">
        <v>43750.291666666664</v>
      </c>
      <c r="B4667" s="2">
        <v>19.579999999999998</v>
      </c>
      <c r="C4667">
        <v>0</v>
      </c>
      <c r="D4667">
        <f t="shared" si="144"/>
        <v>0</v>
      </c>
      <c r="E4667" s="6">
        <f t="shared" si="145"/>
        <v>0</v>
      </c>
    </row>
    <row r="4668" spans="1:5" x14ac:dyDescent="0.25">
      <c r="A4668" s="1">
        <v>43750.333333333336</v>
      </c>
      <c r="B4668" s="2">
        <v>19.41</v>
      </c>
      <c r="C4668">
        <v>0.32675400000000004</v>
      </c>
      <c r="D4668">
        <f t="shared" si="144"/>
        <v>3.2675400000000006E-4</v>
      </c>
      <c r="E4668" s="6">
        <f t="shared" si="145"/>
        <v>6.3422951400000016E-3</v>
      </c>
    </row>
    <row r="4669" spans="1:5" x14ac:dyDescent="0.25">
      <c r="A4669" s="1">
        <v>43750.375</v>
      </c>
      <c r="B4669" s="2">
        <v>20.14</v>
      </c>
      <c r="C4669">
        <v>1.1652349999999998</v>
      </c>
      <c r="D4669">
        <f t="shared" si="144"/>
        <v>1.1652349999999997E-3</v>
      </c>
      <c r="E4669" s="6">
        <f t="shared" si="145"/>
        <v>2.3467832899999996E-2</v>
      </c>
    </row>
    <row r="4670" spans="1:5" x14ac:dyDescent="0.25">
      <c r="A4670" s="1">
        <v>43750.416666666664</v>
      </c>
      <c r="B4670" s="2">
        <v>20.5</v>
      </c>
      <c r="C4670">
        <v>2.3614090000000001</v>
      </c>
      <c r="D4670">
        <f t="shared" si="144"/>
        <v>2.3614090000000001E-3</v>
      </c>
      <c r="E4670" s="6">
        <f t="shared" si="145"/>
        <v>4.8408884499999999E-2</v>
      </c>
    </row>
    <row r="4671" spans="1:5" x14ac:dyDescent="0.25">
      <c r="A4671" s="1">
        <v>43750.458333333336</v>
      </c>
      <c r="B4671" s="2">
        <v>20.32</v>
      </c>
      <c r="C4671">
        <v>1.8965730000000001</v>
      </c>
      <c r="D4671">
        <f t="shared" si="144"/>
        <v>1.8965730000000001E-3</v>
      </c>
      <c r="E4671" s="6">
        <f t="shared" si="145"/>
        <v>3.8538363360000001E-2</v>
      </c>
    </row>
    <row r="4672" spans="1:5" x14ac:dyDescent="0.25">
      <c r="A4672" s="1">
        <v>43750.5</v>
      </c>
      <c r="B4672" s="2">
        <v>20.34</v>
      </c>
      <c r="C4672">
        <v>1.3752280000000001</v>
      </c>
      <c r="D4672">
        <f t="shared" si="144"/>
        <v>1.375228E-3</v>
      </c>
      <c r="E4672" s="6">
        <f t="shared" si="145"/>
        <v>2.7972137519999999E-2</v>
      </c>
    </row>
    <row r="4673" spans="1:5" x14ac:dyDescent="0.25">
      <c r="A4673" s="1">
        <v>43750.541666666664</v>
      </c>
      <c r="B4673" s="2">
        <v>20.13</v>
      </c>
      <c r="C4673">
        <v>2.7267600000000001</v>
      </c>
      <c r="D4673">
        <f t="shared" si="144"/>
        <v>2.7267599999999999E-3</v>
      </c>
      <c r="E4673" s="6">
        <f t="shared" si="145"/>
        <v>5.4889678799999994E-2</v>
      </c>
    </row>
    <row r="4674" spans="1:5" x14ac:dyDescent="0.25">
      <c r="A4674" s="1">
        <v>43750.583333333336</v>
      </c>
      <c r="B4674" s="2">
        <v>20.02</v>
      </c>
      <c r="C4674">
        <v>2.0674980000000001</v>
      </c>
      <c r="D4674">
        <f t="shared" si="144"/>
        <v>2.0674980000000001E-3</v>
      </c>
      <c r="E4674" s="6">
        <f t="shared" si="145"/>
        <v>4.1391309959999997E-2</v>
      </c>
    </row>
    <row r="4675" spans="1:5" x14ac:dyDescent="0.25">
      <c r="A4675" s="1">
        <v>43750.625</v>
      </c>
      <c r="B4675" s="2">
        <v>20.260000000000002</v>
      </c>
      <c r="C4675">
        <v>2.129877</v>
      </c>
      <c r="D4675">
        <f t="shared" si="144"/>
        <v>2.1298770000000001E-3</v>
      </c>
      <c r="E4675" s="6">
        <f t="shared" si="145"/>
        <v>4.3151308020000008E-2</v>
      </c>
    </row>
    <row r="4676" spans="1:5" x14ac:dyDescent="0.25">
      <c r="A4676" s="1">
        <v>43750.666666666664</v>
      </c>
      <c r="B4676" s="2">
        <v>20.61</v>
      </c>
      <c r="C4676">
        <v>2.8447990000000001</v>
      </c>
      <c r="D4676">
        <f t="shared" si="144"/>
        <v>2.8447990000000003E-3</v>
      </c>
      <c r="E4676" s="6">
        <f t="shared" si="145"/>
        <v>5.8631307390000005E-2</v>
      </c>
    </row>
    <row r="4677" spans="1:5" x14ac:dyDescent="0.25">
      <c r="A4677" s="1">
        <v>43750.708333333336</v>
      </c>
      <c r="B4677" s="2">
        <v>21.26</v>
      </c>
      <c r="C4677">
        <v>1.1372170000000001</v>
      </c>
      <c r="D4677">
        <f t="shared" si="144"/>
        <v>1.137217E-3</v>
      </c>
      <c r="E4677" s="6">
        <f t="shared" si="145"/>
        <v>2.4177233420000003E-2</v>
      </c>
    </row>
    <row r="4678" spans="1:5" x14ac:dyDescent="0.25">
      <c r="A4678" s="1">
        <v>43750.75</v>
      </c>
      <c r="B4678" s="2">
        <v>22.64</v>
      </c>
      <c r="C4678">
        <v>0.58083699999999994</v>
      </c>
      <c r="D4678">
        <f t="shared" ref="D4678:D4741" si="146">C4678/1000</f>
        <v>5.8083699999999995E-4</v>
      </c>
      <c r="E4678" s="6">
        <f t="shared" ref="E4678:E4741" si="147">D4678*B4678</f>
        <v>1.3150149679999999E-2</v>
      </c>
    </row>
    <row r="4679" spans="1:5" x14ac:dyDescent="0.25">
      <c r="A4679" s="1">
        <v>43750.791666666664</v>
      </c>
      <c r="B4679" s="2">
        <v>24.04</v>
      </c>
      <c r="C4679">
        <v>0</v>
      </c>
      <c r="D4679">
        <f t="shared" si="146"/>
        <v>0</v>
      </c>
      <c r="E4679" s="6">
        <f t="shared" si="147"/>
        <v>0</v>
      </c>
    </row>
    <row r="4680" spans="1:5" x14ac:dyDescent="0.25">
      <c r="A4680" s="1">
        <v>43750.833333333336</v>
      </c>
      <c r="B4680" s="2">
        <v>22.69</v>
      </c>
      <c r="C4680">
        <v>0</v>
      </c>
      <c r="D4680">
        <f t="shared" si="146"/>
        <v>0</v>
      </c>
      <c r="E4680" s="6">
        <f t="shared" si="147"/>
        <v>0</v>
      </c>
    </row>
    <row r="4681" spans="1:5" x14ac:dyDescent="0.25">
      <c r="A4681" s="1">
        <v>43750.875</v>
      </c>
      <c r="B4681" s="2">
        <v>20.37</v>
      </c>
      <c r="C4681">
        <v>0</v>
      </c>
      <c r="D4681">
        <f t="shared" si="146"/>
        <v>0</v>
      </c>
      <c r="E4681" s="6">
        <f t="shared" si="147"/>
        <v>0</v>
      </c>
    </row>
    <row r="4682" spans="1:5" x14ac:dyDescent="0.25">
      <c r="A4682" s="1">
        <v>43750.916666666664</v>
      </c>
      <c r="B4682" s="2">
        <v>18.440000000000001</v>
      </c>
      <c r="C4682">
        <v>0</v>
      </c>
      <c r="D4682">
        <f t="shared" si="146"/>
        <v>0</v>
      </c>
      <c r="E4682" s="6">
        <f t="shared" si="147"/>
        <v>0</v>
      </c>
    </row>
    <row r="4683" spans="1:5" x14ac:dyDescent="0.25">
      <c r="A4683" s="1">
        <v>43750.958333333336</v>
      </c>
      <c r="B4683" s="2">
        <v>16.57</v>
      </c>
      <c r="C4683">
        <v>0</v>
      </c>
      <c r="D4683">
        <f t="shared" si="146"/>
        <v>0</v>
      </c>
      <c r="E4683" s="6">
        <f t="shared" si="147"/>
        <v>0</v>
      </c>
    </row>
    <row r="4684" spans="1:5" x14ac:dyDescent="0.25">
      <c r="A4684" s="1">
        <v>43751</v>
      </c>
      <c r="B4684" s="2">
        <v>15.8</v>
      </c>
      <c r="C4684">
        <v>0</v>
      </c>
      <c r="D4684">
        <f t="shared" si="146"/>
        <v>0</v>
      </c>
      <c r="E4684" s="6">
        <f t="shared" si="147"/>
        <v>0</v>
      </c>
    </row>
    <row r="4685" spans="1:5" x14ac:dyDescent="0.25">
      <c r="A4685" s="1">
        <v>43751.041666666664</v>
      </c>
      <c r="B4685" s="2">
        <v>15.29</v>
      </c>
      <c r="C4685">
        <v>0</v>
      </c>
      <c r="D4685">
        <f t="shared" si="146"/>
        <v>0</v>
      </c>
      <c r="E4685" s="6">
        <f t="shared" si="147"/>
        <v>0</v>
      </c>
    </row>
    <row r="4686" spans="1:5" x14ac:dyDescent="0.25">
      <c r="A4686" s="1">
        <v>43751.083333333336</v>
      </c>
      <c r="B4686" s="2">
        <v>13.7</v>
      </c>
      <c r="C4686">
        <v>0</v>
      </c>
      <c r="D4686">
        <f t="shared" si="146"/>
        <v>0</v>
      </c>
      <c r="E4686" s="6">
        <f t="shared" si="147"/>
        <v>0</v>
      </c>
    </row>
    <row r="4687" spans="1:5" x14ac:dyDescent="0.25">
      <c r="A4687" s="1">
        <v>43751.125</v>
      </c>
      <c r="B4687" s="2">
        <v>13.72</v>
      </c>
      <c r="C4687">
        <v>0</v>
      </c>
      <c r="D4687">
        <f t="shared" si="146"/>
        <v>0</v>
      </c>
      <c r="E4687" s="6">
        <f t="shared" si="147"/>
        <v>0</v>
      </c>
    </row>
    <row r="4688" spans="1:5" x14ac:dyDescent="0.25">
      <c r="A4688" s="1">
        <v>43751.166666666664</v>
      </c>
      <c r="B4688" s="2">
        <v>14.56</v>
      </c>
      <c r="C4688">
        <v>0</v>
      </c>
      <c r="D4688">
        <f t="shared" si="146"/>
        <v>0</v>
      </c>
      <c r="E4688" s="6">
        <f t="shared" si="147"/>
        <v>0</v>
      </c>
    </row>
    <row r="4689" spans="1:5" x14ac:dyDescent="0.25">
      <c r="A4689" s="1">
        <v>43751.208333333336</v>
      </c>
      <c r="B4689" s="2">
        <v>15.95</v>
      </c>
      <c r="C4689">
        <v>0</v>
      </c>
      <c r="D4689">
        <f t="shared" si="146"/>
        <v>0</v>
      </c>
      <c r="E4689" s="6">
        <f t="shared" si="147"/>
        <v>0</v>
      </c>
    </row>
    <row r="4690" spans="1:5" x14ac:dyDescent="0.25">
      <c r="A4690" s="1">
        <v>43751.25</v>
      </c>
      <c r="B4690" s="2">
        <v>17.53</v>
      </c>
      <c r="C4690">
        <v>0</v>
      </c>
      <c r="D4690">
        <f t="shared" si="146"/>
        <v>0</v>
      </c>
      <c r="E4690" s="6">
        <f t="shared" si="147"/>
        <v>0</v>
      </c>
    </row>
    <row r="4691" spans="1:5" x14ac:dyDescent="0.25">
      <c r="A4691" s="1">
        <v>43751.291666666664</v>
      </c>
      <c r="B4691" s="2">
        <v>19.670000000000002</v>
      </c>
      <c r="C4691">
        <v>0</v>
      </c>
      <c r="D4691">
        <f t="shared" si="146"/>
        <v>0</v>
      </c>
      <c r="E4691" s="6">
        <f t="shared" si="147"/>
        <v>0</v>
      </c>
    </row>
    <row r="4692" spans="1:5" x14ac:dyDescent="0.25">
      <c r="A4692" s="1">
        <v>43751.333333333336</v>
      </c>
      <c r="B4692" s="2">
        <v>19.57</v>
      </c>
      <c r="C4692">
        <v>1.3149839999999999</v>
      </c>
      <c r="D4692">
        <f t="shared" si="146"/>
        <v>1.3149839999999999E-3</v>
      </c>
      <c r="E4692" s="6">
        <f t="shared" si="147"/>
        <v>2.5734236880000001E-2</v>
      </c>
    </row>
    <row r="4693" spans="1:5" x14ac:dyDescent="0.25">
      <c r="A4693" s="1">
        <v>43751.375</v>
      </c>
      <c r="B4693" s="2">
        <v>20.05</v>
      </c>
      <c r="C4693">
        <v>3.4809939999999999</v>
      </c>
      <c r="D4693">
        <f t="shared" si="146"/>
        <v>3.4809939999999998E-3</v>
      </c>
      <c r="E4693" s="6">
        <f t="shared" si="147"/>
        <v>6.9793929699999993E-2</v>
      </c>
    </row>
    <row r="4694" spans="1:5" x14ac:dyDescent="0.25">
      <c r="A4694" s="1">
        <v>43751.416666666664</v>
      </c>
      <c r="B4694" s="2">
        <v>20.05</v>
      </c>
      <c r="C4694">
        <v>5.2268210000000002</v>
      </c>
      <c r="D4694">
        <f t="shared" si="146"/>
        <v>5.2268210000000004E-3</v>
      </c>
      <c r="E4694" s="6">
        <f t="shared" si="147"/>
        <v>0.10479776105000001</v>
      </c>
    </row>
    <row r="4695" spans="1:5" x14ac:dyDescent="0.25">
      <c r="A4695" s="1">
        <v>43751.458333333336</v>
      </c>
      <c r="B4695" s="2">
        <v>19.54</v>
      </c>
      <c r="C4695">
        <v>6.3898299999999999</v>
      </c>
      <c r="D4695">
        <f t="shared" si="146"/>
        <v>6.38983E-3</v>
      </c>
      <c r="E4695" s="6">
        <f t="shared" si="147"/>
        <v>0.12485727819999999</v>
      </c>
    </row>
    <row r="4696" spans="1:5" x14ac:dyDescent="0.25">
      <c r="A4696" s="1">
        <v>43751.5</v>
      </c>
      <c r="B4696" s="2">
        <v>19.5</v>
      </c>
      <c r="C4696">
        <v>6.9557920000000006</v>
      </c>
      <c r="D4696">
        <f t="shared" si="146"/>
        <v>6.9557920000000006E-3</v>
      </c>
      <c r="E4696" s="6">
        <f t="shared" si="147"/>
        <v>0.13563794400000001</v>
      </c>
    </row>
    <row r="4697" spans="1:5" x14ac:dyDescent="0.25">
      <c r="A4697" s="1">
        <v>43751.541666666664</v>
      </c>
      <c r="B4697" s="2">
        <v>19.38</v>
      </c>
      <c r="C4697">
        <v>7.0288399999999998</v>
      </c>
      <c r="D4697">
        <f t="shared" si="146"/>
        <v>7.0288399999999997E-3</v>
      </c>
      <c r="E4697" s="6">
        <f t="shared" si="147"/>
        <v>0.13621891919999998</v>
      </c>
    </row>
    <row r="4698" spans="1:5" x14ac:dyDescent="0.25">
      <c r="A4698" s="1">
        <v>43751.583333333336</v>
      </c>
      <c r="B4698" s="2">
        <v>19.100000000000001</v>
      </c>
      <c r="C4698">
        <v>6.611834</v>
      </c>
      <c r="D4698">
        <f t="shared" si="146"/>
        <v>6.6118339999999996E-3</v>
      </c>
      <c r="E4698" s="6">
        <f t="shared" si="147"/>
        <v>0.1262860294</v>
      </c>
    </row>
    <row r="4699" spans="1:5" x14ac:dyDescent="0.25">
      <c r="A4699" s="1">
        <v>43751.625</v>
      </c>
      <c r="B4699" s="2">
        <v>19.170000000000002</v>
      </c>
      <c r="C4699">
        <v>5.7490940000000004</v>
      </c>
      <c r="D4699">
        <f t="shared" si="146"/>
        <v>5.7490940000000006E-3</v>
      </c>
      <c r="E4699" s="6">
        <f t="shared" si="147"/>
        <v>0.11021013198000001</v>
      </c>
    </row>
    <row r="4700" spans="1:5" x14ac:dyDescent="0.25">
      <c r="A4700" s="1">
        <v>43751.666666666664</v>
      </c>
      <c r="B4700" s="2">
        <v>19.93</v>
      </c>
      <c r="C4700">
        <v>4.353345</v>
      </c>
      <c r="D4700">
        <f t="shared" si="146"/>
        <v>4.3533449999999998E-3</v>
      </c>
      <c r="E4700" s="6">
        <f t="shared" si="147"/>
        <v>8.6762165849999989E-2</v>
      </c>
    </row>
    <row r="4701" spans="1:5" x14ac:dyDescent="0.25">
      <c r="A4701" s="1">
        <v>43751.708333333336</v>
      </c>
      <c r="B4701" s="2">
        <v>20.52</v>
      </c>
      <c r="C4701">
        <v>2.4895130000000001</v>
      </c>
      <c r="D4701">
        <f t="shared" si="146"/>
        <v>2.4895130000000001E-3</v>
      </c>
      <c r="E4701" s="6">
        <f t="shared" si="147"/>
        <v>5.1084806759999997E-2</v>
      </c>
    </row>
    <row r="4702" spans="1:5" x14ac:dyDescent="0.25">
      <c r="A4702" s="1">
        <v>43751.75</v>
      </c>
      <c r="B4702" s="2">
        <v>23.65</v>
      </c>
      <c r="C4702">
        <v>0.5547709999999999</v>
      </c>
      <c r="D4702">
        <f t="shared" si="146"/>
        <v>5.5477099999999991E-4</v>
      </c>
      <c r="E4702" s="6">
        <f t="shared" si="147"/>
        <v>1.3120334149999998E-2</v>
      </c>
    </row>
    <row r="4703" spans="1:5" x14ac:dyDescent="0.25">
      <c r="A4703" s="1">
        <v>43751.791666666664</v>
      </c>
      <c r="B4703" s="2">
        <v>27.76</v>
      </c>
      <c r="C4703">
        <v>0</v>
      </c>
      <c r="D4703">
        <f t="shared" si="146"/>
        <v>0</v>
      </c>
      <c r="E4703" s="6">
        <f t="shared" si="147"/>
        <v>0</v>
      </c>
    </row>
    <row r="4704" spans="1:5" x14ac:dyDescent="0.25">
      <c r="A4704" s="1">
        <v>43751.833333333336</v>
      </c>
      <c r="B4704" s="2">
        <v>23.68</v>
      </c>
      <c r="C4704">
        <v>0</v>
      </c>
      <c r="D4704">
        <f t="shared" si="146"/>
        <v>0</v>
      </c>
      <c r="E4704" s="6">
        <f t="shared" si="147"/>
        <v>0</v>
      </c>
    </row>
    <row r="4705" spans="1:5" x14ac:dyDescent="0.25">
      <c r="A4705" s="1">
        <v>43751.875</v>
      </c>
      <c r="B4705" s="2">
        <v>22.16</v>
      </c>
      <c r="C4705">
        <v>0</v>
      </c>
      <c r="D4705">
        <f t="shared" si="146"/>
        <v>0</v>
      </c>
      <c r="E4705" s="6">
        <f t="shared" si="147"/>
        <v>0</v>
      </c>
    </row>
    <row r="4706" spans="1:5" x14ac:dyDescent="0.25">
      <c r="A4706" s="1">
        <v>43751.916666666664</v>
      </c>
      <c r="B4706" s="2">
        <v>20.12</v>
      </c>
      <c r="C4706">
        <v>0</v>
      </c>
      <c r="D4706">
        <f t="shared" si="146"/>
        <v>0</v>
      </c>
      <c r="E4706" s="6">
        <f t="shared" si="147"/>
        <v>0</v>
      </c>
    </row>
    <row r="4707" spans="1:5" x14ac:dyDescent="0.25">
      <c r="A4707" s="1">
        <v>43751.958333333336</v>
      </c>
      <c r="B4707" s="2">
        <v>17.12</v>
      </c>
      <c r="C4707">
        <v>0</v>
      </c>
      <c r="D4707">
        <f t="shared" si="146"/>
        <v>0</v>
      </c>
      <c r="E4707" s="6">
        <f t="shared" si="147"/>
        <v>0</v>
      </c>
    </row>
    <row r="4708" spans="1:5" x14ac:dyDescent="0.25">
      <c r="A4708" s="1">
        <v>43752</v>
      </c>
      <c r="B4708" s="2">
        <v>17.36</v>
      </c>
      <c r="C4708">
        <v>0</v>
      </c>
      <c r="D4708">
        <f t="shared" si="146"/>
        <v>0</v>
      </c>
      <c r="E4708" s="6">
        <f t="shared" si="147"/>
        <v>0</v>
      </c>
    </row>
    <row r="4709" spans="1:5" x14ac:dyDescent="0.25">
      <c r="A4709" s="1">
        <v>43752.041666666664</v>
      </c>
      <c r="B4709" s="2">
        <v>16.79</v>
      </c>
      <c r="C4709">
        <v>0</v>
      </c>
      <c r="D4709">
        <f t="shared" si="146"/>
        <v>0</v>
      </c>
      <c r="E4709" s="6">
        <f t="shared" si="147"/>
        <v>0</v>
      </c>
    </row>
    <row r="4710" spans="1:5" x14ac:dyDescent="0.25">
      <c r="A4710" s="1">
        <v>43752.083333333336</v>
      </c>
      <c r="B4710" s="2">
        <v>16.649999999999999</v>
      </c>
      <c r="C4710">
        <v>0</v>
      </c>
      <c r="D4710">
        <f t="shared" si="146"/>
        <v>0</v>
      </c>
      <c r="E4710" s="6">
        <f t="shared" si="147"/>
        <v>0</v>
      </c>
    </row>
    <row r="4711" spans="1:5" x14ac:dyDescent="0.25">
      <c r="A4711" s="1">
        <v>43752.125</v>
      </c>
      <c r="B4711" s="2">
        <v>17.22</v>
      </c>
      <c r="C4711">
        <v>0</v>
      </c>
      <c r="D4711">
        <f t="shared" si="146"/>
        <v>0</v>
      </c>
      <c r="E4711" s="6">
        <f t="shared" si="147"/>
        <v>0</v>
      </c>
    </row>
    <row r="4712" spans="1:5" x14ac:dyDescent="0.25">
      <c r="A4712" s="1">
        <v>43752.166666666664</v>
      </c>
      <c r="B4712" s="2">
        <v>17.64</v>
      </c>
      <c r="C4712">
        <v>0</v>
      </c>
      <c r="D4712">
        <f t="shared" si="146"/>
        <v>0</v>
      </c>
      <c r="E4712" s="6">
        <f t="shared" si="147"/>
        <v>0</v>
      </c>
    </row>
    <row r="4713" spans="1:5" x14ac:dyDescent="0.25">
      <c r="A4713" s="1">
        <v>43752.208333333336</v>
      </c>
      <c r="B4713" s="2">
        <v>20.02</v>
      </c>
      <c r="C4713">
        <v>0</v>
      </c>
      <c r="D4713">
        <f t="shared" si="146"/>
        <v>0</v>
      </c>
      <c r="E4713" s="6">
        <f t="shared" si="147"/>
        <v>0</v>
      </c>
    </row>
    <row r="4714" spans="1:5" x14ac:dyDescent="0.25">
      <c r="A4714" s="1">
        <v>43752.25</v>
      </c>
      <c r="B4714" s="2">
        <v>25.56</v>
      </c>
      <c r="C4714">
        <v>0</v>
      </c>
      <c r="D4714">
        <f t="shared" si="146"/>
        <v>0</v>
      </c>
      <c r="E4714" s="6">
        <f t="shared" si="147"/>
        <v>0</v>
      </c>
    </row>
    <row r="4715" spans="1:5" x14ac:dyDescent="0.25">
      <c r="A4715" s="1">
        <v>43752.291666666664</v>
      </c>
      <c r="B4715" s="2">
        <v>26.94</v>
      </c>
      <c r="C4715">
        <v>0</v>
      </c>
      <c r="D4715">
        <f t="shared" si="146"/>
        <v>0</v>
      </c>
      <c r="E4715" s="6">
        <f t="shared" si="147"/>
        <v>0</v>
      </c>
    </row>
    <row r="4716" spans="1:5" x14ac:dyDescent="0.25">
      <c r="A4716" s="1">
        <v>43752.333333333336</v>
      </c>
      <c r="B4716" s="2">
        <v>27.35</v>
      </c>
      <c r="C4716">
        <v>1.186931</v>
      </c>
      <c r="D4716">
        <f t="shared" si="146"/>
        <v>1.186931E-3</v>
      </c>
      <c r="E4716" s="6">
        <f t="shared" si="147"/>
        <v>3.2462562850000001E-2</v>
      </c>
    </row>
    <row r="4717" spans="1:5" x14ac:dyDescent="0.25">
      <c r="A4717" s="1">
        <v>43752.375</v>
      </c>
      <c r="B4717" s="2">
        <v>27.52</v>
      </c>
      <c r="C4717">
        <v>3.2543139999999999</v>
      </c>
      <c r="D4717">
        <f t="shared" si="146"/>
        <v>3.2543139999999999E-3</v>
      </c>
      <c r="E4717" s="6">
        <f t="shared" si="147"/>
        <v>8.9558721279999989E-2</v>
      </c>
    </row>
    <row r="4718" spans="1:5" x14ac:dyDescent="0.25">
      <c r="A4718" s="1">
        <v>43752.416666666664</v>
      </c>
      <c r="B4718" s="2">
        <v>27.07</v>
      </c>
      <c r="C4718">
        <v>4.9392849999999999</v>
      </c>
      <c r="D4718">
        <f t="shared" si="146"/>
        <v>4.9392849999999999E-3</v>
      </c>
      <c r="E4718" s="6">
        <f t="shared" si="147"/>
        <v>0.13370644495</v>
      </c>
    </row>
    <row r="4719" spans="1:5" x14ac:dyDescent="0.25">
      <c r="A4719" s="1">
        <v>43752.458333333336</v>
      </c>
      <c r="B4719" s="2">
        <v>25.94</v>
      </c>
      <c r="C4719">
        <v>6.051024</v>
      </c>
      <c r="D4719">
        <f t="shared" si="146"/>
        <v>6.0510240000000003E-3</v>
      </c>
      <c r="E4719" s="6">
        <f t="shared" si="147"/>
        <v>0.15696356256000002</v>
      </c>
    </row>
    <row r="4720" spans="1:5" x14ac:dyDescent="0.25">
      <c r="A4720" s="1">
        <v>43752.5</v>
      </c>
      <c r="B4720" s="2">
        <v>25.37</v>
      </c>
      <c r="C4720">
        <v>5.5230139999999999</v>
      </c>
      <c r="D4720">
        <f t="shared" si="146"/>
        <v>5.5230139999999997E-3</v>
      </c>
      <c r="E4720" s="6">
        <f t="shared" si="147"/>
        <v>0.14011886518</v>
      </c>
    </row>
    <row r="4721" spans="1:5" x14ac:dyDescent="0.25">
      <c r="A4721" s="1">
        <v>43752.541666666664</v>
      </c>
      <c r="B4721" s="2">
        <v>24.36</v>
      </c>
      <c r="C4721">
        <v>6.7688360000000003</v>
      </c>
      <c r="D4721">
        <f t="shared" si="146"/>
        <v>6.7688360000000003E-3</v>
      </c>
      <c r="E4721" s="6">
        <f t="shared" si="147"/>
        <v>0.16488884496</v>
      </c>
    </row>
    <row r="4722" spans="1:5" x14ac:dyDescent="0.25">
      <c r="A4722" s="1">
        <v>43752.583333333336</v>
      </c>
      <c r="B4722" s="2">
        <v>24.85</v>
      </c>
      <c r="C4722">
        <v>6.3445100000000005</v>
      </c>
      <c r="D4722">
        <f t="shared" si="146"/>
        <v>6.3445100000000003E-3</v>
      </c>
      <c r="E4722" s="6">
        <f t="shared" si="147"/>
        <v>0.15766107350000003</v>
      </c>
    </row>
    <row r="4723" spans="1:5" x14ac:dyDescent="0.25">
      <c r="A4723" s="1">
        <v>43752.625</v>
      </c>
      <c r="B4723" s="2">
        <v>24.47</v>
      </c>
      <c r="C4723">
        <v>5.5275100000000004</v>
      </c>
      <c r="D4723">
        <f t="shared" si="146"/>
        <v>5.5275100000000002E-3</v>
      </c>
      <c r="E4723" s="6">
        <f t="shared" si="147"/>
        <v>0.13525816969999999</v>
      </c>
    </row>
    <row r="4724" spans="1:5" x14ac:dyDescent="0.25">
      <c r="A4724" s="1">
        <v>43752.666666666664</v>
      </c>
      <c r="B4724" s="2">
        <v>25.55</v>
      </c>
      <c r="C4724">
        <v>4.1772460000000002</v>
      </c>
      <c r="D4724">
        <f t="shared" si="146"/>
        <v>4.1772459999999999E-3</v>
      </c>
      <c r="E4724" s="6">
        <f t="shared" si="147"/>
        <v>0.1067286353</v>
      </c>
    </row>
    <row r="4725" spans="1:5" x14ac:dyDescent="0.25">
      <c r="A4725" s="1">
        <v>43752.708333333336</v>
      </c>
      <c r="B4725" s="2">
        <v>25.79</v>
      </c>
      <c r="C4725">
        <v>2.3657150000000002</v>
      </c>
      <c r="D4725">
        <f t="shared" si="146"/>
        <v>2.3657150000000004E-3</v>
      </c>
      <c r="E4725" s="6">
        <f t="shared" si="147"/>
        <v>6.1011789850000012E-2</v>
      </c>
    </row>
    <row r="4726" spans="1:5" x14ac:dyDescent="0.25">
      <c r="A4726" s="1">
        <v>43752.75</v>
      </c>
      <c r="B4726" s="2">
        <v>30.05</v>
      </c>
      <c r="C4726">
        <v>0.52420600000000006</v>
      </c>
      <c r="D4726">
        <f t="shared" si="146"/>
        <v>5.2420600000000004E-4</v>
      </c>
      <c r="E4726" s="6">
        <f t="shared" si="147"/>
        <v>1.5752390300000002E-2</v>
      </c>
    </row>
    <row r="4727" spans="1:5" x14ac:dyDescent="0.25">
      <c r="A4727" s="1">
        <v>43752.791666666664</v>
      </c>
      <c r="B4727" s="2">
        <v>36.630000000000003</v>
      </c>
      <c r="C4727">
        <v>0</v>
      </c>
      <c r="D4727">
        <f t="shared" si="146"/>
        <v>0</v>
      </c>
      <c r="E4727" s="6">
        <f t="shared" si="147"/>
        <v>0</v>
      </c>
    </row>
    <row r="4728" spans="1:5" x14ac:dyDescent="0.25">
      <c r="A4728" s="1">
        <v>43752.833333333336</v>
      </c>
      <c r="B4728" s="2">
        <v>27.36</v>
      </c>
      <c r="C4728">
        <v>0</v>
      </c>
      <c r="D4728">
        <f t="shared" si="146"/>
        <v>0</v>
      </c>
      <c r="E4728" s="6">
        <f t="shared" si="147"/>
        <v>0</v>
      </c>
    </row>
    <row r="4729" spans="1:5" x14ac:dyDescent="0.25">
      <c r="A4729" s="1">
        <v>43752.875</v>
      </c>
      <c r="B4729" s="2">
        <v>24.22</v>
      </c>
      <c r="C4729">
        <v>0</v>
      </c>
      <c r="D4729">
        <f t="shared" si="146"/>
        <v>0</v>
      </c>
      <c r="E4729" s="6">
        <f t="shared" si="147"/>
        <v>0</v>
      </c>
    </row>
    <row r="4730" spans="1:5" x14ac:dyDescent="0.25">
      <c r="A4730" s="1">
        <v>43752.916666666664</v>
      </c>
      <c r="B4730" s="2">
        <v>20.82</v>
      </c>
      <c r="C4730">
        <v>0</v>
      </c>
      <c r="D4730">
        <f t="shared" si="146"/>
        <v>0</v>
      </c>
      <c r="E4730" s="6">
        <f t="shared" si="147"/>
        <v>0</v>
      </c>
    </row>
    <row r="4731" spans="1:5" x14ac:dyDescent="0.25">
      <c r="A4731" s="1">
        <v>43752.958333333336</v>
      </c>
      <c r="B4731" s="2">
        <v>19.47</v>
      </c>
      <c r="C4731">
        <v>0</v>
      </c>
      <c r="D4731">
        <f t="shared" si="146"/>
        <v>0</v>
      </c>
      <c r="E4731" s="6">
        <f t="shared" si="147"/>
        <v>0</v>
      </c>
    </row>
    <row r="4732" spans="1:5" x14ac:dyDescent="0.25">
      <c r="A4732" s="1">
        <v>43753</v>
      </c>
      <c r="B4732" s="2">
        <v>18.27</v>
      </c>
      <c r="C4732">
        <v>0</v>
      </c>
      <c r="D4732">
        <f t="shared" si="146"/>
        <v>0</v>
      </c>
      <c r="E4732" s="6">
        <f t="shared" si="147"/>
        <v>0</v>
      </c>
    </row>
    <row r="4733" spans="1:5" x14ac:dyDescent="0.25">
      <c r="A4733" s="1">
        <v>43753.041666666664</v>
      </c>
      <c r="B4733" s="2">
        <v>17.63</v>
      </c>
      <c r="C4733">
        <v>0</v>
      </c>
      <c r="D4733">
        <f t="shared" si="146"/>
        <v>0</v>
      </c>
      <c r="E4733" s="6">
        <f t="shared" si="147"/>
        <v>0</v>
      </c>
    </row>
    <row r="4734" spans="1:5" x14ac:dyDescent="0.25">
      <c r="A4734" s="1">
        <v>43753.083333333336</v>
      </c>
      <c r="B4734" s="2">
        <v>17.04</v>
      </c>
      <c r="C4734">
        <v>0</v>
      </c>
      <c r="D4734">
        <f t="shared" si="146"/>
        <v>0</v>
      </c>
      <c r="E4734" s="6">
        <f t="shared" si="147"/>
        <v>0</v>
      </c>
    </row>
    <row r="4735" spans="1:5" x14ac:dyDescent="0.25">
      <c r="A4735" s="1">
        <v>43753.125</v>
      </c>
      <c r="B4735" s="2">
        <v>17.05</v>
      </c>
      <c r="C4735">
        <v>0</v>
      </c>
      <c r="D4735">
        <f t="shared" si="146"/>
        <v>0</v>
      </c>
      <c r="E4735" s="6">
        <f t="shared" si="147"/>
        <v>0</v>
      </c>
    </row>
    <row r="4736" spans="1:5" x14ac:dyDescent="0.25">
      <c r="A4736" s="1">
        <v>43753.166666666664</v>
      </c>
      <c r="B4736" s="2">
        <v>18.100000000000001</v>
      </c>
      <c r="C4736">
        <v>0</v>
      </c>
      <c r="D4736">
        <f t="shared" si="146"/>
        <v>0</v>
      </c>
      <c r="E4736" s="6">
        <f t="shared" si="147"/>
        <v>0</v>
      </c>
    </row>
    <row r="4737" spans="1:5" x14ac:dyDescent="0.25">
      <c r="A4737" s="1">
        <v>43753.208333333336</v>
      </c>
      <c r="B4737" s="2">
        <v>20.399999999999999</v>
      </c>
      <c r="C4737">
        <v>0</v>
      </c>
      <c r="D4737">
        <f t="shared" si="146"/>
        <v>0</v>
      </c>
      <c r="E4737" s="6">
        <f t="shared" si="147"/>
        <v>0</v>
      </c>
    </row>
    <row r="4738" spans="1:5" x14ac:dyDescent="0.25">
      <c r="A4738" s="1">
        <v>43753.25</v>
      </c>
      <c r="B4738" s="2">
        <v>31.51</v>
      </c>
      <c r="C4738">
        <v>0</v>
      </c>
      <c r="D4738">
        <f t="shared" si="146"/>
        <v>0</v>
      </c>
      <c r="E4738" s="6">
        <f t="shared" si="147"/>
        <v>0</v>
      </c>
    </row>
    <row r="4739" spans="1:5" x14ac:dyDescent="0.25">
      <c r="A4739" s="1">
        <v>43753.291666666664</v>
      </c>
      <c r="B4739" s="2">
        <v>29.12</v>
      </c>
      <c r="C4739">
        <v>0</v>
      </c>
      <c r="D4739">
        <f t="shared" si="146"/>
        <v>0</v>
      </c>
      <c r="E4739" s="6">
        <f t="shared" si="147"/>
        <v>0</v>
      </c>
    </row>
    <row r="4740" spans="1:5" x14ac:dyDescent="0.25">
      <c r="A4740" s="1">
        <v>43753.333333333336</v>
      </c>
      <c r="B4740" s="2">
        <v>28.4</v>
      </c>
      <c r="C4740">
        <v>1.2118630000000001</v>
      </c>
      <c r="D4740">
        <f t="shared" si="146"/>
        <v>1.2118630000000001E-3</v>
      </c>
      <c r="E4740" s="6">
        <f t="shared" si="147"/>
        <v>3.4416909199999998E-2</v>
      </c>
    </row>
    <row r="4741" spans="1:5" x14ac:dyDescent="0.25">
      <c r="A4741" s="1">
        <v>43753.375</v>
      </c>
      <c r="B4741" s="2">
        <v>26.31</v>
      </c>
      <c r="C4741">
        <v>3.2906010000000001</v>
      </c>
      <c r="D4741">
        <f t="shared" si="146"/>
        <v>3.2906010000000002E-3</v>
      </c>
      <c r="E4741" s="6">
        <f t="shared" si="147"/>
        <v>8.6575712309999997E-2</v>
      </c>
    </row>
    <row r="4742" spans="1:5" x14ac:dyDescent="0.25">
      <c r="A4742" s="1">
        <v>43753.416666666664</v>
      </c>
      <c r="B4742" s="2">
        <v>26.42</v>
      </c>
      <c r="C4742">
        <v>4.9488349999999999</v>
      </c>
      <c r="D4742">
        <f t="shared" ref="D4742:D4805" si="148">C4742/1000</f>
        <v>4.9488349999999995E-3</v>
      </c>
      <c r="E4742" s="6">
        <f t="shared" ref="E4742:E4805" si="149">D4742*B4742</f>
        <v>0.1307482207</v>
      </c>
    </row>
    <row r="4743" spans="1:5" x14ac:dyDescent="0.25">
      <c r="A4743" s="1">
        <v>43753.458333333336</v>
      </c>
      <c r="B4743" s="2">
        <v>24.82</v>
      </c>
      <c r="C4743">
        <v>4.6256400000000006</v>
      </c>
      <c r="D4743">
        <f t="shared" si="148"/>
        <v>4.6256400000000003E-3</v>
      </c>
      <c r="E4743" s="6">
        <f t="shared" si="149"/>
        <v>0.11480838480000001</v>
      </c>
    </row>
    <row r="4744" spans="1:5" x14ac:dyDescent="0.25">
      <c r="A4744" s="1">
        <v>43753.5</v>
      </c>
      <c r="B4744" s="2">
        <v>24.71</v>
      </c>
      <c r="C4744">
        <v>6.620565</v>
      </c>
      <c r="D4744">
        <f t="shared" si="148"/>
        <v>6.6205650000000001E-3</v>
      </c>
      <c r="E4744" s="6">
        <f t="shared" si="149"/>
        <v>0.16359416115</v>
      </c>
    </row>
    <row r="4745" spans="1:5" x14ac:dyDescent="0.25">
      <c r="A4745" s="1">
        <v>43753.541666666664</v>
      </c>
      <c r="B4745" s="2">
        <v>24.64</v>
      </c>
      <c r="C4745">
        <v>6.6813320000000003</v>
      </c>
      <c r="D4745">
        <f t="shared" si="148"/>
        <v>6.6813319999999999E-3</v>
      </c>
      <c r="E4745" s="6">
        <f t="shared" si="149"/>
        <v>0.16462802048</v>
      </c>
    </row>
    <row r="4746" spans="1:5" x14ac:dyDescent="0.25">
      <c r="A4746" s="1">
        <v>43753.583333333336</v>
      </c>
      <c r="B4746" s="2">
        <v>25.32</v>
      </c>
      <c r="C4746">
        <v>5.5812110000000006</v>
      </c>
      <c r="D4746">
        <f t="shared" si="148"/>
        <v>5.5812110000000009E-3</v>
      </c>
      <c r="E4746" s="6">
        <f t="shared" si="149"/>
        <v>0.14131626252000001</v>
      </c>
    </row>
    <row r="4747" spans="1:5" x14ac:dyDescent="0.25">
      <c r="A4747" s="1">
        <v>43753.625</v>
      </c>
      <c r="B4747" s="2">
        <v>25.08</v>
      </c>
      <c r="C4747">
        <v>4.5469409999999995</v>
      </c>
      <c r="D4747">
        <f t="shared" si="148"/>
        <v>4.5469409999999997E-3</v>
      </c>
      <c r="E4747" s="6">
        <f t="shared" si="149"/>
        <v>0.11403728027999999</v>
      </c>
    </row>
    <row r="4748" spans="1:5" x14ac:dyDescent="0.25">
      <c r="A4748" s="1">
        <v>43753.666666666664</v>
      </c>
      <c r="B4748" s="2">
        <v>25.21</v>
      </c>
      <c r="C4748">
        <v>2.747528</v>
      </c>
      <c r="D4748">
        <f t="shared" si="148"/>
        <v>2.7475279999999999E-3</v>
      </c>
      <c r="E4748" s="6">
        <f t="shared" si="149"/>
        <v>6.9265180879999999E-2</v>
      </c>
    </row>
    <row r="4749" spans="1:5" x14ac:dyDescent="0.25">
      <c r="A4749" s="1">
        <v>43753.708333333336</v>
      </c>
      <c r="B4749" s="2">
        <v>25.9</v>
      </c>
      <c r="C4749">
        <v>1.9054519999999999</v>
      </c>
      <c r="D4749">
        <f t="shared" si="148"/>
        <v>1.905452E-3</v>
      </c>
      <c r="E4749" s="6">
        <f t="shared" si="149"/>
        <v>4.9351206799999998E-2</v>
      </c>
    </row>
    <row r="4750" spans="1:5" x14ac:dyDescent="0.25">
      <c r="A4750" s="1">
        <v>43753.75</v>
      </c>
      <c r="B4750" s="2">
        <v>27.75</v>
      </c>
      <c r="C4750">
        <v>0.38916699999999999</v>
      </c>
      <c r="D4750">
        <f t="shared" si="148"/>
        <v>3.89167E-4</v>
      </c>
      <c r="E4750" s="6">
        <f t="shared" si="149"/>
        <v>1.079938425E-2</v>
      </c>
    </row>
    <row r="4751" spans="1:5" x14ac:dyDescent="0.25">
      <c r="A4751" s="1">
        <v>43753.791666666664</v>
      </c>
      <c r="B4751" s="2">
        <v>32.92</v>
      </c>
      <c r="C4751">
        <v>0</v>
      </c>
      <c r="D4751">
        <f t="shared" si="148"/>
        <v>0</v>
      </c>
      <c r="E4751" s="6">
        <f t="shared" si="149"/>
        <v>0</v>
      </c>
    </row>
    <row r="4752" spans="1:5" x14ac:dyDescent="0.25">
      <c r="A4752" s="1">
        <v>43753.833333333336</v>
      </c>
      <c r="B4752" s="2">
        <v>26.47</v>
      </c>
      <c r="C4752">
        <v>0</v>
      </c>
      <c r="D4752">
        <f t="shared" si="148"/>
        <v>0</v>
      </c>
      <c r="E4752" s="6">
        <f t="shared" si="149"/>
        <v>0</v>
      </c>
    </row>
    <row r="4753" spans="1:5" x14ac:dyDescent="0.25">
      <c r="A4753" s="1">
        <v>43753.875</v>
      </c>
      <c r="B4753" s="2">
        <v>23.12</v>
      </c>
      <c r="C4753">
        <v>0</v>
      </c>
      <c r="D4753">
        <f t="shared" si="148"/>
        <v>0</v>
      </c>
      <c r="E4753" s="6">
        <f t="shared" si="149"/>
        <v>0</v>
      </c>
    </row>
    <row r="4754" spans="1:5" x14ac:dyDescent="0.25">
      <c r="A4754" s="1">
        <v>43753.916666666664</v>
      </c>
      <c r="B4754" s="2">
        <v>20.38</v>
      </c>
      <c r="C4754">
        <v>0</v>
      </c>
      <c r="D4754">
        <f t="shared" si="148"/>
        <v>0</v>
      </c>
      <c r="E4754" s="6">
        <f t="shared" si="149"/>
        <v>0</v>
      </c>
    </row>
    <row r="4755" spans="1:5" x14ac:dyDescent="0.25">
      <c r="A4755" s="1">
        <v>43753.958333333336</v>
      </c>
      <c r="B4755" s="2">
        <v>18.52</v>
      </c>
      <c r="C4755">
        <v>0</v>
      </c>
      <c r="D4755">
        <f t="shared" si="148"/>
        <v>0</v>
      </c>
      <c r="E4755" s="6">
        <f t="shared" si="149"/>
        <v>0</v>
      </c>
    </row>
    <row r="4756" spans="1:5" x14ac:dyDescent="0.25">
      <c r="A4756" s="1">
        <v>43754</v>
      </c>
      <c r="B4756" s="2">
        <v>17.670000000000002</v>
      </c>
      <c r="C4756">
        <v>0</v>
      </c>
      <c r="D4756">
        <f t="shared" si="148"/>
        <v>0</v>
      </c>
      <c r="E4756" s="6">
        <f t="shared" si="149"/>
        <v>0</v>
      </c>
    </row>
    <row r="4757" spans="1:5" x14ac:dyDescent="0.25">
      <c r="A4757" s="1">
        <v>43754.041666666664</v>
      </c>
      <c r="B4757" s="2">
        <v>17.440000000000001</v>
      </c>
      <c r="C4757">
        <v>0</v>
      </c>
      <c r="D4757">
        <f t="shared" si="148"/>
        <v>0</v>
      </c>
      <c r="E4757" s="6">
        <f t="shared" si="149"/>
        <v>0</v>
      </c>
    </row>
    <row r="4758" spans="1:5" x14ac:dyDescent="0.25">
      <c r="A4758" s="1">
        <v>43754.083333333336</v>
      </c>
      <c r="B4758" s="2">
        <v>17.29</v>
      </c>
      <c r="C4758">
        <v>0</v>
      </c>
      <c r="D4758">
        <f t="shared" si="148"/>
        <v>0</v>
      </c>
      <c r="E4758" s="6">
        <f t="shared" si="149"/>
        <v>0</v>
      </c>
    </row>
    <row r="4759" spans="1:5" x14ac:dyDescent="0.25">
      <c r="A4759" s="1">
        <v>43754.125</v>
      </c>
      <c r="B4759" s="2">
        <v>17.03</v>
      </c>
      <c r="C4759">
        <v>0</v>
      </c>
      <c r="D4759">
        <f t="shared" si="148"/>
        <v>0</v>
      </c>
      <c r="E4759" s="6">
        <f t="shared" si="149"/>
        <v>0</v>
      </c>
    </row>
    <row r="4760" spans="1:5" x14ac:dyDescent="0.25">
      <c r="A4760" s="1">
        <v>43754.166666666664</v>
      </c>
      <c r="B4760" s="2">
        <v>17.72</v>
      </c>
      <c r="C4760">
        <v>0</v>
      </c>
      <c r="D4760">
        <f t="shared" si="148"/>
        <v>0</v>
      </c>
      <c r="E4760" s="6">
        <f t="shared" si="149"/>
        <v>0</v>
      </c>
    </row>
    <row r="4761" spans="1:5" x14ac:dyDescent="0.25">
      <c r="A4761" s="1">
        <v>43754.208333333336</v>
      </c>
      <c r="B4761" s="2">
        <v>20</v>
      </c>
      <c r="C4761">
        <v>0</v>
      </c>
      <c r="D4761">
        <f t="shared" si="148"/>
        <v>0</v>
      </c>
      <c r="E4761" s="6">
        <f t="shared" si="149"/>
        <v>0</v>
      </c>
    </row>
    <row r="4762" spans="1:5" x14ac:dyDescent="0.25">
      <c r="A4762" s="1">
        <v>43754.25</v>
      </c>
      <c r="B4762" s="2">
        <v>26.42</v>
      </c>
      <c r="C4762">
        <v>0</v>
      </c>
      <c r="D4762">
        <f t="shared" si="148"/>
        <v>0</v>
      </c>
      <c r="E4762" s="6">
        <f t="shared" si="149"/>
        <v>0</v>
      </c>
    </row>
    <row r="4763" spans="1:5" x14ac:dyDescent="0.25">
      <c r="A4763" s="1">
        <v>43754.291666666664</v>
      </c>
      <c r="B4763" s="2">
        <v>26.93</v>
      </c>
      <c r="C4763">
        <v>0</v>
      </c>
      <c r="D4763">
        <f t="shared" si="148"/>
        <v>0</v>
      </c>
      <c r="E4763" s="6">
        <f t="shared" si="149"/>
        <v>0</v>
      </c>
    </row>
    <row r="4764" spans="1:5" x14ac:dyDescent="0.25">
      <c r="A4764" s="1">
        <v>43754.333333333336</v>
      </c>
      <c r="B4764" s="2">
        <v>27.95</v>
      </c>
      <c r="C4764">
        <v>1.0345519999999999</v>
      </c>
      <c r="D4764">
        <f t="shared" si="148"/>
        <v>1.034552E-3</v>
      </c>
      <c r="E4764" s="6">
        <f t="shared" si="149"/>
        <v>2.89157284E-2</v>
      </c>
    </row>
    <row r="4765" spans="1:5" x14ac:dyDescent="0.25">
      <c r="A4765" s="1">
        <v>43754.375</v>
      </c>
      <c r="B4765" s="2">
        <v>27.76</v>
      </c>
      <c r="C4765">
        <v>1.3391769999999998</v>
      </c>
      <c r="D4765">
        <f t="shared" si="148"/>
        <v>1.3391769999999998E-3</v>
      </c>
      <c r="E4765" s="6">
        <f t="shared" si="149"/>
        <v>3.7175553519999995E-2</v>
      </c>
    </row>
    <row r="4766" spans="1:5" x14ac:dyDescent="0.25">
      <c r="A4766" s="1">
        <v>43754.416666666664</v>
      </c>
      <c r="B4766" s="2">
        <v>29.33</v>
      </c>
      <c r="C4766">
        <v>1.723819</v>
      </c>
      <c r="D4766">
        <f t="shared" si="148"/>
        <v>1.7238189999999999E-3</v>
      </c>
      <c r="E4766" s="6">
        <f t="shared" si="149"/>
        <v>5.0559611269999992E-2</v>
      </c>
    </row>
    <row r="4767" spans="1:5" x14ac:dyDescent="0.25">
      <c r="A4767" s="1">
        <v>43754.458333333336</v>
      </c>
      <c r="B4767" s="2">
        <v>27.44</v>
      </c>
      <c r="C4767">
        <v>1.552413</v>
      </c>
      <c r="D4767">
        <f t="shared" si="148"/>
        <v>1.5524130000000001E-3</v>
      </c>
      <c r="E4767" s="6">
        <f t="shared" si="149"/>
        <v>4.2598212720000007E-2</v>
      </c>
    </row>
    <row r="4768" spans="1:5" x14ac:dyDescent="0.25">
      <c r="A4768" s="1">
        <v>43754.5</v>
      </c>
      <c r="B4768" s="2">
        <v>28.91</v>
      </c>
      <c r="C4768">
        <v>0.644536</v>
      </c>
      <c r="D4768">
        <f t="shared" si="148"/>
        <v>6.4453600000000002E-4</v>
      </c>
      <c r="E4768" s="6">
        <f t="shared" si="149"/>
        <v>1.863353576E-2</v>
      </c>
    </row>
    <row r="4769" spans="1:5" x14ac:dyDescent="0.25">
      <c r="A4769" s="1">
        <v>43754.541666666664</v>
      </c>
      <c r="B4769" s="2">
        <v>28.32</v>
      </c>
      <c r="C4769">
        <v>1.6464020000000001</v>
      </c>
      <c r="D4769">
        <f t="shared" si="148"/>
        <v>1.6464020000000002E-3</v>
      </c>
      <c r="E4769" s="6">
        <f t="shared" si="149"/>
        <v>4.6626104640000006E-2</v>
      </c>
    </row>
    <row r="4770" spans="1:5" x14ac:dyDescent="0.25">
      <c r="A4770" s="1">
        <v>43754.583333333336</v>
      </c>
      <c r="B4770" s="2">
        <v>28.56</v>
      </c>
      <c r="C4770">
        <v>0.72027099999999999</v>
      </c>
      <c r="D4770">
        <f t="shared" si="148"/>
        <v>7.2027099999999998E-4</v>
      </c>
      <c r="E4770" s="6">
        <f t="shared" si="149"/>
        <v>2.0570939759999997E-2</v>
      </c>
    </row>
    <row r="4771" spans="1:5" x14ac:dyDescent="0.25">
      <c r="A4771" s="1">
        <v>43754.625</v>
      </c>
      <c r="B4771" s="2">
        <v>27.26</v>
      </c>
      <c r="C4771">
        <v>0.25394499999999998</v>
      </c>
      <c r="D4771">
        <f t="shared" si="148"/>
        <v>2.53945E-4</v>
      </c>
      <c r="E4771" s="6">
        <f t="shared" si="149"/>
        <v>6.9225407000000003E-3</v>
      </c>
    </row>
    <row r="4772" spans="1:5" x14ac:dyDescent="0.25">
      <c r="A4772" s="1">
        <v>43754.666666666664</v>
      </c>
      <c r="B4772" s="2">
        <v>28.14</v>
      </c>
      <c r="C4772">
        <v>0.324847</v>
      </c>
      <c r="D4772">
        <f t="shared" si="148"/>
        <v>3.2484700000000002E-4</v>
      </c>
      <c r="E4772" s="6">
        <f t="shared" si="149"/>
        <v>9.1411945800000012E-3</v>
      </c>
    </row>
    <row r="4773" spans="1:5" x14ac:dyDescent="0.25">
      <c r="A4773" s="1">
        <v>43754.708333333336</v>
      </c>
      <c r="B4773" s="2">
        <v>28.29</v>
      </c>
      <c r="C4773">
        <v>0.197293</v>
      </c>
      <c r="D4773">
        <f t="shared" si="148"/>
        <v>1.97293E-4</v>
      </c>
      <c r="E4773" s="6">
        <f t="shared" si="149"/>
        <v>5.5814189699999999E-3</v>
      </c>
    </row>
    <row r="4774" spans="1:5" x14ac:dyDescent="0.25">
      <c r="A4774" s="1">
        <v>43754.75</v>
      </c>
      <c r="B4774" s="2">
        <v>30.78</v>
      </c>
      <c r="C4774">
        <v>0</v>
      </c>
      <c r="D4774">
        <f t="shared" si="148"/>
        <v>0</v>
      </c>
      <c r="E4774" s="6">
        <f t="shared" si="149"/>
        <v>0</v>
      </c>
    </row>
    <row r="4775" spans="1:5" x14ac:dyDescent="0.25">
      <c r="A4775" s="1">
        <v>43754.791666666664</v>
      </c>
      <c r="B4775" s="2">
        <v>35.92</v>
      </c>
      <c r="C4775">
        <v>0</v>
      </c>
      <c r="D4775">
        <f t="shared" si="148"/>
        <v>0</v>
      </c>
      <c r="E4775" s="6">
        <f t="shared" si="149"/>
        <v>0</v>
      </c>
    </row>
    <row r="4776" spans="1:5" x14ac:dyDescent="0.25">
      <c r="A4776" s="1">
        <v>43754.833333333336</v>
      </c>
      <c r="B4776" s="2">
        <v>32.53</v>
      </c>
      <c r="C4776">
        <v>0</v>
      </c>
      <c r="D4776">
        <f t="shared" si="148"/>
        <v>0</v>
      </c>
      <c r="E4776" s="6">
        <f t="shared" si="149"/>
        <v>0</v>
      </c>
    </row>
    <row r="4777" spans="1:5" x14ac:dyDescent="0.25">
      <c r="A4777" s="1">
        <v>43754.875</v>
      </c>
      <c r="B4777" s="2">
        <v>26.21</v>
      </c>
      <c r="C4777">
        <v>0</v>
      </c>
      <c r="D4777">
        <f t="shared" si="148"/>
        <v>0</v>
      </c>
      <c r="E4777" s="6">
        <f t="shared" si="149"/>
        <v>0</v>
      </c>
    </row>
    <row r="4778" spans="1:5" x14ac:dyDescent="0.25">
      <c r="A4778" s="1">
        <v>43754.916666666664</v>
      </c>
      <c r="B4778" s="2">
        <v>22.21</v>
      </c>
      <c r="C4778">
        <v>0</v>
      </c>
      <c r="D4778">
        <f t="shared" si="148"/>
        <v>0</v>
      </c>
      <c r="E4778" s="6">
        <f t="shared" si="149"/>
        <v>0</v>
      </c>
    </row>
    <row r="4779" spans="1:5" x14ac:dyDescent="0.25">
      <c r="A4779" s="1">
        <v>43754.958333333336</v>
      </c>
      <c r="B4779" s="2">
        <v>20.100000000000001</v>
      </c>
      <c r="C4779">
        <v>0</v>
      </c>
      <c r="D4779">
        <f t="shared" si="148"/>
        <v>0</v>
      </c>
      <c r="E4779" s="6">
        <f t="shared" si="149"/>
        <v>0</v>
      </c>
    </row>
    <row r="4780" spans="1:5" x14ac:dyDescent="0.25">
      <c r="A4780" s="1">
        <v>43755</v>
      </c>
      <c r="B4780" s="2">
        <v>19.29</v>
      </c>
      <c r="C4780">
        <v>0</v>
      </c>
      <c r="D4780">
        <f t="shared" si="148"/>
        <v>0</v>
      </c>
      <c r="E4780" s="6">
        <f t="shared" si="149"/>
        <v>0</v>
      </c>
    </row>
    <row r="4781" spans="1:5" x14ac:dyDescent="0.25">
      <c r="A4781" s="1">
        <v>43755.041666666664</v>
      </c>
      <c r="B4781" s="2">
        <v>18.8</v>
      </c>
      <c r="C4781">
        <v>0</v>
      </c>
      <c r="D4781">
        <f t="shared" si="148"/>
        <v>0</v>
      </c>
      <c r="E4781" s="6">
        <f t="shared" si="149"/>
        <v>0</v>
      </c>
    </row>
    <row r="4782" spans="1:5" x14ac:dyDescent="0.25">
      <c r="A4782" s="1">
        <v>43755.083333333336</v>
      </c>
      <c r="B4782" s="2">
        <v>18.32</v>
      </c>
      <c r="C4782">
        <v>0</v>
      </c>
      <c r="D4782">
        <f t="shared" si="148"/>
        <v>0</v>
      </c>
      <c r="E4782" s="6">
        <f t="shared" si="149"/>
        <v>0</v>
      </c>
    </row>
    <row r="4783" spans="1:5" x14ac:dyDescent="0.25">
      <c r="A4783" s="1">
        <v>43755.125</v>
      </c>
      <c r="B4783" s="2">
        <v>18.14</v>
      </c>
      <c r="C4783">
        <v>0</v>
      </c>
      <c r="D4783">
        <f t="shared" si="148"/>
        <v>0</v>
      </c>
      <c r="E4783" s="6">
        <f t="shared" si="149"/>
        <v>0</v>
      </c>
    </row>
    <row r="4784" spans="1:5" x14ac:dyDescent="0.25">
      <c r="A4784" s="1">
        <v>43755.166666666664</v>
      </c>
      <c r="B4784" s="2">
        <v>19</v>
      </c>
      <c r="C4784">
        <v>0</v>
      </c>
      <c r="D4784">
        <f t="shared" si="148"/>
        <v>0</v>
      </c>
      <c r="E4784" s="6">
        <f t="shared" si="149"/>
        <v>0</v>
      </c>
    </row>
    <row r="4785" spans="1:5" x14ac:dyDescent="0.25">
      <c r="A4785" s="1">
        <v>43755.208333333336</v>
      </c>
      <c r="B4785" s="2">
        <v>21.87</v>
      </c>
      <c r="C4785">
        <v>0</v>
      </c>
      <c r="D4785">
        <f t="shared" si="148"/>
        <v>0</v>
      </c>
      <c r="E4785" s="6">
        <f t="shared" si="149"/>
        <v>0</v>
      </c>
    </row>
    <row r="4786" spans="1:5" x14ac:dyDescent="0.25">
      <c r="A4786" s="1">
        <v>43755.25</v>
      </c>
      <c r="B4786" s="2">
        <v>30.96</v>
      </c>
      <c r="C4786">
        <v>0</v>
      </c>
      <c r="D4786">
        <f t="shared" si="148"/>
        <v>0</v>
      </c>
      <c r="E4786" s="6">
        <f t="shared" si="149"/>
        <v>0</v>
      </c>
    </row>
    <row r="4787" spans="1:5" x14ac:dyDescent="0.25">
      <c r="A4787" s="1">
        <v>43755.291666666664</v>
      </c>
      <c r="B4787" s="2">
        <v>33.200000000000003</v>
      </c>
      <c r="C4787">
        <v>0</v>
      </c>
      <c r="D4787">
        <f t="shared" si="148"/>
        <v>0</v>
      </c>
      <c r="E4787" s="6">
        <f t="shared" si="149"/>
        <v>0</v>
      </c>
    </row>
    <row r="4788" spans="1:5" x14ac:dyDescent="0.25">
      <c r="A4788" s="1">
        <v>43755.333333333336</v>
      </c>
      <c r="B4788" s="2">
        <v>32.97</v>
      </c>
      <c r="C4788">
        <v>0</v>
      </c>
      <c r="D4788">
        <f t="shared" si="148"/>
        <v>0</v>
      </c>
      <c r="E4788" s="6">
        <f t="shared" si="149"/>
        <v>0</v>
      </c>
    </row>
    <row r="4789" spans="1:5" x14ac:dyDescent="0.25">
      <c r="A4789" s="1">
        <v>43755.375</v>
      </c>
      <c r="B4789" s="2">
        <v>32.24</v>
      </c>
      <c r="C4789">
        <v>0.34376699999999999</v>
      </c>
      <c r="D4789">
        <f t="shared" si="148"/>
        <v>3.4376699999999998E-4</v>
      </c>
      <c r="E4789" s="6">
        <f t="shared" si="149"/>
        <v>1.108304808E-2</v>
      </c>
    </row>
    <row r="4790" spans="1:5" x14ac:dyDescent="0.25">
      <c r="A4790" s="1">
        <v>43755.416666666664</v>
      </c>
      <c r="B4790" s="2">
        <v>31.6</v>
      </c>
      <c r="C4790">
        <v>2.3576830000000002</v>
      </c>
      <c r="D4790">
        <f t="shared" si="148"/>
        <v>2.3576830000000002E-3</v>
      </c>
      <c r="E4790" s="6">
        <f t="shared" si="149"/>
        <v>7.4502782800000014E-2</v>
      </c>
    </row>
    <row r="4791" spans="1:5" x14ac:dyDescent="0.25">
      <c r="A4791" s="1">
        <v>43755.458333333336</v>
      </c>
      <c r="B4791" s="2">
        <v>29.83</v>
      </c>
      <c r="C4791">
        <v>3.4514549999999997</v>
      </c>
      <c r="D4791">
        <f t="shared" si="148"/>
        <v>3.4514549999999995E-3</v>
      </c>
      <c r="E4791" s="6">
        <f t="shared" si="149"/>
        <v>0.10295690264999999</v>
      </c>
    </row>
    <row r="4792" spans="1:5" x14ac:dyDescent="0.25">
      <c r="A4792" s="1">
        <v>43755.5</v>
      </c>
      <c r="B4792" s="2">
        <v>30.67</v>
      </c>
      <c r="C4792">
        <v>4.6896040000000001</v>
      </c>
      <c r="D4792">
        <f t="shared" si="148"/>
        <v>4.689604E-3</v>
      </c>
      <c r="E4792" s="6">
        <f t="shared" si="149"/>
        <v>0.14383015468000002</v>
      </c>
    </row>
    <row r="4793" spans="1:5" x14ac:dyDescent="0.25">
      <c r="A4793" s="1">
        <v>43755.541666666664</v>
      </c>
      <c r="B4793" s="2">
        <v>28.69</v>
      </c>
      <c r="C4793">
        <v>6.5664999999999996</v>
      </c>
      <c r="D4793">
        <f t="shared" si="148"/>
        <v>6.5664999999999994E-3</v>
      </c>
      <c r="E4793" s="6">
        <f t="shared" si="149"/>
        <v>0.18839288499999998</v>
      </c>
    </row>
    <row r="4794" spans="1:5" x14ac:dyDescent="0.25">
      <c r="A4794" s="1">
        <v>43755.583333333336</v>
      </c>
      <c r="B4794" s="2">
        <v>29.57</v>
      </c>
      <c r="C4794">
        <v>6.0664570000000007</v>
      </c>
      <c r="D4794">
        <f t="shared" si="148"/>
        <v>6.0664570000000008E-3</v>
      </c>
      <c r="E4794" s="6">
        <f t="shared" si="149"/>
        <v>0.17938513349000001</v>
      </c>
    </row>
    <row r="4795" spans="1:5" x14ac:dyDescent="0.25">
      <c r="A4795" s="1">
        <v>43755.625</v>
      </c>
      <c r="B4795" s="2">
        <v>27.02</v>
      </c>
      <c r="C4795">
        <v>5.2467680000000003</v>
      </c>
      <c r="D4795">
        <f t="shared" si="148"/>
        <v>5.2467680000000006E-3</v>
      </c>
      <c r="E4795" s="6">
        <f t="shared" si="149"/>
        <v>0.14176767136000001</v>
      </c>
    </row>
    <row r="4796" spans="1:5" x14ac:dyDescent="0.25">
      <c r="A4796" s="1">
        <v>43755.666666666664</v>
      </c>
      <c r="B4796" s="2">
        <v>28.32</v>
      </c>
      <c r="C4796">
        <v>2.6206170000000002</v>
      </c>
      <c r="D4796">
        <f t="shared" si="148"/>
        <v>2.620617E-3</v>
      </c>
      <c r="E4796" s="6">
        <f t="shared" si="149"/>
        <v>7.4215873439999996E-2</v>
      </c>
    </row>
    <row r="4797" spans="1:5" x14ac:dyDescent="0.25">
      <c r="A4797" s="1">
        <v>43755.708333333336</v>
      </c>
      <c r="B4797" s="2">
        <v>28.6</v>
      </c>
      <c r="C4797">
        <v>2.2035520000000002</v>
      </c>
      <c r="D4797">
        <f t="shared" si="148"/>
        <v>2.2035520000000001E-3</v>
      </c>
      <c r="E4797" s="6">
        <f t="shared" si="149"/>
        <v>6.3021587200000007E-2</v>
      </c>
    </row>
    <row r="4798" spans="1:5" x14ac:dyDescent="0.25">
      <c r="A4798" s="1">
        <v>43755.75</v>
      </c>
      <c r="B4798" s="2">
        <v>33.14</v>
      </c>
      <c r="C4798">
        <v>0.422267</v>
      </c>
      <c r="D4798">
        <f t="shared" si="148"/>
        <v>4.2226699999999999E-4</v>
      </c>
      <c r="E4798" s="6">
        <f t="shared" si="149"/>
        <v>1.3993928379999999E-2</v>
      </c>
    </row>
    <row r="4799" spans="1:5" x14ac:dyDescent="0.25">
      <c r="A4799" s="1">
        <v>43755.791666666664</v>
      </c>
      <c r="B4799" s="2">
        <v>36.31</v>
      </c>
      <c r="C4799">
        <v>0</v>
      </c>
      <c r="D4799">
        <f t="shared" si="148"/>
        <v>0</v>
      </c>
      <c r="E4799" s="6">
        <f t="shared" si="149"/>
        <v>0</v>
      </c>
    </row>
    <row r="4800" spans="1:5" x14ac:dyDescent="0.25">
      <c r="A4800" s="1">
        <v>43755.833333333336</v>
      </c>
      <c r="B4800" s="2">
        <v>33.119999999999997</v>
      </c>
      <c r="C4800">
        <v>0</v>
      </c>
      <c r="D4800">
        <f t="shared" si="148"/>
        <v>0</v>
      </c>
      <c r="E4800" s="6">
        <f t="shared" si="149"/>
        <v>0</v>
      </c>
    </row>
    <row r="4801" spans="1:5" x14ac:dyDescent="0.25">
      <c r="A4801" s="1">
        <v>43755.875</v>
      </c>
      <c r="B4801" s="2">
        <v>28.16</v>
      </c>
      <c r="C4801">
        <v>0</v>
      </c>
      <c r="D4801">
        <f t="shared" si="148"/>
        <v>0</v>
      </c>
      <c r="E4801" s="6">
        <f t="shared" si="149"/>
        <v>0</v>
      </c>
    </row>
    <row r="4802" spans="1:5" x14ac:dyDescent="0.25">
      <c r="A4802" s="1">
        <v>43755.916666666664</v>
      </c>
      <c r="B4802" s="2">
        <v>24.02</v>
      </c>
      <c r="C4802">
        <v>0</v>
      </c>
      <c r="D4802">
        <f t="shared" si="148"/>
        <v>0</v>
      </c>
      <c r="E4802" s="6">
        <f t="shared" si="149"/>
        <v>0</v>
      </c>
    </row>
    <row r="4803" spans="1:5" x14ac:dyDescent="0.25">
      <c r="A4803" s="1">
        <v>43755.958333333336</v>
      </c>
      <c r="B4803" s="2">
        <v>22.43</v>
      </c>
      <c r="C4803">
        <v>0</v>
      </c>
      <c r="D4803">
        <f t="shared" si="148"/>
        <v>0</v>
      </c>
      <c r="E4803" s="6">
        <f t="shared" si="149"/>
        <v>0</v>
      </c>
    </row>
    <row r="4804" spans="1:5" x14ac:dyDescent="0.25">
      <c r="A4804" s="1">
        <v>43756</v>
      </c>
      <c r="B4804" s="2">
        <v>21.38</v>
      </c>
      <c r="C4804">
        <v>0</v>
      </c>
      <c r="D4804">
        <f t="shared" si="148"/>
        <v>0</v>
      </c>
      <c r="E4804" s="6">
        <f t="shared" si="149"/>
        <v>0</v>
      </c>
    </row>
    <row r="4805" spans="1:5" x14ac:dyDescent="0.25">
      <c r="A4805" s="1">
        <v>43756.041666666664</v>
      </c>
      <c r="B4805" s="2">
        <v>20.86</v>
      </c>
      <c r="C4805">
        <v>0</v>
      </c>
      <c r="D4805">
        <f t="shared" si="148"/>
        <v>0</v>
      </c>
      <c r="E4805" s="6">
        <f t="shared" si="149"/>
        <v>0</v>
      </c>
    </row>
    <row r="4806" spans="1:5" x14ac:dyDescent="0.25">
      <c r="A4806" s="1">
        <v>43756.083333333336</v>
      </c>
      <c r="B4806" s="2">
        <v>20.71</v>
      </c>
      <c r="C4806">
        <v>0</v>
      </c>
      <c r="D4806">
        <f t="shared" ref="D4806:D4869" si="150">C4806/1000</f>
        <v>0</v>
      </c>
      <c r="E4806" s="6">
        <f t="shared" ref="E4806:E4869" si="151">D4806*B4806</f>
        <v>0</v>
      </c>
    </row>
    <row r="4807" spans="1:5" x14ac:dyDescent="0.25">
      <c r="A4807" s="1">
        <v>43756.125</v>
      </c>
      <c r="B4807" s="2">
        <v>20.440000000000001</v>
      </c>
      <c r="C4807">
        <v>0</v>
      </c>
      <c r="D4807">
        <f t="shared" si="150"/>
        <v>0</v>
      </c>
      <c r="E4807" s="6">
        <f t="shared" si="151"/>
        <v>0</v>
      </c>
    </row>
    <row r="4808" spans="1:5" x14ac:dyDescent="0.25">
      <c r="A4808" s="1">
        <v>43756.166666666664</v>
      </c>
      <c r="B4808" s="2">
        <v>21.13</v>
      </c>
      <c r="C4808">
        <v>0</v>
      </c>
      <c r="D4808">
        <f t="shared" si="150"/>
        <v>0</v>
      </c>
      <c r="E4808" s="6">
        <f t="shared" si="151"/>
        <v>0</v>
      </c>
    </row>
    <row r="4809" spans="1:5" x14ac:dyDescent="0.25">
      <c r="A4809" s="1">
        <v>43756.208333333336</v>
      </c>
      <c r="B4809" s="2">
        <v>26.87</v>
      </c>
      <c r="C4809">
        <v>0</v>
      </c>
      <c r="D4809">
        <f t="shared" si="150"/>
        <v>0</v>
      </c>
      <c r="E4809" s="6">
        <f t="shared" si="151"/>
        <v>0</v>
      </c>
    </row>
    <row r="4810" spans="1:5" x14ac:dyDescent="0.25">
      <c r="A4810" s="1">
        <v>43756.25</v>
      </c>
      <c r="B4810" s="2">
        <v>37.119999999999997</v>
      </c>
      <c r="C4810">
        <v>0</v>
      </c>
      <c r="D4810">
        <f t="shared" si="150"/>
        <v>0</v>
      </c>
      <c r="E4810" s="6">
        <f t="shared" si="151"/>
        <v>0</v>
      </c>
    </row>
    <row r="4811" spans="1:5" x14ac:dyDescent="0.25">
      <c r="A4811" s="1">
        <v>43756.291666666664</v>
      </c>
      <c r="B4811" s="2">
        <v>37.69</v>
      </c>
      <c r="C4811">
        <v>0</v>
      </c>
      <c r="D4811">
        <f t="shared" si="150"/>
        <v>0</v>
      </c>
      <c r="E4811" s="6">
        <f t="shared" si="151"/>
        <v>0</v>
      </c>
    </row>
    <row r="4812" spans="1:5" x14ac:dyDescent="0.25">
      <c r="A4812" s="1">
        <v>43756.333333333336</v>
      </c>
      <c r="B4812" s="2">
        <v>34.130000000000003</v>
      </c>
      <c r="C4812">
        <v>1.7257999999999999E-2</v>
      </c>
      <c r="D4812">
        <f t="shared" si="150"/>
        <v>1.7258E-5</v>
      </c>
      <c r="E4812" s="6">
        <f t="shared" si="151"/>
        <v>5.8901554000000004E-4</v>
      </c>
    </row>
    <row r="4813" spans="1:5" x14ac:dyDescent="0.25">
      <c r="A4813" s="1">
        <v>43756.375</v>
      </c>
      <c r="B4813" s="2">
        <v>29.65</v>
      </c>
      <c r="C4813">
        <v>1.0571360000000001</v>
      </c>
      <c r="D4813">
        <f t="shared" si="150"/>
        <v>1.057136E-3</v>
      </c>
      <c r="E4813" s="6">
        <f t="shared" si="151"/>
        <v>3.1344082400000001E-2</v>
      </c>
    </row>
    <row r="4814" spans="1:5" x14ac:dyDescent="0.25">
      <c r="A4814" s="1">
        <v>43756.416666666664</v>
      </c>
      <c r="B4814" s="2">
        <v>30</v>
      </c>
      <c r="C4814">
        <v>4.7475500000000004</v>
      </c>
      <c r="D4814">
        <f t="shared" si="150"/>
        <v>4.7475500000000006E-3</v>
      </c>
      <c r="E4814" s="6">
        <f t="shared" si="151"/>
        <v>0.14242650000000001</v>
      </c>
    </row>
    <row r="4815" spans="1:5" x14ac:dyDescent="0.25">
      <c r="A4815" s="1">
        <v>43756.458333333336</v>
      </c>
      <c r="B4815" s="2">
        <v>29.01</v>
      </c>
      <c r="C4815">
        <v>5.7681659999999999</v>
      </c>
      <c r="D4815">
        <f t="shared" si="150"/>
        <v>5.7681659999999999E-3</v>
      </c>
      <c r="E4815" s="6">
        <f t="shared" si="151"/>
        <v>0.16733449566</v>
      </c>
    </row>
    <row r="4816" spans="1:5" x14ac:dyDescent="0.25">
      <c r="A4816" s="1">
        <v>43756.5</v>
      </c>
      <c r="B4816" s="2">
        <v>27.64</v>
      </c>
      <c r="C4816">
        <v>3.5759059999999998</v>
      </c>
      <c r="D4816">
        <f t="shared" si="150"/>
        <v>3.5759059999999998E-3</v>
      </c>
      <c r="E4816" s="6">
        <f t="shared" si="151"/>
        <v>9.8838041840000002E-2</v>
      </c>
    </row>
    <row r="4817" spans="1:5" x14ac:dyDescent="0.25">
      <c r="A4817" s="1">
        <v>43756.541666666664</v>
      </c>
      <c r="B4817" s="2">
        <v>26.79</v>
      </c>
      <c r="C4817">
        <v>3.2099830000000003</v>
      </c>
      <c r="D4817">
        <f t="shared" si="150"/>
        <v>3.2099830000000005E-3</v>
      </c>
      <c r="E4817" s="6">
        <f t="shared" si="151"/>
        <v>8.599544457000001E-2</v>
      </c>
    </row>
    <row r="4818" spans="1:5" x14ac:dyDescent="0.25">
      <c r="A4818" s="1">
        <v>43756.583333333336</v>
      </c>
      <c r="B4818" s="2">
        <v>25.72</v>
      </c>
      <c r="C4818">
        <v>0.92991299999999999</v>
      </c>
      <c r="D4818">
        <f t="shared" si="150"/>
        <v>9.2991299999999999E-4</v>
      </c>
      <c r="E4818" s="6">
        <f t="shared" si="151"/>
        <v>2.391736236E-2</v>
      </c>
    </row>
    <row r="4819" spans="1:5" x14ac:dyDescent="0.25">
      <c r="A4819" s="1">
        <v>43756.625</v>
      </c>
      <c r="B4819" s="2">
        <v>23.97</v>
      </c>
      <c r="C4819">
        <v>2.9160689999999998</v>
      </c>
      <c r="D4819">
        <f t="shared" si="150"/>
        <v>2.9160689999999999E-3</v>
      </c>
      <c r="E4819" s="6">
        <f t="shared" si="151"/>
        <v>6.9898173929999988E-2</v>
      </c>
    </row>
    <row r="4820" spans="1:5" x14ac:dyDescent="0.25">
      <c r="A4820" s="1">
        <v>43756.666666666664</v>
      </c>
      <c r="B4820" s="2">
        <v>24.05</v>
      </c>
      <c r="C4820">
        <v>0.79644500000000007</v>
      </c>
      <c r="D4820">
        <f t="shared" si="150"/>
        <v>7.9644500000000012E-4</v>
      </c>
      <c r="E4820" s="6">
        <f t="shared" si="151"/>
        <v>1.9154502250000004E-2</v>
      </c>
    </row>
    <row r="4821" spans="1:5" x14ac:dyDescent="0.25">
      <c r="A4821" s="1">
        <v>43756.708333333336</v>
      </c>
      <c r="B4821" s="2">
        <v>23.73</v>
      </c>
      <c r="C4821">
        <v>2.1357080000000002</v>
      </c>
      <c r="D4821">
        <f t="shared" si="150"/>
        <v>2.1357080000000001E-3</v>
      </c>
      <c r="E4821" s="6">
        <f t="shared" si="151"/>
        <v>5.0680350839999999E-2</v>
      </c>
    </row>
    <row r="4822" spans="1:5" x14ac:dyDescent="0.25">
      <c r="A4822" s="1">
        <v>43756.75</v>
      </c>
      <c r="B4822" s="2">
        <v>27.24</v>
      </c>
      <c r="C4822">
        <v>0.35705000000000003</v>
      </c>
      <c r="D4822">
        <f t="shared" si="150"/>
        <v>3.5705000000000003E-4</v>
      </c>
      <c r="E4822" s="6">
        <f t="shared" si="151"/>
        <v>9.7260420000000007E-3</v>
      </c>
    </row>
    <row r="4823" spans="1:5" x14ac:dyDescent="0.25">
      <c r="A4823" s="1">
        <v>43756.791666666664</v>
      </c>
      <c r="B4823" s="2">
        <v>29.46</v>
      </c>
      <c r="C4823">
        <v>0</v>
      </c>
      <c r="D4823">
        <f t="shared" si="150"/>
        <v>0</v>
      </c>
      <c r="E4823" s="6">
        <f t="shared" si="151"/>
        <v>0</v>
      </c>
    </row>
    <row r="4824" spans="1:5" x14ac:dyDescent="0.25">
      <c r="A4824" s="1">
        <v>43756.833333333336</v>
      </c>
      <c r="B4824" s="2">
        <v>26.4</v>
      </c>
      <c r="C4824">
        <v>0</v>
      </c>
      <c r="D4824">
        <f t="shared" si="150"/>
        <v>0</v>
      </c>
      <c r="E4824" s="6">
        <f t="shared" si="151"/>
        <v>0</v>
      </c>
    </row>
    <row r="4825" spans="1:5" x14ac:dyDescent="0.25">
      <c r="A4825" s="1">
        <v>43756.875</v>
      </c>
      <c r="B4825" s="2">
        <v>24</v>
      </c>
      <c r="C4825">
        <v>0</v>
      </c>
      <c r="D4825">
        <f t="shared" si="150"/>
        <v>0</v>
      </c>
      <c r="E4825" s="6">
        <f t="shared" si="151"/>
        <v>0</v>
      </c>
    </row>
    <row r="4826" spans="1:5" x14ac:dyDescent="0.25">
      <c r="A4826" s="1">
        <v>43756.916666666664</v>
      </c>
      <c r="B4826" s="2">
        <v>22.46</v>
      </c>
      <c r="C4826">
        <v>0</v>
      </c>
      <c r="D4826">
        <f t="shared" si="150"/>
        <v>0</v>
      </c>
      <c r="E4826" s="6">
        <f t="shared" si="151"/>
        <v>0</v>
      </c>
    </row>
    <row r="4827" spans="1:5" x14ac:dyDescent="0.25">
      <c r="A4827" s="1">
        <v>43756.958333333336</v>
      </c>
      <c r="B4827" s="2">
        <v>21.48</v>
      </c>
      <c r="C4827">
        <v>0</v>
      </c>
      <c r="D4827">
        <f t="shared" si="150"/>
        <v>0</v>
      </c>
      <c r="E4827" s="6">
        <f t="shared" si="151"/>
        <v>0</v>
      </c>
    </row>
    <row r="4828" spans="1:5" x14ac:dyDescent="0.25">
      <c r="A4828" s="1">
        <v>43757</v>
      </c>
      <c r="B4828" s="2">
        <v>26.56</v>
      </c>
      <c r="C4828">
        <v>0</v>
      </c>
      <c r="D4828">
        <f t="shared" si="150"/>
        <v>0</v>
      </c>
      <c r="E4828" s="6">
        <f t="shared" si="151"/>
        <v>0</v>
      </c>
    </row>
    <row r="4829" spans="1:5" x14ac:dyDescent="0.25">
      <c r="A4829" s="1">
        <v>43757.041666666664</v>
      </c>
      <c r="B4829" s="2">
        <v>24.47</v>
      </c>
      <c r="C4829">
        <v>0</v>
      </c>
      <c r="D4829">
        <f t="shared" si="150"/>
        <v>0</v>
      </c>
      <c r="E4829" s="6">
        <f t="shared" si="151"/>
        <v>0</v>
      </c>
    </row>
    <row r="4830" spans="1:5" x14ac:dyDescent="0.25">
      <c r="A4830" s="1">
        <v>43757.083333333336</v>
      </c>
      <c r="B4830" s="2">
        <v>23.12</v>
      </c>
      <c r="C4830">
        <v>0</v>
      </c>
      <c r="D4830">
        <f t="shared" si="150"/>
        <v>0</v>
      </c>
      <c r="E4830" s="6">
        <f t="shared" si="151"/>
        <v>0</v>
      </c>
    </row>
    <row r="4831" spans="1:5" x14ac:dyDescent="0.25">
      <c r="A4831" s="1">
        <v>43757.125</v>
      </c>
      <c r="B4831" s="2">
        <v>23.13</v>
      </c>
      <c r="C4831">
        <v>0</v>
      </c>
      <c r="D4831">
        <f t="shared" si="150"/>
        <v>0</v>
      </c>
      <c r="E4831" s="6">
        <f t="shared" si="151"/>
        <v>0</v>
      </c>
    </row>
    <row r="4832" spans="1:5" x14ac:dyDescent="0.25">
      <c r="A4832" s="1">
        <v>43757.166666666664</v>
      </c>
      <c r="B4832" s="2">
        <v>24.55</v>
      </c>
      <c r="C4832">
        <v>0</v>
      </c>
      <c r="D4832">
        <f t="shared" si="150"/>
        <v>0</v>
      </c>
      <c r="E4832" s="6">
        <f t="shared" si="151"/>
        <v>0</v>
      </c>
    </row>
    <row r="4833" spans="1:5" x14ac:dyDescent="0.25">
      <c r="A4833" s="1">
        <v>43757.208333333336</v>
      </c>
      <c r="B4833" s="2">
        <v>25.92</v>
      </c>
      <c r="C4833">
        <v>0</v>
      </c>
      <c r="D4833">
        <f t="shared" si="150"/>
        <v>0</v>
      </c>
      <c r="E4833" s="6">
        <f t="shared" si="151"/>
        <v>0</v>
      </c>
    </row>
    <row r="4834" spans="1:5" x14ac:dyDescent="0.25">
      <c r="A4834" s="1">
        <v>43757.25</v>
      </c>
      <c r="B4834" s="2">
        <v>32.01</v>
      </c>
      <c r="C4834">
        <v>0</v>
      </c>
      <c r="D4834">
        <f t="shared" si="150"/>
        <v>0</v>
      </c>
      <c r="E4834" s="6">
        <f t="shared" si="151"/>
        <v>0</v>
      </c>
    </row>
    <row r="4835" spans="1:5" x14ac:dyDescent="0.25">
      <c r="A4835" s="1">
        <v>43757.291666666664</v>
      </c>
      <c r="B4835" s="2">
        <v>35.04</v>
      </c>
      <c r="C4835">
        <v>0</v>
      </c>
      <c r="D4835">
        <f t="shared" si="150"/>
        <v>0</v>
      </c>
      <c r="E4835" s="6">
        <f t="shared" si="151"/>
        <v>0</v>
      </c>
    </row>
    <row r="4836" spans="1:5" x14ac:dyDescent="0.25">
      <c r="A4836" s="1">
        <v>43757.333333333336</v>
      </c>
      <c r="B4836" s="2">
        <v>35.770000000000003</v>
      </c>
      <c r="C4836">
        <v>0.87960900000000009</v>
      </c>
      <c r="D4836">
        <f t="shared" si="150"/>
        <v>8.7960900000000005E-4</v>
      </c>
      <c r="E4836" s="6">
        <f t="shared" si="151"/>
        <v>3.1463613930000002E-2</v>
      </c>
    </row>
    <row r="4837" spans="1:5" x14ac:dyDescent="0.25">
      <c r="A4837" s="1">
        <v>43757.375</v>
      </c>
      <c r="B4837" s="2">
        <v>32.94</v>
      </c>
      <c r="C4837">
        <v>2.1041089999999998</v>
      </c>
      <c r="D4837">
        <f t="shared" si="150"/>
        <v>2.1041089999999998E-3</v>
      </c>
      <c r="E4837" s="6">
        <f t="shared" si="151"/>
        <v>6.9309350459999988E-2</v>
      </c>
    </row>
    <row r="4838" spans="1:5" x14ac:dyDescent="0.25">
      <c r="A4838" s="1">
        <v>43757.416666666664</v>
      </c>
      <c r="B4838" s="2">
        <v>29.65</v>
      </c>
      <c r="C4838">
        <v>1.5059739999999999</v>
      </c>
      <c r="D4838">
        <f t="shared" si="150"/>
        <v>1.505974E-3</v>
      </c>
      <c r="E4838" s="6">
        <f t="shared" si="151"/>
        <v>4.46521291E-2</v>
      </c>
    </row>
    <row r="4839" spans="1:5" x14ac:dyDescent="0.25">
      <c r="A4839" s="1">
        <v>43757.458333333336</v>
      </c>
      <c r="B4839" s="2">
        <v>26.14</v>
      </c>
      <c r="C4839">
        <v>1.819539</v>
      </c>
      <c r="D4839">
        <f t="shared" si="150"/>
        <v>1.819539E-3</v>
      </c>
      <c r="E4839" s="6">
        <f t="shared" si="151"/>
        <v>4.7562749459999998E-2</v>
      </c>
    </row>
    <row r="4840" spans="1:5" x14ac:dyDescent="0.25">
      <c r="A4840" s="1">
        <v>43757.5</v>
      </c>
      <c r="B4840" s="2">
        <v>25.07</v>
      </c>
      <c r="C4840">
        <v>2.4727609999999998</v>
      </c>
      <c r="D4840">
        <f t="shared" si="150"/>
        <v>2.472761E-3</v>
      </c>
      <c r="E4840" s="6">
        <f t="shared" si="151"/>
        <v>6.199211827E-2</v>
      </c>
    </row>
    <row r="4841" spans="1:5" x14ac:dyDescent="0.25">
      <c r="A4841" s="1">
        <v>43757.541666666664</v>
      </c>
      <c r="B4841" s="2">
        <v>24.28</v>
      </c>
      <c r="C4841">
        <v>5.7863509999999998</v>
      </c>
      <c r="D4841">
        <f t="shared" si="150"/>
        <v>5.7863509999999995E-3</v>
      </c>
      <c r="E4841" s="6">
        <f t="shared" si="151"/>
        <v>0.14049260227999999</v>
      </c>
    </row>
    <row r="4842" spans="1:5" x14ac:dyDescent="0.25">
      <c r="A4842" s="1">
        <v>43757.583333333336</v>
      </c>
      <c r="B4842" s="2">
        <v>23.83</v>
      </c>
      <c r="C4842">
        <v>5.4684709999999992</v>
      </c>
      <c r="D4842">
        <f t="shared" si="150"/>
        <v>5.4684709999999991E-3</v>
      </c>
      <c r="E4842" s="6">
        <f t="shared" si="151"/>
        <v>0.13031366392999996</v>
      </c>
    </row>
    <row r="4843" spans="1:5" x14ac:dyDescent="0.25">
      <c r="A4843" s="1">
        <v>43757.625</v>
      </c>
      <c r="B4843" s="2">
        <v>23.33</v>
      </c>
      <c r="C4843">
        <v>5.6996370000000001</v>
      </c>
      <c r="D4843">
        <f t="shared" si="150"/>
        <v>5.6996370000000005E-3</v>
      </c>
      <c r="E4843" s="6">
        <f t="shared" si="151"/>
        <v>0.13297253120999999</v>
      </c>
    </row>
    <row r="4844" spans="1:5" x14ac:dyDescent="0.25">
      <c r="A4844" s="1">
        <v>43757.666666666664</v>
      </c>
      <c r="B4844" s="2">
        <v>24.71</v>
      </c>
      <c r="C4844">
        <v>4.2936040000000002</v>
      </c>
      <c r="D4844">
        <f t="shared" si="150"/>
        <v>4.2936040000000003E-3</v>
      </c>
      <c r="E4844" s="6">
        <f t="shared" si="151"/>
        <v>0.10609495484000001</v>
      </c>
    </row>
    <row r="4845" spans="1:5" x14ac:dyDescent="0.25">
      <c r="A4845" s="1">
        <v>43757.708333333336</v>
      </c>
      <c r="B4845" s="2">
        <v>26</v>
      </c>
      <c r="C4845">
        <v>2.3445300000000002</v>
      </c>
      <c r="D4845">
        <f t="shared" si="150"/>
        <v>2.3445300000000001E-3</v>
      </c>
      <c r="E4845" s="6">
        <f t="shared" si="151"/>
        <v>6.0957780000000003E-2</v>
      </c>
    </row>
    <row r="4846" spans="1:5" x14ac:dyDescent="0.25">
      <c r="A4846" s="1">
        <v>43757.75</v>
      </c>
      <c r="B4846" s="2">
        <v>37.35</v>
      </c>
      <c r="C4846">
        <v>0.44495299999999999</v>
      </c>
      <c r="D4846">
        <f t="shared" si="150"/>
        <v>4.4495299999999999E-4</v>
      </c>
      <c r="E4846" s="6">
        <f t="shared" si="151"/>
        <v>1.6618994550000002E-2</v>
      </c>
    </row>
    <row r="4847" spans="1:5" x14ac:dyDescent="0.25">
      <c r="A4847" s="1">
        <v>43757.791666666664</v>
      </c>
      <c r="B4847" s="2">
        <v>38.840000000000003</v>
      </c>
      <c r="C4847">
        <v>0</v>
      </c>
      <c r="D4847">
        <f t="shared" si="150"/>
        <v>0</v>
      </c>
      <c r="E4847" s="6">
        <f t="shared" si="151"/>
        <v>0</v>
      </c>
    </row>
    <row r="4848" spans="1:5" x14ac:dyDescent="0.25">
      <c r="A4848" s="1">
        <v>43757.833333333336</v>
      </c>
      <c r="B4848" s="2">
        <v>32.369999999999997</v>
      </c>
      <c r="C4848">
        <v>0</v>
      </c>
      <c r="D4848">
        <f t="shared" si="150"/>
        <v>0</v>
      </c>
      <c r="E4848" s="6">
        <f t="shared" si="151"/>
        <v>0</v>
      </c>
    </row>
    <row r="4849" spans="1:5" x14ac:dyDescent="0.25">
      <c r="A4849" s="1">
        <v>43757.875</v>
      </c>
      <c r="B4849" s="2">
        <v>27.24</v>
      </c>
      <c r="C4849">
        <v>0</v>
      </c>
      <c r="D4849">
        <f t="shared" si="150"/>
        <v>0</v>
      </c>
      <c r="E4849" s="6">
        <f t="shared" si="151"/>
        <v>0</v>
      </c>
    </row>
    <row r="4850" spans="1:5" x14ac:dyDescent="0.25">
      <c r="A4850" s="1">
        <v>43757.916666666664</v>
      </c>
      <c r="B4850" s="2">
        <v>23.48</v>
      </c>
      <c r="C4850">
        <v>0</v>
      </c>
      <c r="D4850">
        <f t="shared" si="150"/>
        <v>0</v>
      </c>
      <c r="E4850" s="6">
        <f t="shared" si="151"/>
        <v>0</v>
      </c>
    </row>
    <row r="4851" spans="1:5" x14ac:dyDescent="0.25">
      <c r="A4851" s="1">
        <v>43757.958333333336</v>
      </c>
      <c r="B4851" s="2">
        <v>22.17</v>
      </c>
      <c r="C4851">
        <v>0</v>
      </c>
      <c r="D4851">
        <f t="shared" si="150"/>
        <v>0</v>
      </c>
      <c r="E4851" s="6">
        <f t="shared" si="151"/>
        <v>0</v>
      </c>
    </row>
    <row r="4852" spans="1:5" x14ac:dyDescent="0.25">
      <c r="A4852" s="1">
        <v>43758</v>
      </c>
      <c r="B4852" s="2">
        <v>22.21</v>
      </c>
      <c r="C4852">
        <v>0</v>
      </c>
      <c r="D4852">
        <f t="shared" si="150"/>
        <v>0</v>
      </c>
      <c r="E4852" s="6">
        <f t="shared" si="151"/>
        <v>0</v>
      </c>
    </row>
    <row r="4853" spans="1:5" x14ac:dyDescent="0.25">
      <c r="A4853" s="1">
        <v>43758.041666666664</v>
      </c>
      <c r="B4853" s="2">
        <v>20.57</v>
      </c>
      <c r="C4853">
        <v>0</v>
      </c>
      <c r="D4853">
        <f t="shared" si="150"/>
        <v>0</v>
      </c>
      <c r="E4853" s="6">
        <f t="shared" si="151"/>
        <v>0</v>
      </c>
    </row>
    <row r="4854" spans="1:5" x14ac:dyDescent="0.25">
      <c r="A4854" s="1">
        <v>43758.083333333336</v>
      </c>
      <c r="B4854" s="2">
        <v>19.77</v>
      </c>
      <c r="C4854">
        <v>0</v>
      </c>
      <c r="D4854">
        <f t="shared" si="150"/>
        <v>0</v>
      </c>
      <c r="E4854" s="6">
        <f t="shared" si="151"/>
        <v>0</v>
      </c>
    </row>
    <row r="4855" spans="1:5" x14ac:dyDescent="0.25">
      <c r="A4855" s="1">
        <v>43758.125</v>
      </c>
      <c r="B4855" s="2">
        <v>19.43</v>
      </c>
      <c r="C4855">
        <v>0</v>
      </c>
      <c r="D4855">
        <f t="shared" si="150"/>
        <v>0</v>
      </c>
      <c r="E4855" s="6">
        <f t="shared" si="151"/>
        <v>0</v>
      </c>
    </row>
    <row r="4856" spans="1:5" x14ac:dyDescent="0.25">
      <c r="A4856" s="1">
        <v>43758.166666666664</v>
      </c>
      <c r="B4856" s="2">
        <v>20.100000000000001</v>
      </c>
      <c r="C4856">
        <v>0</v>
      </c>
      <c r="D4856">
        <f t="shared" si="150"/>
        <v>0</v>
      </c>
      <c r="E4856" s="6">
        <f t="shared" si="151"/>
        <v>0</v>
      </c>
    </row>
    <row r="4857" spans="1:5" x14ac:dyDescent="0.25">
      <c r="A4857" s="1">
        <v>43758.208333333336</v>
      </c>
      <c r="B4857" s="2">
        <v>21.38</v>
      </c>
      <c r="C4857">
        <v>0</v>
      </c>
      <c r="D4857">
        <f t="shared" si="150"/>
        <v>0</v>
      </c>
      <c r="E4857" s="6">
        <f t="shared" si="151"/>
        <v>0</v>
      </c>
    </row>
    <row r="4858" spans="1:5" x14ac:dyDescent="0.25">
      <c r="A4858" s="1">
        <v>43758.25</v>
      </c>
      <c r="B4858" s="2">
        <v>22.29</v>
      </c>
      <c r="C4858">
        <v>0</v>
      </c>
      <c r="D4858">
        <f t="shared" si="150"/>
        <v>0</v>
      </c>
      <c r="E4858" s="6">
        <f t="shared" si="151"/>
        <v>0</v>
      </c>
    </row>
    <row r="4859" spans="1:5" x14ac:dyDescent="0.25">
      <c r="A4859" s="1">
        <v>43758.291666666664</v>
      </c>
      <c r="B4859" s="2">
        <v>23.08</v>
      </c>
      <c r="C4859">
        <v>0</v>
      </c>
      <c r="D4859">
        <f t="shared" si="150"/>
        <v>0</v>
      </c>
      <c r="E4859" s="6">
        <f t="shared" si="151"/>
        <v>0</v>
      </c>
    </row>
    <row r="4860" spans="1:5" x14ac:dyDescent="0.25">
      <c r="A4860" s="1">
        <v>43758.333333333336</v>
      </c>
      <c r="B4860" s="2">
        <v>24.17</v>
      </c>
      <c r="C4860">
        <v>1.1866410000000001</v>
      </c>
      <c r="D4860">
        <f t="shared" si="150"/>
        <v>1.186641E-3</v>
      </c>
      <c r="E4860" s="6">
        <f t="shared" si="151"/>
        <v>2.8681112970000002E-2</v>
      </c>
    </row>
    <row r="4861" spans="1:5" x14ac:dyDescent="0.25">
      <c r="A4861" s="1">
        <v>43758.375</v>
      </c>
      <c r="B4861" s="2">
        <v>26.66</v>
      </c>
      <c r="C4861">
        <v>3.3908939999999999</v>
      </c>
      <c r="D4861">
        <f t="shared" si="150"/>
        <v>3.3908939999999998E-3</v>
      </c>
      <c r="E4861" s="6">
        <f t="shared" si="151"/>
        <v>9.040123404E-2</v>
      </c>
    </row>
    <row r="4862" spans="1:5" x14ac:dyDescent="0.25">
      <c r="A4862" s="1">
        <v>43758.416666666664</v>
      </c>
      <c r="B4862" s="2">
        <v>26.66</v>
      </c>
      <c r="C4862">
        <v>5.1636760000000006</v>
      </c>
      <c r="D4862">
        <f t="shared" si="150"/>
        <v>5.1636760000000007E-3</v>
      </c>
      <c r="E4862" s="6">
        <f t="shared" si="151"/>
        <v>0.13766360216000001</v>
      </c>
    </row>
    <row r="4863" spans="1:5" x14ac:dyDescent="0.25">
      <c r="A4863" s="1">
        <v>43758.458333333336</v>
      </c>
      <c r="B4863" s="2">
        <v>26.46</v>
      </c>
      <c r="C4863">
        <v>6.371111</v>
      </c>
      <c r="D4863">
        <f t="shared" si="150"/>
        <v>6.3711109999999996E-3</v>
      </c>
      <c r="E4863" s="6">
        <f t="shared" si="151"/>
        <v>0.16857959706</v>
      </c>
    </row>
    <row r="4864" spans="1:5" x14ac:dyDescent="0.25">
      <c r="A4864" s="1">
        <v>43758.5</v>
      </c>
      <c r="B4864" s="2">
        <v>25.28</v>
      </c>
      <c r="C4864">
        <v>6.9894629999999998</v>
      </c>
      <c r="D4864">
        <f t="shared" si="150"/>
        <v>6.9894629999999996E-3</v>
      </c>
      <c r="E4864" s="6">
        <f t="shared" si="151"/>
        <v>0.17669362463999999</v>
      </c>
    </row>
    <row r="4865" spans="1:5" x14ac:dyDescent="0.25">
      <c r="A4865" s="1">
        <v>43758.541666666664</v>
      </c>
      <c r="B4865" s="2">
        <v>25.16</v>
      </c>
      <c r="C4865">
        <v>7.0732379999999999</v>
      </c>
      <c r="D4865">
        <f t="shared" si="150"/>
        <v>7.0732379999999999E-3</v>
      </c>
      <c r="E4865" s="6">
        <f t="shared" si="151"/>
        <v>0.17796266808</v>
      </c>
    </row>
    <row r="4866" spans="1:5" x14ac:dyDescent="0.25">
      <c r="A4866" s="1">
        <v>43758.583333333336</v>
      </c>
      <c r="B4866" s="2">
        <v>25.54</v>
      </c>
      <c r="C4866">
        <v>6.6506949999999998</v>
      </c>
      <c r="D4866">
        <f t="shared" si="150"/>
        <v>6.6506949999999999E-3</v>
      </c>
      <c r="E4866" s="6">
        <f t="shared" si="151"/>
        <v>0.1698587503</v>
      </c>
    </row>
    <row r="4867" spans="1:5" x14ac:dyDescent="0.25">
      <c r="A4867" s="1">
        <v>43758.625</v>
      </c>
      <c r="B4867" s="2">
        <v>25.19</v>
      </c>
      <c r="C4867">
        <v>5.7564419999999998</v>
      </c>
      <c r="D4867">
        <f t="shared" si="150"/>
        <v>5.7564419999999996E-3</v>
      </c>
      <c r="E4867" s="6">
        <f t="shared" si="151"/>
        <v>0.14500477398</v>
      </c>
    </row>
    <row r="4868" spans="1:5" x14ac:dyDescent="0.25">
      <c r="A4868" s="1">
        <v>43758.666666666664</v>
      </c>
      <c r="B4868" s="2">
        <v>28.19</v>
      </c>
      <c r="C4868">
        <v>4.3213100000000004</v>
      </c>
      <c r="D4868">
        <f t="shared" si="150"/>
        <v>4.3213100000000001E-3</v>
      </c>
      <c r="E4868" s="6">
        <f t="shared" si="151"/>
        <v>0.12181772890000001</v>
      </c>
    </row>
    <row r="4869" spans="1:5" x14ac:dyDescent="0.25">
      <c r="A4869" s="1">
        <v>43758.708333333336</v>
      </c>
      <c r="B4869" s="2">
        <v>33.380000000000003</v>
      </c>
      <c r="C4869">
        <v>2.3955289999999998</v>
      </c>
      <c r="D4869">
        <f t="shared" si="150"/>
        <v>2.395529E-3</v>
      </c>
      <c r="E4869" s="6">
        <f t="shared" si="151"/>
        <v>7.996275802000001E-2</v>
      </c>
    </row>
    <row r="4870" spans="1:5" x14ac:dyDescent="0.25">
      <c r="A4870" s="1">
        <v>43758.75</v>
      </c>
      <c r="B4870" s="2">
        <v>42.62</v>
      </c>
      <c r="C4870">
        <v>0.458652</v>
      </c>
      <c r="D4870">
        <f t="shared" ref="D4870:D4933" si="152">C4870/1000</f>
        <v>4.5865199999999999E-4</v>
      </c>
      <c r="E4870" s="6">
        <f t="shared" ref="E4870:E4933" si="153">D4870*B4870</f>
        <v>1.9547748239999999E-2</v>
      </c>
    </row>
    <row r="4871" spans="1:5" x14ac:dyDescent="0.25">
      <c r="A4871" s="1">
        <v>43758.791666666664</v>
      </c>
      <c r="B4871" s="2">
        <v>47.3</v>
      </c>
      <c r="C4871">
        <v>0</v>
      </c>
      <c r="D4871">
        <f t="shared" si="152"/>
        <v>0</v>
      </c>
      <c r="E4871" s="6">
        <f t="shared" si="153"/>
        <v>0</v>
      </c>
    </row>
    <row r="4872" spans="1:5" x14ac:dyDescent="0.25">
      <c r="A4872" s="1">
        <v>43758.833333333336</v>
      </c>
      <c r="B4872" s="2">
        <v>37.950000000000003</v>
      </c>
      <c r="C4872">
        <v>0</v>
      </c>
      <c r="D4872">
        <f t="shared" si="152"/>
        <v>0</v>
      </c>
      <c r="E4872" s="6">
        <f t="shared" si="153"/>
        <v>0</v>
      </c>
    </row>
    <row r="4873" spans="1:5" x14ac:dyDescent="0.25">
      <c r="A4873" s="1">
        <v>43758.875</v>
      </c>
      <c r="B4873" s="2">
        <v>31.15</v>
      </c>
      <c r="C4873">
        <v>0</v>
      </c>
      <c r="D4873">
        <f t="shared" si="152"/>
        <v>0</v>
      </c>
      <c r="E4873" s="6">
        <f t="shared" si="153"/>
        <v>0</v>
      </c>
    </row>
    <row r="4874" spans="1:5" x14ac:dyDescent="0.25">
      <c r="A4874" s="1">
        <v>43758.916666666664</v>
      </c>
      <c r="B4874" s="2">
        <v>26.09</v>
      </c>
      <c r="C4874">
        <v>0</v>
      </c>
      <c r="D4874">
        <f t="shared" si="152"/>
        <v>0</v>
      </c>
      <c r="E4874" s="6">
        <f t="shared" si="153"/>
        <v>0</v>
      </c>
    </row>
    <row r="4875" spans="1:5" x14ac:dyDescent="0.25">
      <c r="A4875" s="1">
        <v>43758.958333333336</v>
      </c>
      <c r="B4875" s="2">
        <v>23.13</v>
      </c>
      <c r="C4875">
        <v>0</v>
      </c>
      <c r="D4875">
        <f t="shared" si="152"/>
        <v>0</v>
      </c>
      <c r="E4875" s="6">
        <f t="shared" si="153"/>
        <v>0</v>
      </c>
    </row>
    <row r="4876" spans="1:5" x14ac:dyDescent="0.25">
      <c r="A4876" s="1">
        <v>43759</v>
      </c>
      <c r="B4876" s="2">
        <v>24.25</v>
      </c>
      <c r="C4876">
        <v>0</v>
      </c>
      <c r="D4876">
        <f t="shared" si="152"/>
        <v>0</v>
      </c>
      <c r="E4876" s="6">
        <f t="shared" si="153"/>
        <v>0</v>
      </c>
    </row>
    <row r="4877" spans="1:5" x14ac:dyDescent="0.25">
      <c r="A4877" s="1">
        <v>43759.041666666664</v>
      </c>
      <c r="B4877" s="2">
        <v>23.33</v>
      </c>
      <c r="C4877">
        <v>0</v>
      </c>
      <c r="D4877">
        <f t="shared" si="152"/>
        <v>0</v>
      </c>
      <c r="E4877" s="6">
        <f t="shared" si="153"/>
        <v>0</v>
      </c>
    </row>
    <row r="4878" spans="1:5" x14ac:dyDescent="0.25">
      <c r="A4878" s="1">
        <v>43759.083333333336</v>
      </c>
      <c r="B4878" s="2">
        <v>22.64</v>
      </c>
      <c r="C4878">
        <v>0</v>
      </c>
      <c r="D4878">
        <f t="shared" si="152"/>
        <v>0</v>
      </c>
      <c r="E4878" s="6">
        <f t="shared" si="153"/>
        <v>0</v>
      </c>
    </row>
    <row r="4879" spans="1:5" x14ac:dyDescent="0.25">
      <c r="A4879" s="1">
        <v>43759.125</v>
      </c>
      <c r="B4879" s="2">
        <v>22.36</v>
      </c>
      <c r="C4879">
        <v>0</v>
      </c>
      <c r="D4879">
        <f t="shared" si="152"/>
        <v>0</v>
      </c>
      <c r="E4879" s="6">
        <f t="shared" si="153"/>
        <v>0</v>
      </c>
    </row>
    <row r="4880" spans="1:5" x14ac:dyDescent="0.25">
      <c r="A4880" s="1">
        <v>43759.166666666664</v>
      </c>
      <c r="B4880" s="2">
        <v>23.71</v>
      </c>
      <c r="C4880">
        <v>0</v>
      </c>
      <c r="D4880">
        <f t="shared" si="152"/>
        <v>0</v>
      </c>
      <c r="E4880" s="6">
        <f t="shared" si="153"/>
        <v>0</v>
      </c>
    </row>
    <row r="4881" spans="1:5" x14ac:dyDescent="0.25">
      <c r="A4881" s="1">
        <v>43759.208333333336</v>
      </c>
      <c r="B4881" s="2">
        <v>29.63</v>
      </c>
      <c r="C4881">
        <v>0</v>
      </c>
      <c r="D4881">
        <f t="shared" si="152"/>
        <v>0</v>
      </c>
      <c r="E4881" s="6">
        <f t="shared" si="153"/>
        <v>0</v>
      </c>
    </row>
    <row r="4882" spans="1:5" x14ac:dyDescent="0.25">
      <c r="A4882" s="1">
        <v>43759.25</v>
      </c>
      <c r="B4882" s="2">
        <v>41.01</v>
      </c>
      <c r="C4882">
        <v>0</v>
      </c>
      <c r="D4882">
        <f t="shared" si="152"/>
        <v>0</v>
      </c>
      <c r="E4882" s="6">
        <f t="shared" si="153"/>
        <v>0</v>
      </c>
    </row>
    <row r="4883" spans="1:5" x14ac:dyDescent="0.25">
      <c r="A4883" s="1">
        <v>43759.291666666664</v>
      </c>
      <c r="B4883" s="2">
        <v>40.229999999999997</v>
      </c>
      <c r="C4883">
        <v>0</v>
      </c>
      <c r="D4883">
        <f t="shared" si="152"/>
        <v>0</v>
      </c>
      <c r="E4883" s="6">
        <f t="shared" si="153"/>
        <v>0</v>
      </c>
    </row>
    <row r="4884" spans="1:5" x14ac:dyDescent="0.25">
      <c r="A4884" s="1">
        <v>43759.333333333336</v>
      </c>
      <c r="B4884" s="2">
        <v>35.11</v>
      </c>
      <c r="C4884">
        <v>1.2381949999999999</v>
      </c>
      <c r="D4884">
        <f t="shared" si="152"/>
        <v>1.2381949999999999E-3</v>
      </c>
      <c r="E4884" s="6">
        <f t="shared" si="153"/>
        <v>4.3473026449999994E-2</v>
      </c>
    </row>
    <row r="4885" spans="1:5" x14ac:dyDescent="0.25">
      <c r="A4885" s="1">
        <v>43759.375</v>
      </c>
      <c r="B4885" s="2">
        <v>35.11</v>
      </c>
      <c r="C4885">
        <v>3.44468</v>
      </c>
      <c r="D4885">
        <f t="shared" si="152"/>
        <v>3.4446799999999999E-3</v>
      </c>
      <c r="E4885" s="6">
        <f t="shared" si="153"/>
        <v>0.12094271479999999</v>
      </c>
    </row>
    <row r="4886" spans="1:5" x14ac:dyDescent="0.25">
      <c r="A4886" s="1">
        <v>43759.416666666664</v>
      </c>
      <c r="B4886" s="2">
        <v>35.299999999999997</v>
      </c>
      <c r="C4886">
        <v>5.1134649999999997</v>
      </c>
      <c r="D4886">
        <f t="shared" si="152"/>
        <v>5.1134649999999993E-3</v>
      </c>
      <c r="E4886" s="6">
        <f t="shared" si="153"/>
        <v>0.18050531449999996</v>
      </c>
    </row>
    <row r="4887" spans="1:5" x14ac:dyDescent="0.25">
      <c r="A4887" s="1">
        <v>43759.458333333336</v>
      </c>
      <c r="B4887" s="2">
        <v>34.74</v>
      </c>
      <c r="C4887">
        <v>6.2259040000000008</v>
      </c>
      <c r="D4887">
        <f t="shared" si="152"/>
        <v>6.2259040000000009E-3</v>
      </c>
      <c r="E4887" s="6">
        <f t="shared" si="153"/>
        <v>0.21628790496000005</v>
      </c>
    </row>
    <row r="4888" spans="1:5" x14ac:dyDescent="0.25">
      <c r="A4888" s="1">
        <v>43759.5</v>
      </c>
      <c r="B4888" s="2">
        <v>34.659999999999997</v>
      </c>
      <c r="C4888">
        <v>6.7607819999999998</v>
      </c>
      <c r="D4888">
        <f t="shared" si="152"/>
        <v>6.7607819999999999E-3</v>
      </c>
      <c r="E4888" s="6">
        <f t="shared" si="153"/>
        <v>0.23432870411999998</v>
      </c>
    </row>
    <row r="4889" spans="1:5" x14ac:dyDescent="0.25">
      <c r="A4889" s="1">
        <v>43759.541666666664</v>
      </c>
      <c r="B4889" s="2">
        <v>35.92</v>
      </c>
      <c r="C4889">
        <v>6.8474319999999995</v>
      </c>
      <c r="D4889">
        <f t="shared" si="152"/>
        <v>6.8474319999999997E-3</v>
      </c>
      <c r="E4889" s="6">
        <f t="shared" si="153"/>
        <v>0.24595975744000001</v>
      </c>
    </row>
    <row r="4890" spans="1:5" x14ac:dyDescent="0.25">
      <c r="A4890" s="1">
        <v>43759.583333333336</v>
      </c>
      <c r="B4890" s="2">
        <v>36.35</v>
      </c>
      <c r="C4890">
        <v>6.4507399999999997</v>
      </c>
      <c r="D4890">
        <f t="shared" si="152"/>
        <v>6.4507399999999999E-3</v>
      </c>
      <c r="E4890" s="6">
        <f t="shared" si="153"/>
        <v>0.23448439900000001</v>
      </c>
    </row>
    <row r="4891" spans="1:5" x14ac:dyDescent="0.25">
      <c r="A4891" s="1">
        <v>43759.625</v>
      </c>
      <c r="B4891" s="2">
        <v>35.729999999999997</v>
      </c>
      <c r="C4891">
        <v>5.589232</v>
      </c>
      <c r="D4891">
        <f t="shared" si="152"/>
        <v>5.5892320000000004E-3</v>
      </c>
      <c r="E4891" s="6">
        <f t="shared" si="153"/>
        <v>0.19970325936</v>
      </c>
    </row>
    <row r="4892" spans="1:5" x14ac:dyDescent="0.25">
      <c r="A4892" s="1">
        <v>43759.666666666664</v>
      </c>
      <c r="B4892" s="2">
        <v>35.729999999999997</v>
      </c>
      <c r="C4892">
        <v>4.214137</v>
      </c>
      <c r="D4892">
        <f t="shared" si="152"/>
        <v>4.2141369999999997E-3</v>
      </c>
      <c r="E4892" s="6">
        <f t="shared" si="153"/>
        <v>0.15057111500999998</v>
      </c>
    </row>
    <row r="4893" spans="1:5" x14ac:dyDescent="0.25">
      <c r="A4893" s="1">
        <v>43759.708333333336</v>
      </c>
      <c r="B4893" s="2">
        <v>37.78</v>
      </c>
      <c r="C4893">
        <v>2.3594119999999998</v>
      </c>
      <c r="D4893">
        <f t="shared" si="152"/>
        <v>2.359412E-3</v>
      </c>
      <c r="E4893" s="6">
        <f t="shared" si="153"/>
        <v>8.9138585360000008E-2</v>
      </c>
    </row>
    <row r="4894" spans="1:5" x14ac:dyDescent="0.25">
      <c r="A4894" s="1">
        <v>43759.75</v>
      </c>
      <c r="B4894" s="2">
        <v>42.2</v>
      </c>
      <c r="C4894">
        <v>0.45533600000000002</v>
      </c>
      <c r="D4894">
        <f t="shared" si="152"/>
        <v>4.5533600000000003E-4</v>
      </c>
      <c r="E4894" s="6">
        <f t="shared" si="153"/>
        <v>1.9215179200000002E-2</v>
      </c>
    </row>
    <row r="4895" spans="1:5" x14ac:dyDescent="0.25">
      <c r="A4895" s="1">
        <v>43759.791666666664</v>
      </c>
      <c r="B4895" s="2">
        <v>48.32</v>
      </c>
      <c r="C4895">
        <v>0</v>
      </c>
      <c r="D4895">
        <f t="shared" si="152"/>
        <v>0</v>
      </c>
      <c r="E4895" s="6">
        <f t="shared" si="153"/>
        <v>0</v>
      </c>
    </row>
    <row r="4896" spans="1:5" x14ac:dyDescent="0.25">
      <c r="A4896" s="1">
        <v>43759.833333333336</v>
      </c>
      <c r="B4896" s="2">
        <v>38.22</v>
      </c>
      <c r="C4896">
        <v>0</v>
      </c>
      <c r="D4896">
        <f t="shared" si="152"/>
        <v>0</v>
      </c>
      <c r="E4896" s="6">
        <f t="shared" si="153"/>
        <v>0</v>
      </c>
    </row>
    <row r="4897" spans="1:5" x14ac:dyDescent="0.25">
      <c r="A4897" s="1">
        <v>43759.875</v>
      </c>
      <c r="B4897" s="2">
        <v>34.33</v>
      </c>
      <c r="C4897">
        <v>0</v>
      </c>
      <c r="D4897">
        <f t="shared" si="152"/>
        <v>0</v>
      </c>
      <c r="E4897" s="6">
        <f t="shared" si="153"/>
        <v>0</v>
      </c>
    </row>
    <row r="4898" spans="1:5" x14ac:dyDescent="0.25">
      <c r="A4898" s="1">
        <v>43759.916666666664</v>
      </c>
      <c r="B4898" s="2">
        <v>28.92</v>
      </c>
      <c r="C4898">
        <v>0</v>
      </c>
      <c r="D4898">
        <f t="shared" si="152"/>
        <v>0</v>
      </c>
      <c r="E4898" s="6">
        <f t="shared" si="153"/>
        <v>0</v>
      </c>
    </row>
    <row r="4899" spans="1:5" x14ac:dyDescent="0.25">
      <c r="A4899" s="1">
        <v>43759.958333333336</v>
      </c>
      <c r="B4899" s="2">
        <v>24.6</v>
      </c>
      <c r="C4899">
        <v>0</v>
      </c>
      <c r="D4899">
        <f t="shared" si="152"/>
        <v>0</v>
      </c>
      <c r="E4899" s="6">
        <f t="shared" si="153"/>
        <v>0</v>
      </c>
    </row>
    <row r="4900" spans="1:5" x14ac:dyDescent="0.25">
      <c r="A4900" s="1">
        <v>43760</v>
      </c>
      <c r="B4900" s="2">
        <v>23.26</v>
      </c>
      <c r="C4900">
        <v>0</v>
      </c>
      <c r="D4900">
        <f t="shared" si="152"/>
        <v>0</v>
      </c>
      <c r="E4900" s="6">
        <f t="shared" si="153"/>
        <v>0</v>
      </c>
    </row>
    <row r="4901" spans="1:5" x14ac:dyDescent="0.25">
      <c r="A4901" s="1">
        <v>43760.041666666664</v>
      </c>
      <c r="B4901" s="2">
        <v>22.17</v>
      </c>
      <c r="C4901">
        <v>0</v>
      </c>
      <c r="D4901">
        <f t="shared" si="152"/>
        <v>0</v>
      </c>
      <c r="E4901" s="6">
        <f t="shared" si="153"/>
        <v>0</v>
      </c>
    </row>
    <row r="4902" spans="1:5" x14ac:dyDescent="0.25">
      <c r="A4902" s="1">
        <v>43760.083333333336</v>
      </c>
      <c r="B4902" s="2">
        <v>21.43</v>
      </c>
      <c r="C4902">
        <v>0</v>
      </c>
      <c r="D4902">
        <f t="shared" si="152"/>
        <v>0</v>
      </c>
      <c r="E4902" s="6">
        <f t="shared" si="153"/>
        <v>0</v>
      </c>
    </row>
    <row r="4903" spans="1:5" x14ac:dyDescent="0.25">
      <c r="A4903" s="1">
        <v>43760.125</v>
      </c>
      <c r="B4903" s="2">
        <v>21.14</v>
      </c>
      <c r="C4903">
        <v>0</v>
      </c>
      <c r="D4903">
        <f t="shared" si="152"/>
        <v>0</v>
      </c>
      <c r="E4903" s="6">
        <f t="shared" si="153"/>
        <v>0</v>
      </c>
    </row>
    <row r="4904" spans="1:5" x14ac:dyDescent="0.25">
      <c r="A4904" s="1">
        <v>43760.166666666664</v>
      </c>
      <c r="B4904" s="2">
        <v>22.78</v>
      </c>
      <c r="C4904">
        <v>0</v>
      </c>
      <c r="D4904">
        <f t="shared" si="152"/>
        <v>0</v>
      </c>
      <c r="E4904" s="6">
        <f t="shared" si="153"/>
        <v>0</v>
      </c>
    </row>
    <row r="4905" spans="1:5" x14ac:dyDescent="0.25">
      <c r="A4905" s="1">
        <v>43760.208333333336</v>
      </c>
      <c r="B4905" s="2">
        <v>28.15</v>
      </c>
      <c r="C4905">
        <v>0</v>
      </c>
      <c r="D4905">
        <f t="shared" si="152"/>
        <v>0</v>
      </c>
      <c r="E4905" s="6">
        <f t="shared" si="153"/>
        <v>0</v>
      </c>
    </row>
    <row r="4906" spans="1:5" x14ac:dyDescent="0.25">
      <c r="A4906" s="1">
        <v>43760.25</v>
      </c>
      <c r="B4906" s="2">
        <v>40.51</v>
      </c>
      <c r="C4906">
        <v>0</v>
      </c>
      <c r="D4906">
        <f t="shared" si="152"/>
        <v>0</v>
      </c>
      <c r="E4906" s="6">
        <f t="shared" si="153"/>
        <v>0</v>
      </c>
    </row>
    <row r="4907" spans="1:5" x14ac:dyDescent="0.25">
      <c r="A4907" s="1">
        <v>43760.291666666664</v>
      </c>
      <c r="B4907" s="2">
        <v>39.44</v>
      </c>
      <c r="C4907">
        <v>0</v>
      </c>
      <c r="D4907">
        <f t="shared" si="152"/>
        <v>0</v>
      </c>
      <c r="E4907" s="6">
        <f t="shared" si="153"/>
        <v>0</v>
      </c>
    </row>
    <row r="4908" spans="1:5" x14ac:dyDescent="0.25">
      <c r="A4908" s="1">
        <v>43760.333333333336</v>
      </c>
      <c r="B4908" s="2">
        <v>35.22</v>
      </c>
      <c r="C4908">
        <v>0.416217</v>
      </c>
      <c r="D4908">
        <f t="shared" si="152"/>
        <v>4.1621700000000003E-4</v>
      </c>
      <c r="E4908" s="6">
        <f t="shared" si="153"/>
        <v>1.465916274E-2</v>
      </c>
    </row>
    <row r="4909" spans="1:5" x14ac:dyDescent="0.25">
      <c r="A4909" s="1">
        <v>43760.375</v>
      </c>
      <c r="B4909" s="2">
        <v>36.18</v>
      </c>
      <c r="C4909">
        <v>1.9489880000000002</v>
      </c>
      <c r="D4909">
        <f t="shared" si="152"/>
        <v>1.9489880000000002E-3</v>
      </c>
      <c r="E4909" s="6">
        <f t="shared" si="153"/>
        <v>7.0514385840000013E-2</v>
      </c>
    </row>
    <row r="4910" spans="1:5" x14ac:dyDescent="0.25">
      <c r="A4910" s="1">
        <v>43760.416666666664</v>
      </c>
      <c r="B4910" s="2">
        <v>37.659999999999997</v>
      </c>
      <c r="C4910">
        <v>1.8208850000000001</v>
      </c>
      <c r="D4910">
        <f t="shared" si="152"/>
        <v>1.8208850000000002E-3</v>
      </c>
      <c r="E4910" s="6">
        <f t="shared" si="153"/>
        <v>6.8574529100000003E-2</v>
      </c>
    </row>
    <row r="4911" spans="1:5" x14ac:dyDescent="0.25">
      <c r="A4911" s="1">
        <v>43760.458333333336</v>
      </c>
      <c r="B4911" s="2">
        <v>36.479999999999997</v>
      </c>
      <c r="C4911">
        <v>3.4842049999999998</v>
      </c>
      <c r="D4911">
        <f t="shared" si="152"/>
        <v>3.4842049999999998E-3</v>
      </c>
      <c r="E4911" s="6">
        <f t="shared" si="153"/>
        <v>0.12710379839999997</v>
      </c>
    </row>
    <row r="4912" spans="1:5" x14ac:dyDescent="0.25">
      <c r="A4912" s="1">
        <v>43760.5</v>
      </c>
      <c r="B4912" s="2">
        <v>35.520000000000003</v>
      </c>
      <c r="C4912">
        <v>2.9424090000000001</v>
      </c>
      <c r="D4912">
        <f t="shared" si="152"/>
        <v>2.942409E-3</v>
      </c>
      <c r="E4912" s="6">
        <f t="shared" si="153"/>
        <v>0.10451436768000001</v>
      </c>
    </row>
    <row r="4913" spans="1:5" x14ac:dyDescent="0.25">
      <c r="A4913" s="1">
        <v>43760.541666666664</v>
      </c>
      <c r="B4913" s="2">
        <v>35.26</v>
      </c>
      <c r="C4913">
        <v>2.965738</v>
      </c>
      <c r="D4913">
        <f t="shared" si="152"/>
        <v>2.9657379999999999E-3</v>
      </c>
      <c r="E4913" s="6">
        <f t="shared" si="153"/>
        <v>0.10457192187999999</v>
      </c>
    </row>
    <row r="4914" spans="1:5" x14ac:dyDescent="0.25">
      <c r="A4914" s="1">
        <v>43760.583333333336</v>
      </c>
      <c r="B4914" s="2">
        <v>34.26</v>
      </c>
      <c r="C4914">
        <v>1.5630540000000002</v>
      </c>
      <c r="D4914">
        <f t="shared" si="152"/>
        <v>1.5630540000000001E-3</v>
      </c>
      <c r="E4914" s="6">
        <f t="shared" si="153"/>
        <v>5.3550230040000001E-2</v>
      </c>
    </row>
    <row r="4915" spans="1:5" x14ac:dyDescent="0.25">
      <c r="A4915" s="1">
        <v>43760.625</v>
      </c>
      <c r="B4915" s="2">
        <v>34.299999999999997</v>
      </c>
      <c r="C4915">
        <v>1.4897819999999999</v>
      </c>
      <c r="D4915">
        <f t="shared" si="152"/>
        <v>1.489782E-3</v>
      </c>
      <c r="E4915" s="6">
        <f t="shared" si="153"/>
        <v>5.1099522599999996E-2</v>
      </c>
    </row>
    <row r="4916" spans="1:5" x14ac:dyDescent="0.25">
      <c r="A4916" s="1">
        <v>43760.666666666664</v>
      </c>
      <c r="B4916" s="2">
        <v>34.700000000000003</v>
      </c>
      <c r="C4916">
        <v>1.042889</v>
      </c>
      <c r="D4916">
        <f t="shared" si="152"/>
        <v>1.042889E-3</v>
      </c>
      <c r="E4916" s="6">
        <f t="shared" si="153"/>
        <v>3.6188248300000003E-2</v>
      </c>
    </row>
    <row r="4917" spans="1:5" x14ac:dyDescent="0.25">
      <c r="A4917" s="1">
        <v>43760.708333333336</v>
      </c>
      <c r="B4917" s="2">
        <v>36.03</v>
      </c>
      <c r="C4917">
        <v>0.64070300000000002</v>
      </c>
      <c r="D4917">
        <f t="shared" si="152"/>
        <v>6.4070300000000006E-4</v>
      </c>
      <c r="E4917" s="6">
        <f t="shared" si="153"/>
        <v>2.3084529090000003E-2</v>
      </c>
    </row>
    <row r="4918" spans="1:5" x14ac:dyDescent="0.25">
      <c r="A4918" s="1">
        <v>43760.75</v>
      </c>
      <c r="B4918" s="2">
        <v>41.62</v>
      </c>
      <c r="C4918">
        <v>0.14110900000000001</v>
      </c>
      <c r="D4918">
        <f t="shared" si="152"/>
        <v>1.4110900000000002E-4</v>
      </c>
      <c r="E4918" s="6">
        <f t="shared" si="153"/>
        <v>5.8729565800000006E-3</v>
      </c>
    </row>
    <row r="4919" spans="1:5" x14ac:dyDescent="0.25">
      <c r="A4919" s="1">
        <v>43760.791666666664</v>
      </c>
      <c r="B4919" s="2">
        <v>42.46</v>
      </c>
      <c r="C4919">
        <v>0</v>
      </c>
      <c r="D4919">
        <f t="shared" si="152"/>
        <v>0</v>
      </c>
      <c r="E4919" s="6">
        <f t="shared" si="153"/>
        <v>0</v>
      </c>
    </row>
    <row r="4920" spans="1:5" x14ac:dyDescent="0.25">
      <c r="A4920" s="1">
        <v>43760.833333333336</v>
      </c>
      <c r="B4920" s="2">
        <v>35.85</v>
      </c>
      <c r="C4920">
        <v>0</v>
      </c>
      <c r="D4920">
        <f t="shared" si="152"/>
        <v>0</v>
      </c>
      <c r="E4920" s="6">
        <f t="shared" si="153"/>
        <v>0</v>
      </c>
    </row>
    <row r="4921" spans="1:5" x14ac:dyDescent="0.25">
      <c r="A4921" s="1">
        <v>43760.875</v>
      </c>
      <c r="B4921" s="2">
        <v>30.44</v>
      </c>
      <c r="C4921">
        <v>0</v>
      </c>
      <c r="D4921">
        <f t="shared" si="152"/>
        <v>0</v>
      </c>
      <c r="E4921" s="6">
        <f t="shared" si="153"/>
        <v>0</v>
      </c>
    </row>
    <row r="4922" spans="1:5" x14ac:dyDescent="0.25">
      <c r="A4922" s="1">
        <v>43760.916666666664</v>
      </c>
      <c r="B4922" s="2">
        <v>27.06</v>
      </c>
      <c r="C4922">
        <v>0</v>
      </c>
      <c r="D4922">
        <f t="shared" si="152"/>
        <v>0</v>
      </c>
      <c r="E4922" s="6">
        <f t="shared" si="153"/>
        <v>0</v>
      </c>
    </row>
    <row r="4923" spans="1:5" x14ac:dyDescent="0.25">
      <c r="A4923" s="1">
        <v>43760.958333333336</v>
      </c>
      <c r="B4923" s="2">
        <v>23.71</v>
      </c>
      <c r="C4923">
        <v>0</v>
      </c>
      <c r="D4923">
        <f t="shared" si="152"/>
        <v>0</v>
      </c>
      <c r="E4923" s="6">
        <f t="shared" si="153"/>
        <v>0</v>
      </c>
    </row>
    <row r="4924" spans="1:5" x14ac:dyDescent="0.25">
      <c r="A4924" s="1">
        <v>43761</v>
      </c>
      <c r="B4924" s="2">
        <v>22.86</v>
      </c>
      <c r="C4924">
        <v>0</v>
      </c>
      <c r="D4924">
        <f t="shared" si="152"/>
        <v>0</v>
      </c>
      <c r="E4924" s="6">
        <f t="shared" si="153"/>
        <v>0</v>
      </c>
    </row>
    <row r="4925" spans="1:5" x14ac:dyDescent="0.25">
      <c r="A4925" s="1">
        <v>43761.041666666664</v>
      </c>
      <c r="B4925" s="2">
        <v>22.46</v>
      </c>
      <c r="C4925">
        <v>0</v>
      </c>
      <c r="D4925">
        <f t="shared" si="152"/>
        <v>0</v>
      </c>
      <c r="E4925" s="6">
        <f t="shared" si="153"/>
        <v>0</v>
      </c>
    </row>
    <row r="4926" spans="1:5" x14ac:dyDescent="0.25">
      <c r="A4926" s="1">
        <v>43761.083333333336</v>
      </c>
      <c r="B4926" s="2">
        <v>21.81</v>
      </c>
      <c r="C4926">
        <v>0</v>
      </c>
      <c r="D4926">
        <f t="shared" si="152"/>
        <v>0</v>
      </c>
      <c r="E4926" s="6">
        <f t="shared" si="153"/>
        <v>0</v>
      </c>
    </row>
    <row r="4927" spans="1:5" x14ac:dyDescent="0.25">
      <c r="A4927" s="1">
        <v>43761.125</v>
      </c>
      <c r="B4927" s="2">
        <v>21.71</v>
      </c>
      <c r="C4927">
        <v>0</v>
      </c>
      <c r="D4927">
        <f t="shared" si="152"/>
        <v>0</v>
      </c>
      <c r="E4927" s="6">
        <f t="shared" si="153"/>
        <v>0</v>
      </c>
    </row>
    <row r="4928" spans="1:5" x14ac:dyDescent="0.25">
      <c r="A4928" s="1">
        <v>43761.166666666664</v>
      </c>
      <c r="B4928" s="2">
        <v>22.9</v>
      </c>
      <c r="C4928">
        <v>0</v>
      </c>
      <c r="D4928">
        <f t="shared" si="152"/>
        <v>0</v>
      </c>
      <c r="E4928" s="6">
        <f t="shared" si="153"/>
        <v>0</v>
      </c>
    </row>
    <row r="4929" spans="1:5" x14ac:dyDescent="0.25">
      <c r="A4929" s="1">
        <v>43761.208333333336</v>
      </c>
      <c r="B4929" s="2">
        <v>29.06</v>
      </c>
      <c r="C4929">
        <v>0</v>
      </c>
      <c r="D4929">
        <f t="shared" si="152"/>
        <v>0</v>
      </c>
      <c r="E4929" s="6">
        <f t="shared" si="153"/>
        <v>0</v>
      </c>
    </row>
    <row r="4930" spans="1:5" x14ac:dyDescent="0.25">
      <c r="A4930" s="1">
        <v>43761.25</v>
      </c>
      <c r="B4930" s="2">
        <v>40.450000000000003</v>
      </c>
      <c r="C4930">
        <v>0</v>
      </c>
      <c r="D4930">
        <f t="shared" si="152"/>
        <v>0</v>
      </c>
      <c r="E4930" s="6">
        <f t="shared" si="153"/>
        <v>0</v>
      </c>
    </row>
    <row r="4931" spans="1:5" x14ac:dyDescent="0.25">
      <c r="A4931" s="1">
        <v>43761.291666666664</v>
      </c>
      <c r="B4931" s="2">
        <v>38.450000000000003</v>
      </c>
      <c r="C4931">
        <v>0</v>
      </c>
      <c r="D4931">
        <f t="shared" si="152"/>
        <v>0</v>
      </c>
      <c r="E4931" s="6">
        <f t="shared" si="153"/>
        <v>0</v>
      </c>
    </row>
    <row r="4932" spans="1:5" x14ac:dyDescent="0.25">
      <c r="A4932" s="1">
        <v>43761.333333333336</v>
      </c>
      <c r="B4932" s="2">
        <v>31.58</v>
      </c>
      <c r="C4932">
        <v>0</v>
      </c>
      <c r="D4932">
        <f t="shared" si="152"/>
        <v>0</v>
      </c>
      <c r="E4932" s="6">
        <f t="shared" si="153"/>
        <v>0</v>
      </c>
    </row>
    <row r="4933" spans="1:5" x14ac:dyDescent="0.25">
      <c r="A4933" s="1">
        <v>43761.375</v>
      </c>
      <c r="B4933" s="2">
        <v>29.95</v>
      </c>
      <c r="C4933">
        <v>0.33990100000000001</v>
      </c>
      <c r="D4933">
        <f t="shared" si="152"/>
        <v>3.3990099999999998E-4</v>
      </c>
      <c r="E4933" s="6">
        <f t="shared" si="153"/>
        <v>1.018003495E-2</v>
      </c>
    </row>
    <row r="4934" spans="1:5" x14ac:dyDescent="0.25">
      <c r="A4934" s="1">
        <v>43761.416666666664</v>
      </c>
      <c r="B4934" s="2">
        <v>31.8</v>
      </c>
      <c r="C4934">
        <v>0.22476099999999999</v>
      </c>
      <c r="D4934">
        <f t="shared" ref="D4934:D4997" si="154">C4934/1000</f>
        <v>2.24761E-4</v>
      </c>
      <c r="E4934" s="6">
        <f t="shared" ref="E4934:E4997" si="155">D4934*B4934</f>
        <v>7.1473997999999999E-3</v>
      </c>
    </row>
    <row r="4935" spans="1:5" x14ac:dyDescent="0.25">
      <c r="A4935" s="1">
        <v>43761.458333333336</v>
      </c>
      <c r="B4935" s="2">
        <v>29.49</v>
      </c>
      <c r="C4935">
        <v>0.145984</v>
      </c>
      <c r="D4935">
        <f t="shared" si="154"/>
        <v>1.4598399999999999E-4</v>
      </c>
      <c r="E4935" s="6">
        <f t="shared" si="155"/>
        <v>4.3050681599999998E-3</v>
      </c>
    </row>
    <row r="4936" spans="1:5" x14ac:dyDescent="0.25">
      <c r="A4936" s="1">
        <v>43761.5</v>
      </c>
      <c r="B4936" s="2">
        <v>29.88</v>
      </c>
      <c r="C4936">
        <v>1.1505530000000002</v>
      </c>
      <c r="D4936">
        <f t="shared" si="154"/>
        <v>1.1505530000000001E-3</v>
      </c>
      <c r="E4936" s="6">
        <f t="shared" si="155"/>
        <v>3.4378523640000005E-2</v>
      </c>
    </row>
    <row r="4937" spans="1:5" x14ac:dyDescent="0.25">
      <c r="A4937" s="1">
        <v>43761.541666666664</v>
      </c>
      <c r="B4937" s="2">
        <v>28.65</v>
      </c>
      <c r="C4937">
        <v>0.64635199999999993</v>
      </c>
      <c r="D4937">
        <f t="shared" si="154"/>
        <v>6.4635199999999989E-4</v>
      </c>
      <c r="E4937" s="6">
        <f t="shared" si="155"/>
        <v>1.8517984799999995E-2</v>
      </c>
    </row>
    <row r="4938" spans="1:5" x14ac:dyDescent="0.25">
      <c r="A4938" s="1">
        <v>43761.583333333336</v>
      </c>
      <c r="B4938" s="2">
        <v>26.88</v>
      </c>
      <c r="C4938">
        <v>0.95699699999999999</v>
      </c>
      <c r="D4938">
        <f t="shared" si="154"/>
        <v>9.5699700000000001E-4</v>
      </c>
      <c r="E4938" s="6">
        <f t="shared" si="155"/>
        <v>2.5724079359999999E-2</v>
      </c>
    </row>
    <row r="4939" spans="1:5" x14ac:dyDescent="0.25">
      <c r="A4939" s="1">
        <v>43761.625</v>
      </c>
      <c r="B4939" s="2">
        <v>26.02</v>
      </c>
      <c r="C4939">
        <v>1.0315209999999999</v>
      </c>
      <c r="D4939">
        <f t="shared" si="154"/>
        <v>1.0315209999999999E-3</v>
      </c>
      <c r="E4939" s="6">
        <f t="shared" si="155"/>
        <v>2.6840176419999997E-2</v>
      </c>
    </row>
    <row r="4940" spans="1:5" x14ac:dyDescent="0.25">
      <c r="A4940" s="1">
        <v>43761.666666666664</v>
      </c>
      <c r="B4940" s="2">
        <v>26.79</v>
      </c>
      <c r="C4940">
        <v>0.43468499999999999</v>
      </c>
      <c r="D4940">
        <f t="shared" si="154"/>
        <v>4.3468499999999998E-4</v>
      </c>
      <c r="E4940" s="6">
        <f t="shared" si="155"/>
        <v>1.1645211149999999E-2</v>
      </c>
    </row>
    <row r="4941" spans="1:5" x14ac:dyDescent="0.25">
      <c r="A4941" s="1">
        <v>43761.708333333336</v>
      </c>
      <c r="B4941" s="2">
        <v>27.02</v>
      </c>
      <c r="C4941">
        <v>0.41670699999999999</v>
      </c>
      <c r="D4941">
        <f t="shared" si="154"/>
        <v>4.1670699999999999E-4</v>
      </c>
      <c r="E4941" s="6">
        <f t="shared" si="155"/>
        <v>1.125942314E-2</v>
      </c>
    </row>
    <row r="4942" spans="1:5" x14ac:dyDescent="0.25">
      <c r="A4942" s="1">
        <v>43761.75</v>
      </c>
      <c r="B4942" s="2">
        <v>34.380000000000003</v>
      </c>
      <c r="C4942">
        <v>0</v>
      </c>
      <c r="D4942">
        <f t="shared" si="154"/>
        <v>0</v>
      </c>
      <c r="E4942" s="6">
        <f t="shared" si="155"/>
        <v>0</v>
      </c>
    </row>
    <row r="4943" spans="1:5" x14ac:dyDescent="0.25">
      <c r="A4943" s="1">
        <v>43761.791666666664</v>
      </c>
      <c r="B4943" s="2">
        <v>37.47</v>
      </c>
      <c r="C4943">
        <v>0</v>
      </c>
      <c r="D4943">
        <f t="shared" si="154"/>
        <v>0</v>
      </c>
      <c r="E4943" s="6">
        <f t="shared" si="155"/>
        <v>0</v>
      </c>
    </row>
    <row r="4944" spans="1:5" x14ac:dyDescent="0.25">
      <c r="A4944" s="1">
        <v>43761.833333333336</v>
      </c>
      <c r="B4944" s="2">
        <v>31.47</v>
      </c>
      <c r="C4944">
        <v>0</v>
      </c>
      <c r="D4944">
        <f t="shared" si="154"/>
        <v>0</v>
      </c>
      <c r="E4944" s="6">
        <f t="shared" si="155"/>
        <v>0</v>
      </c>
    </row>
    <row r="4945" spans="1:5" x14ac:dyDescent="0.25">
      <c r="A4945" s="1">
        <v>43761.875</v>
      </c>
      <c r="B4945" s="2">
        <v>27.75</v>
      </c>
      <c r="C4945">
        <v>0</v>
      </c>
      <c r="D4945">
        <f t="shared" si="154"/>
        <v>0</v>
      </c>
      <c r="E4945" s="6">
        <f t="shared" si="155"/>
        <v>0</v>
      </c>
    </row>
    <row r="4946" spans="1:5" x14ac:dyDescent="0.25">
      <c r="A4946" s="1">
        <v>43761.916666666664</v>
      </c>
      <c r="B4946" s="2">
        <v>24.72</v>
      </c>
      <c r="C4946">
        <v>0</v>
      </c>
      <c r="D4946">
        <f t="shared" si="154"/>
        <v>0</v>
      </c>
      <c r="E4946" s="6">
        <f t="shared" si="155"/>
        <v>0</v>
      </c>
    </row>
    <row r="4947" spans="1:5" x14ac:dyDescent="0.25">
      <c r="A4947" s="1">
        <v>43761.958333333336</v>
      </c>
      <c r="B4947" s="2">
        <v>23.42</v>
      </c>
      <c r="C4947">
        <v>0</v>
      </c>
      <c r="D4947">
        <f t="shared" si="154"/>
        <v>0</v>
      </c>
      <c r="E4947" s="6">
        <f t="shared" si="155"/>
        <v>0</v>
      </c>
    </row>
    <row r="4948" spans="1:5" x14ac:dyDescent="0.25">
      <c r="A4948" s="1">
        <v>43762</v>
      </c>
      <c r="B4948" s="2">
        <v>22.8</v>
      </c>
      <c r="C4948">
        <v>0</v>
      </c>
      <c r="D4948">
        <f t="shared" si="154"/>
        <v>0</v>
      </c>
      <c r="E4948" s="6">
        <f t="shared" si="155"/>
        <v>0</v>
      </c>
    </row>
    <row r="4949" spans="1:5" x14ac:dyDescent="0.25">
      <c r="A4949" s="1">
        <v>43762.041666666664</v>
      </c>
      <c r="B4949" s="2">
        <v>22.65</v>
      </c>
      <c r="C4949">
        <v>0</v>
      </c>
      <c r="D4949">
        <f t="shared" si="154"/>
        <v>0</v>
      </c>
      <c r="E4949" s="6">
        <f t="shared" si="155"/>
        <v>0</v>
      </c>
    </row>
    <row r="4950" spans="1:5" x14ac:dyDescent="0.25">
      <c r="A4950" s="1">
        <v>43762.083333333336</v>
      </c>
      <c r="B4950" s="2">
        <v>22.33</v>
      </c>
      <c r="C4950">
        <v>0</v>
      </c>
      <c r="D4950">
        <f t="shared" si="154"/>
        <v>0</v>
      </c>
      <c r="E4950" s="6">
        <f t="shared" si="155"/>
        <v>0</v>
      </c>
    </row>
    <row r="4951" spans="1:5" x14ac:dyDescent="0.25">
      <c r="A4951" s="1">
        <v>43762.125</v>
      </c>
      <c r="B4951" s="2">
        <v>22.53</v>
      </c>
      <c r="C4951">
        <v>0</v>
      </c>
      <c r="D4951">
        <f t="shared" si="154"/>
        <v>0</v>
      </c>
      <c r="E4951" s="6">
        <f t="shared" si="155"/>
        <v>0</v>
      </c>
    </row>
    <row r="4952" spans="1:5" x14ac:dyDescent="0.25">
      <c r="A4952" s="1">
        <v>43762.166666666664</v>
      </c>
      <c r="B4952" s="2">
        <v>24.16</v>
      </c>
      <c r="C4952">
        <v>0</v>
      </c>
      <c r="D4952">
        <f t="shared" si="154"/>
        <v>0</v>
      </c>
      <c r="E4952" s="6">
        <f t="shared" si="155"/>
        <v>0</v>
      </c>
    </row>
    <row r="4953" spans="1:5" x14ac:dyDescent="0.25">
      <c r="A4953" s="1">
        <v>43762.208333333336</v>
      </c>
      <c r="B4953" s="2">
        <v>32.619999999999997</v>
      </c>
      <c r="C4953">
        <v>0</v>
      </c>
      <c r="D4953">
        <f t="shared" si="154"/>
        <v>0</v>
      </c>
      <c r="E4953" s="6">
        <f t="shared" si="155"/>
        <v>0</v>
      </c>
    </row>
    <row r="4954" spans="1:5" x14ac:dyDescent="0.25">
      <c r="A4954" s="1">
        <v>43762.25</v>
      </c>
      <c r="B4954" s="2">
        <v>53.87</v>
      </c>
      <c r="C4954">
        <v>0</v>
      </c>
      <c r="D4954">
        <f t="shared" si="154"/>
        <v>0</v>
      </c>
      <c r="E4954" s="6">
        <f t="shared" si="155"/>
        <v>0</v>
      </c>
    </row>
    <row r="4955" spans="1:5" x14ac:dyDescent="0.25">
      <c r="A4955" s="1">
        <v>43762.291666666664</v>
      </c>
      <c r="B4955" s="2">
        <v>47.78</v>
      </c>
      <c r="C4955">
        <v>0</v>
      </c>
      <c r="D4955">
        <f t="shared" si="154"/>
        <v>0</v>
      </c>
      <c r="E4955" s="6">
        <f t="shared" si="155"/>
        <v>0</v>
      </c>
    </row>
    <row r="4956" spans="1:5" x14ac:dyDescent="0.25">
      <c r="A4956" s="1">
        <v>43762.333333333336</v>
      </c>
      <c r="B4956" s="2">
        <v>35.840000000000003</v>
      </c>
      <c r="C4956">
        <v>0</v>
      </c>
      <c r="D4956">
        <f t="shared" si="154"/>
        <v>0</v>
      </c>
      <c r="E4956" s="6">
        <f t="shared" si="155"/>
        <v>0</v>
      </c>
    </row>
    <row r="4957" spans="1:5" x14ac:dyDescent="0.25">
      <c r="A4957" s="1">
        <v>43762.375</v>
      </c>
      <c r="B4957" s="2">
        <v>34.65</v>
      </c>
      <c r="C4957">
        <v>0.64770899999999998</v>
      </c>
      <c r="D4957">
        <f t="shared" si="154"/>
        <v>6.47709E-4</v>
      </c>
      <c r="E4957" s="6">
        <f t="shared" si="155"/>
        <v>2.244311685E-2</v>
      </c>
    </row>
    <row r="4958" spans="1:5" x14ac:dyDescent="0.25">
      <c r="A4958" s="1">
        <v>43762.416666666664</v>
      </c>
      <c r="B4958" s="2">
        <v>33.369999999999997</v>
      </c>
      <c r="C4958">
        <v>0.71230799999999994</v>
      </c>
      <c r="D4958">
        <f t="shared" si="154"/>
        <v>7.1230799999999993E-4</v>
      </c>
      <c r="E4958" s="6">
        <f t="shared" si="155"/>
        <v>2.3769717959999995E-2</v>
      </c>
    </row>
    <row r="4959" spans="1:5" x14ac:dyDescent="0.25">
      <c r="A4959" s="1">
        <v>43762.458333333336</v>
      </c>
      <c r="B4959" s="2">
        <v>30.95</v>
      </c>
      <c r="C4959">
        <v>0.47087099999999998</v>
      </c>
      <c r="D4959">
        <f t="shared" si="154"/>
        <v>4.7087099999999998E-4</v>
      </c>
      <c r="E4959" s="6">
        <f t="shared" si="155"/>
        <v>1.4573457449999999E-2</v>
      </c>
    </row>
    <row r="4960" spans="1:5" x14ac:dyDescent="0.25">
      <c r="A4960" s="1">
        <v>43762.5</v>
      </c>
      <c r="B4960" s="2">
        <v>32.880000000000003</v>
      </c>
      <c r="C4960">
        <v>0.26856799999999997</v>
      </c>
      <c r="D4960">
        <f t="shared" si="154"/>
        <v>2.6856799999999995E-4</v>
      </c>
      <c r="E4960" s="6">
        <f t="shared" si="155"/>
        <v>8.830515839999999E-3</v>
      </c>
    </row>
    <row r="4961" spans="1:5" x14ac:dyDescent="0.25">
      <c r="A4961" s="1">
        <v>43762.541666666664</v>
      </c>
      <c r="B4961" s="2">
        <v>32.89</v>
      </c>
      <c r="C4961">
        <v>1.485911</v>
      </c>
      <c r="D4961">
        <f t="shared" si="154"/>
        <v>1.4859109999999999E-3</v>
      </c>
      <c r="E4961" s="6">
        <f t="shared" si="155"/>
        <v>4.8871612789999998E-2</v>
      </c>
    </row>
    <row r="4962" spans="1:5" x14ac:dyDescent="0.25">
      <c r="A4962" s="1">
        <v>43762.583333333336</v>
      </c>
      <c r="B4962" s="2">
        <v>32.380000000000003</v>
      </c>
      <c r="C4962">
        <v>0.95039700000000005</v>
      </c>
      <c r="D4962">
        <f t="shared" si="154"/>
        <v>9.5039700000000007E-4</v>
      </c>
      <c r="E4962" s="6">
        <f t="shared" si="155"/>
        <v>3.0773854860000005E-2</v>
      </c>
    </row>
    <row r="4963" spans="1:5" x14ac:dyDescent="0.25">
      <c r="A4963" s="1">
        <v>43762.625</v>
      </c>
      <c r="B4963" s="2">
        <v>30.73</v>
      </c>
      <c r="C4963">
        <v>0.69133699999999998</v>
      </c>
      <c r="D4963">
        <f t="shared" si="154"/>
        <v>6.9133699999999998E-4</v>
      </c>
      <c r="E4963" s="6">
        <f t="shared" si="155"/>
        <v>2.1244786009999999E-2</v>
      </c>
    </row>
    <row r="4964" spans="1:5" x14ac:dyDescent="0.25">
      <c r="A4964" s="1">
        <v>43762.666666666664</v>
      </c>
      <c r="B4964" s="2">
        <v>32.270000000000003</v>
      </c>
      <c r="C4964">
        <v>0.31520199999999998</v>
      </c>
      <c r="D4964">
        <f t="shared" si="154"/>
        <v>3.15202E-4</v>
      </c>
      <c r="E4964" s="6">
        <f t="shared" si="155"/>
        <v>1.017156854E-2</v>
      </c>
    </row>
    <row r="4965" spans="1:5" x14ac:dyDescent="0.25">
      <c r="A4965" s="1">
        <v>43762.708333333336</v>
      </c>
      <c r="B4965" s="2">
        <v>32.94</v>
      </c>
      <c r="C4965">
        <v>3.7009E-2</v>
      </c>
      <c r="D4965">
        <f t="shared" si="154"/>
        <v>3.7008999999999998E-5</v>
      </c>
      <c r="E4965" s="6">
        <f t="shared" si="155"/>
        <v>1.2190764599999998E-3</v>
      </c>
    </row>
    <row r="4966" spans="1:5" x14ac:dyDescent="0.25">
      <c r="A4966" s="1">
        <v>43762.75</v>
      </c>
      <c r="B4966" s="2">
        <v>39.090000000000003</v>
      </c>
      <c r="C4966">
        <v>0</v>
      </c>
      <c r="D4966">
        <f t="shared" si="154"/>
        <v>0</v>
      </c>
      <c r="E4966" s="6">
        <f t="shared" si="155"/>
        <v>0</v>
      </c>
    </row>
    <row r="4967" spans="1:5" x14ac:dyDescent="0.25">
      <c r="A4967" s="1">
        <v>43762.791666666664</v>
      </c>
      <c r="B4967" s="2">
        <v>40.94</v>
      </c>
      <c r="C4967">
        <v>0</v>
      </c>
      <c r="D4967">
        <f t="shared" si="154"/>
        <v>0</v>
      </c>
      <c r="E4967" s="6">
        <f t="shared" si="155"/>
        <v>0</v>
      </c>
    </row>
    <row r="4968" spans="1:5" x14ac:dyDescent="0.25">
      <c r="A4968" s="1">
        <v>43762.833333333336</v>
      </c>
      <c r="B4968" s="2">
        <v>35.22</v>
      </c>
      <c r="C4968">
        <v>0</v>
      </c>
      <c r="D4968">
        <f t="shared" si="154"/>
        <v>0</v>
      </c>
      <c r="E4968" s="6">
        <f t="shared" si="155"/>
        <v>0</v>
      </c>
    </row>
    <row r="4969" spans="1:5" x14ac:dyDescent="0.25">
      <c r="A4969" s="1">
        <v>43762.875</v>
      </c>
      <c r="B4969" s="2">
        <v>29.31</v>
      </c>
      <c r="C4969">
        <v>0</v>
      </c>
      <c r="D4969">
        <f t="shared" si="154"/>
        <v>0</v>
      </c>
      <c r="E4969" s="6">
        <f t="shared" si="155"/>
        <v>0</v>
      </c>
    </row>
    <row r="4970" spans="1:5" x14ac:dyDescent="0.25">
      <c r="A4970" s="1">
        <v>43762.916666666664</v>
      </c>
      <c r="B4970" s="2">
        <v>27.82</v>
      </c>
      <c r="C4970">
        <v>0</v>
      </c>
      <c r="D4970">
        <f t="shared" si="154"/>
        <v>0</v>
      </c>
      <c r="E4970" s="6">
        <f t="shared" si="155"/>
        <v>0</v>
      </c>
    </row>
    <row r="4971" spans="1:5" x14ac:dyDescent="0.25">
      <c r="A4971" s="1">
        <v>43762.958333333336</v>
      </c>
      <c r="B4971" s="2">
        <v>24.37</v>
      </c>
      <c r="C4971">
        <v>0</v>
      </c>
      <c r="D4971">
        <f t="shared" si="154"/>
        <v>0</v>
      </c>
      <c r="E4971" s="6">
        <f t="shared" si="155"/>
        <v>0</v>
      </c>
    </row>
    <row r="4972" spans="1:5" x14ac:dyDescent="0.25">
      <c r="A4972" s="1">
        <v>43763</v>
      </c>
      <c r="B4972" s="2">
        <v>26.65</v>
      </c>
      <c r="C4972">
        <v>0</v>
      </c>
      <c r="D4972">
        <f t="shared" si="154"/>
        <v>0</v>
      </c>
      <c r="E4972" s="6">
        <f t="shared" si="155"/>
        <v>0</v>
      </c>
    </row>
    <row r="4973" spans="1:5" x14ac:dyDescent="0.25">
      <c r="A4973" s="1">
        <v>43763.041666666664</v>
      </c>
      <c r="B4973" s="2">
        <v>25.08</v>
      </c>
      <c r="C4973">
        <v>0</v>
      </c>
      <c r="D4973">
        <f t="shared" si="154"/>
        <v>0</v>
      </c>
      <c r="E4973" s="6">
        <f t="shared" si="155"/>
        <v>0</v>
      </c>
    </row>
    <row r="4974" spans="1:5" x14ac:dyDescent="0.25">
      <c r="A4974" s="1">
        <v>43763.083333333336</v>
      </c>
      <c r="B4974" s="2">
        <v>24.75</v>
      </c>
      <c r="C4974">
        <v>0</v>
      </c>
      <c r="D4974">
        <f t="shared" si="154"/>
        <v>0</v>
      </c>
      <c r="E4974" s="6">
        <f t="shared" si="155"/>
        <v>0</v>
      </c>
    </row>
    <row r="4975" spans="1:5" x14ac:dyDescent="0.25">
      <c r="A4975" s="1">
        <v>43763.125</v>
      </c>
      <c r="B4975" s="2">
        <v>24.76</v>
      </c>
      <c r="C4975">
        <v>0</v>
      </c>
      <c r="D4975">
        <f t="shared" si="154"/>
        <v>0</v>
      </c>
      <c r="E4975" s="6">
        <f t="shared" si="155"/>
        <v>0</v>
      </c>
    </row>
    <row r="4976" spans="1:5" x14ac:dyDescent="0.25">
      <c r="A4976" s="1">
        <v>43763.166666666664</v>
      </c>
      <c r="B4976" s="2">
        <v>26.39</v>
      </c>
      <c r="C4976">
        <v>0</v>
      </c>
      <c r="D4976">
        <f t="shared" si="154"/>
        <v>0</v>
      </c>
      <c r="E4976" s="6">
        <f t="shared" si="155"/>
        <v>0</v>
      </c>
    </row>
    <row r="4977" spans="1:5" x14ac:dyDescent="0.25">
      <c r="A4977" s="1">
        <v>43763.208333333336</v>
      </c>
      <c r="B4977" s="2">
        <v>28.33</v>
      </c>
      <c r="C4977">
        <v>0</v>
      </c>
      <c r="D4977">
        <f t="shared" si="154"/>
        <v>0</v>
      </c>
      <c r="E4977" s="6">
        <f t="shared" si="155"/>
        <v>0</v>
      </c>
    </row>
    <row r="4978" spans="1:5" x14ac:dyDescent="0.25">
      <c r="A4978" s="1">
        <v>43763.25</v>
      </c>
      <c r="B4978" s="2">
        <v>42.93</v>
      </c>
      <c r="C4978">
        <v>0</v>
      </c>
      <c r="D4978">
        <f t="shared" si="154"/>
        <v>0</v>
      </c>
      <c r="E4978" s="6">
        <f t="shared" si="155"/>
        <v>0</v>
      </c>
    </row>
    <row r="4979" spans="1:5" x14ac:dyDescent="0.25">
      <c r="A4979" s="1">
        <v>43763.291666666664</v>
      </c>
      <c r="B4979" s="2">
        <v>41.7</v>
      </c>
      <c r="C4979">
        <v>0</v>
      </c>
      <c r="D4979">
        <f t="shared" si="154"/>
        <v>0</v>
      </c>
      <c r="E4979" s="6">
        <f t="shared" si="155"/>
        <v>0</v>
      </c>
    </row>
    <row r="4980" spans="1:5" x14ac:dyDescent="0.25">
      <c r="A4980" s="1">
        <v>43763.333333333336</v>
      </c>
      <c r="B4980" s="2">
        <v>35.590000000000003</v>
      </c>
      <c r="C4980">
        <v>0.94818199999999997</v>
      </c>
      <c r="D4980">
        <f t="shared" si="154"/>
        <v>9.48182E-4</v>
      </c>
      <c r="E4980" s="6">
        <f t="shared" si="155"/>
        <v>3.3745797380000005E-2</v>
      </c>
    </row>
    <row r="4981" spans="1:5" x14ac:dyDescent="0.25">
      <c r="A4981" s="1">
        <v>43763.375</v>
      </c>
      <c r="B4981" s="2">
        <v>34.17</v>
      </c>
      <c r="C4981">
        <v>0.75229299999999999</v>
      </c>
      <c r="D4981">
        <f t="shared" si="154"/>
        <v>7.5229300000000002E-4</v>
      </c>
      <c r="E4981" s="6">
        <f t="shared" si="155"/>
        <v>2.5705851810000003E-2</v>
      </c>
    </row>
    <row r="4982" spans="1:5" x14ac:dyDescent="0.25">
      <c r="A4982" s="1">
        <v>43763.416666666664</v>
      </c>
      <c r="B4982" s="2">
        <v>33.840000000000003</v>
      </c>
      <c r="C4982">
        <v>4.8030929999999996</v>
      </c>
      <c r="D4982">
        <f t="shared" si="154"/>
        <v>4.8030929999999996E-3</v>
      </c>
      <c r="E4982" s="6">
        <f t="shared" si="155"/>
        <v>0.16253666712000001</v>
      </c>
    </row>
    <row r="4983" spans="1:5" x14ac:dyDescent="0.25">
      <c r="A4983" s="1">
        <v>43763.458333333336</v>
      </c>
      <c r="B4983" s="2">
        <v>31.43</v>
      </c>
      <c r="C4983">
        <v>5.8743289999999995</v>
      </c>
      <c r="D4983">
        <f t="shared" si="154"/>
        <v>5.8743289999999993E-3</v>
      </c>
      <c r="E4983" s="6">
        <f t="shared" si="155"/>
        <v>0.18463016046999997</v>
      </c>
    </row>
    <row r="4984" spans="1:5" x14ac:dyDescent="0.25">
      <c r="A4984" s="1">
        <v>43763.5</v>
      </c>
      <c r="B4984" s="2">
        <v>31.39</v>
      </c>
      <c r="C4984">
        <v>6.4869050000000001</v>
      </c>
      <c r="D4984">
        <f t="shared" si="154"/>
        <v>6.4869050000000003E-3</v>
      </c>
      <c r="E4984" s="6">
        <f t="shared" si="155"/>
        <v>0.20362394795000002</v>
      </c>
    </row>
    <row r="4985" spans="1:5" x14ac:dyDescent="0.25">
      <c r="A4985" s="1">
        <v>43763.541666666664</v>
      </c>
      <c r="B4985" s="2">
        <v>31.79</v>
      </c>
      <c r="C4985">
        <v>1.507476</v>
      </c>
      <c r="D4985">
        <f t="shared" si="154"/>
        <v>1.507476E-3</v>
      </c>
      <c r="E4985" s="6">
        <f t="shared" si="155"/>
        <v>4.7922662040000001E-2</v>
      </c>
    </row>
    <row r="4986" spans="1:5" x14ac:dyDescent="0.25">
      <c r="A4986" s="1">
        <v>43763.583333333336</v>
      </c>
      <c r="B4986" s="2">
        <v>30.94</v>
      </c>
      <c r="C4986">
        <v>6.3272759999999995</v>
      </c>
      <c r="D4986">
        <f t="shared" si="154"/>
        <v>6.3272759999999997E-3</v>
      </c>
      <c r="E4986" s="6">
        <f t="shared" si="155"/>
        <v>0.19576591943999999</v>
      </c>
    </row>
    <row r="4987" spans="1:5" x14ac:dyDescent="0.25">
      <c r="A4987" s="1">
        <v>43763.625</v>
      </c>
      <c r="B4987" s="2">
        <v>28.49</v>
      </c>
      <c r="C4987">
        <v>5.3680559999999993</v>
      </c>
      <c r="D4987">
        <f t="shared" si="154"/>
        <v>5.3680559999999995E-3</v>
      </c>
      <c r="E4987" s="6">
        <f t="shared" si="155"/>
        <v>0.15293591543999999</v>
      </c>
    </row>
    <row r="4988" spans="1:5" x14ac:dyDescent="0.25">
      <c r="A4988" s="1">
        <v>43763.666666666664</v>
      </c>
      <c r="B4988" s="2">
        <v>30.49</v>
      </c>
      <c r="C4988">
        <v>0.61980200000000008</v>
      </c>
      <c r="D4988">
        <f t="shared" si="154"/>
        <v>6.1980200000000003E-4</v>
      </c>
      <c r="E4988" s="6">
        <f t="shared" si="155"/>
        <v>1.889776298E-2</v>
      </c>
    </row>
    <row r="4989" spans="1:5" x14ac:dyDescent="0.25">
      <c r="A4989" s="1">
        <v>43763.708333333336</v>
      </c>
      <c r="B4989" s="2">
        <v>30.31</v>
      </c>
      <c r="C4989">
        <v>2.0827779999999998</v>
      </c>
      <c r="D4989">
        <f t="shared" si="154"/>
        <v>2.082778E-3</v>
      </c>
      <c r="E4989" s="6">
        <f t="shared" si="155"/>
        <v>6.3129001179999991E-2</v>
      </c>
    </row>
    <row r="4990" spans="1:5" x14ac:dyDescent="0.25">
      <c r="A4990" s="1">
        <v>43763.75</v>
      </c>
      <c r="B4990" s="2">
        <v>33.28</v>
      </c>
      <c r="C4990">
        <v>0.224719</v>
      </c>
      <c r="D4990">
        <f t="shared" si="154"/>
        <v>2.2471900000000001E-4</v>
      </c>
      <c r="E4990" s="6">
        <f t="shared" si="155"/>
        <v>7.4786483200000005E-3</v>
      </c>
    </row>
    <row r="4991" spans="1:5" x14ac:dyDescent="0.25">
      <c r="A4991" s="1">
        <v>43763.791666666664</v>
      </c>
      <c r="B4991" s="2">
        <v>34.270000000000003</v>
      </c>
      <c r="C4991">
        <v>0</v>
      </c>
      <c r="D4991">
        <f t="shared" si="154"/>
        <v>0</v>
      </c>
      <c r="E4991" s="6">
        <f t="shared" si="155"/>
        <v>0</v>
      </c>
    </row>
    <row r="4992" spans="1:5" x14ac:dyDescent="0.25">
      <c r="A4992" s="1">
        <v>43763.833333333336</v>
      </c>
      <c r="B4992" s="2">
        <v>31.6</v>
      </c>
      <c r="C4992">
        <v>0</v>
      </c>
      <c r="D4992">
        <f t="shared" si="154"/>
        <v>0</v>
      </c>
      <c r="E4992" s="6">
        <f t="shared" si="155"/>
        <v>0</v>
      </c>
    </row>
    <row r="4993" spans="1:5" x14ac:dyDescent="0.25">
      <c r="A4993" s="1">
        <v>43763.875</v>
      </c>
      <c r="B4993" s="2">
        <v>27.03</v>
      </c>
      <c r="C4993">
        <v>0</v>
      </c>
      <c r="D4993">
        <f t="shared" si="154"/>
        <v>0</v>
      </c>
      <c r="E4993" s="6">
        <f t="shared" si="155"/>
        <v>0</v>
      </c>
    </row>
    <row r="4994" spans="1:5" x14ac:dyDescent="0.25">
      <c r="A4994" s="1">
        <v>43763.916666666664</v>
      </c>
      <c r="B4994" s="2">
        <v>24.86</v>
      </c>
      <c r="C4994">
        <v>0</v>
      </c>
      <c r="D4994">
        <f t="shared" si="154"/>
        <v>0</v>
      </c>
      <c r="E4994" s="6">
        <f t="shared" si="155"/>
        <v>0</v>
      </c>
    </row>
    <row r="4995" spans="1:5" x14ac:dyDescent="0.25">
      <c r="A4995" s="1">
        <v>43763.958333333336</v>
      </c>
      <c r="B4995" s="2">
        <v>23.79</v>
      </c>
      <c r="C4995">
        <v>0</v>
      </c>
      <c r="D4995">
        <f t="shared" si="154"/>
        <v>0</v>
      </c>
      <c r="E4995" s="6">
        <f t="shared" si="155"/>
        <v>0</v>
      </c>
    </row>
    <row r="4996" spans="1:5" x14ac:dyDescent="0.25">
      <c r="A4996" s="1">
        <v>43764</v>
      </c>
      <c r="B4996" s="2">
        <v>23.8</v>
      </c>
      <c r="C4996">
        <v>0</v>
      </c>
      <c r="D4996">
        <f t="shared" si="154"/>
        <v>0</v>
      </c>
      <c r="E4996" s="6">
        <f t="shared" si="155"/>
        <v>0</v>
      </c>
    </row>
    <row r="4997" spans="1:5" x14ac:dyDescent="0.25">
      <c r="A4997" s="1">
        <v>43764.041666666664</v>
      </c>
      <c r="B4997" s="2">
        <v>23.15</v>
      </c>
      <c r="C4997">
        <v>0</v>
      </c>
      <c r="D4997">
        <f t="shared" si="154"/>
        <v>0</v>
      </c>
      <c r="E4997" s="6">
        <f t="shared" si="155"/>
        <v>0</v>
      </c>
    </row>
    <row r="4998" spans="1:5" x14ac:dyDescent="0.25">
      <c r="A4998" s="1">
        <v>43764.083333333336</v>
      </c>
      <c r="B4998" s="2">
        <v>22.37</v>
      </c>
      <c r="C4998">
        <v>0</v>
      </c>
      <c r="D4998">
        <f t="shared" ref="D4998:D5061" si="156">C4998/1000</f>
        <v>0</v>
      </c>
      <c r="E4998" s="6">
        <f t="shared" ref="E4998:E5061" si="157">D4998*B4998</f>
        <v>0</v>
      </c>
    </row>
    <row r="4999" spans="1:5" x14ac:dyDescent="0.25">
      <c r="A4999" s="1">
        <v>43764.125</v>
      </c>
      <c r="B4999" s="2">
        <v>22.32</v>
      </c>
      <c r="C4999">
        <v>0</v>
      </c>
      <c r="D4999">
        <f t="shared" si="156"/>
        <v>0</v>
      </c>
      <c r="E4999" s="6">
        <f t="shared" si="157"/>
        <v>0</v>
      </c>
    </row>
    <row r="5000" spans="1:5" x14ac:dyDescent="0.25">
      <c r="A5000" s="1">
        <v>43764.166666666664</v>
      </c>
      <c r="B5000" s="2">
        <v>22.52</v>
      </c>
      <c r="C5000">
        <v>0</v>
      </c>
      <c r="D5000">
        <f t="shared" si="156"/>
        <v>0</v>
      </c>
      <c r="E5000" s="6">
        <f t="shared" si="157"/>
        <v>0</v>
      </c>
    </row>
    <row r="5001" spans="1:5" x14ac:dyDescent="0.25">
      <c r="A5001" s="1">
        <v>43764.208333333336</v>
      </c>
      <c r="B5001" s="2">
        <v>23.14</v>
      </c>
      <c r="C5001">
        <v>0</v>
      </c>
      <c r="D5001">
        <f t="shared" si="156"/>
        <v>0</v>
      </c>
      <c r="E5001" s="6">
        <f t="shared" si="157"/>
        <v>0</v>
      </c>
    </row>
    <row r="5002" spans="1:5" x14ac:dyDescent="0.25">
      <c r="A5002" s="1">
        <v>43764.25</v>
      </c>
      <c r="B5002" s="2">
        <v>24.63</v>
      </c>
      <c r="C5002">
        <v>0</v>
      </c>
      <c r="D5002">
        <f t="shared" si="156"/>
        <v>0</v>
      </c>
      <c r="E5002" s="6">
        <f t="shared" si="157"/>
        <v>0</v>
      </c>
    </row>
    <row r="5003" spans="1:5" x14ac:dyDescent="0.25">
      <c r="A5003" s="1">
        <v>43764.291666666664</v>
      </c>
      <c r="B5003" s="2">
        <v>26.4</v>
      </c>
      <c r="C5003">
        <v>0</v>
      </c>
      <c r="D5003">
        <f t="shared" si="156"/>
        <v>0</v>
      </c>
      <c r="E5003" s="6">
        <f t="shared" si="157"/>
        <v>0</v>
      </c>
    </row>
    <row r="5004" spans="1:5" x14ac:dyDescent="0.25">
      <c r="A5004" s="1">
        <v>43764.333333333336</v>
      </c>
      <c r="B5004" s="2">
        <v>28.64</v>
      </c>
      <c r="C5004">
        <v>0.119337</v>
      </c>
      <c r="D5004">
        <f t="shared" si="156"/>
        <v>1.19337E-4</v>
      </c>
      <c r="E5004" s="6">
        <f t="shared" si="157"/>
        <v>3.4178116800000001E-3</v>
      </c>
    </row>
    <row r="5005" spans="1:5" x14ac:dyDescent="0.25">
      <c r="A5005" s="1">
        <v>43764.375</v>
      </c>
      <c r="B5005" s="2">
        <v>32.42</v>
      </c>
      <c r="C5005">
        <v>0.52878200000000009</v>
      </c>
      <c r="D5005">
        <f t="shared" si="156"/>
        <v>5.287820000000001E-4</v>
      </c>
      <c r="E5005" s="6">
        <f t="shared" si="157"/>
        <v>1.7143112440000004E-2</v>
      </c>
    </row>
    <row r="5006" spans="1:5" x14ac:dyDescent="0.25">
      <c r="A5006" s="1">
        <v>43764.416666666664</v>
      </c>
      <c r="B5006" s="2">
        <v>30.32</v>
      </c>
      <c r="C5006">
        <v>4.8819300000000005</v>
      </c>
      <c r="D5006">
        <f t="shared" si="156"/>
        <v>4.8819300000000005E-3</v>
      </c>
      <c r="E5006" s="6">
        <f t="shared" si="157"/>
        <v>0.14802011760000003</v>
      </c>
    </row>
    <row r="5007" spans="1:5" x14ac:dyDescent="0.25">
      <c r="A5007" s="1">
        <v>43764.458333333336</v>
      </c>
      <c r="B5007" s="2">
        <v>27.49</v>
      </c>
      <c r="C5007">
        <v>5.9418930000000003</v>
      </c>
      <c r="D5007">
        <f t="shared" si="156"/>
        <v>5.9418930000000002E-3</v>
      </c>
      <c r="E5007" s="6">
        <f t="shared" si="157"/>
        <v>0.16334263857</v>
      </c>
    </row>
    <row r="5008" spans="1:5" x14ac:dyDescent="0.25">
      <c r="A5008" s="1">
        <v>43764.5</v>
      </c>
      <c r="B5008" s="2">
        <v>28.28</v>
      </c>
      <c r="C5008">
        <v>6.5533540000000006</v>
      </c>
      <c r="D5008">
        <f t="shared" si="156"/>
        <v>6.5533540000000008E-3</v>
      </c>
      <c r="E5008" s="6">
        <f t="shared" si="157"/>
        <v>0.18532885112000003</v>
      </c>
    </row>
    <row r="5009" spans="1:5" x14ac:dyDescent="0.25">
      <c r="A5009" s="1">
        <v>43764.541666666664</v>
      </c>
      <c r="B5009" s="2">
        <v>25.36</v>
      </c>
      <c r="C5009">
        <v>6.6458280000000007</v>
      </c>
      <c r="D5009">
        <f t="shared" si="156"/>
        <v>6.6458280000000003E-3</v>
      </c>
      <c r="E5009" s="6">
        <f t="shared" si="157"/>
        <v>0.16853819808000001</v>
      </c>
    </row>
    <row r="5010" spans="1:5" x14ac:dyDescent="0.25">
      <c r="A5010" s="1">
        <v>43764.583333333336</v>
      </c>
      <c r="B5010" s="2">
        <v>24.77</v>
      </c>
      <c r="C5010">
        <v>2.396131</v>
      </c>
      <c r="D5010">
        <f t="shared" si="156"/>
        <v>2.3961310000000001E-3</v>
      </c>
      <c r="E5010" s="6">
        <f t="shared" si="157"/>
        <v>5.9352164870000002E-2</v>
      </c>
    </row>
    <row r="5011" spans="1:5" x14ac:dyDescent="0.25">
      <c r="A5011" s="1">
        <v>43764.625</v>
      </c>
      <c r="B5011" s="2">
        <v>23.3</v>
      </c>
      <c r="C5011">
        <v>5.4591509999999994</v>
      </c>
      <c r="D5011">
        <f t="shared" si="156"/>
        <v>5.4591509999999998E-3</v>
      </c>
      <c r="E5011" s="6">
        <f t="shared" si="157"/>
        <v>0.1271982183</v>
      </c>
    </row>
    <row r="5012" spans="1:5" x14ac:dyDescent="0.25">
      <c r="A5012" s="1">
        <v>43764.666666666664</v>
      </c>
      <c r="B5012" s="2">
        <v>23.34</v>
      </c>
      <c r="C5012">
        <v>3.9648680000000001</v>
      </c>
      <c r="D5012">
        <f t="shared" si="156"/>
        <v>3.9648679999999999E-3</v>
      </c>
      <c r="E5012" s="6">
        <f t="shared" si="157"/>
        <v>9.2540019119999997E-2</v>
      </c>
    </row>
    <row r="5013" spans="1:5" x14ac:dyDescent="0.25">
      <c r="A5013" s="1">
        <v>43764.708333333336</v>
      </c>
      <c r="B5013" s="2">
        <v>24.88</v>
      </c>
      <c r="C5013">
        <v>2.0690059999999999</v>
      </c>
      <c r="D5013">
        <f t="shared" si="156"/>
        <v>2.069006E-3</v>
      </c>
      <c r="E5013" s="6">
        <f t="shared" si="157"/>
        <v>5.1476869279999997E-2</v>
      </c>
    </row>
    <row r="5014" spans="1:5" x14ac:dyDescent="0.25">
      <c r="A5014" s="1">
        <v>43764.75</v>
      </c>
      <c r="B5014" s="2">
        <v>30.18</v>
      </c>
      <c r="C5014">
        <v>0.22795300000000002</v>
      </c>
      <c r="D5014">
        <f t="shared" si="156"/>
        <v>2.27953E-4</v>
      </c>
      <c r="E5014" s="6">
        <f t="shared" si="157"/>
        <v>6.8796215400000003E-3</v>
      </c>
    </row>
    <row r="5015" spans="1:5" x14ac:dyDescent="0.25">
      <c r="A5015" s="1">
        <v>43764.791666666664</v>
      </c>
      <c r="B5015" s="2">
        <v>30</v>
      </c>
      <c r="C5015">
        <v>0</v>
      </c>
      <c r="D5015">
        <f t="shared" si="156"/>
        <v>0</v>
      </c>
      <c r="E5015" s="6">
        <f t="shared" si="157"/>
        <v>0</v>
      </c>
    </row>
    <row r="5016" spans="1:5" x14ac:dyDescent="0.25">
      <c r="A5016" s="1">
        <v>43764.833333333336</v>
      </c>
      <c r="B5016" s="2">
        <v>26.94</v>
      </c>
      <c r="C5016">
        <v>0</v>
      </c>
      <c r="D5016">
        <f t="shared" si="156"/>
        <v>0</v>
      </c>
      <c r="E5016" s="6">
        <f t="shared" si="157"/>
        <v>0</v>
      </c>
    </row>
    <row r="5017" spans="1:5" x14ac:dyDescent="0.25">
      <c r="A5017" s="1">
        <v>43764.875</v>
      </c>
      <c r="B5017" s="2">
        <v>23.14</v>
      </c>
      <c r="C5017">
        <v>0</v>
      </c>
      <c r="D5017">
        <f t="shared" si="156"/>
        <v>0</v>
      </c>
      <c r="E5017" s="6">
        <f t="shared" si="157"/>
        <v>0</v>
      </c>
    </row>
    <row r="5018" spans="1:5" x14ac:dyDescent="0.25">
      <c r="A5018" s="1">
        <v>43764.916666666664</v>
      </c>
      <c r="B5018" s="2">
        <v>21.86</v>
      </c>
      <c r="C5018">
        <v>0</v>
      </c>
      <c r="D5018">
        <f t="shared" si="156"/>
        <v>0</v>
      </c>
      <c r="E5018" s="6">
        <f t="shared" si="157"/>
        <v>0</v>
      </c>
    </row>
    <row r="5019" spans="1:5" x14ac:dyDescent="0.25">
      <c r="A5019" s="1">
        <v>43764.958333333336</v>
      </c>
      <c r="B5019" s="2">
        <v>20.5</v>
      </c>
      <c r="C5019">
        <v>0</v>
      </c>
      <c r="D5019">
        <f t="shared" si="156"/>
        <v>0</v>
      </c>
      <c r="E5019" s="6">
        <f t="shared" si="157"/>
        <v>0</v>
      </c>
    </row>
    <row r="5020" spans="1:5" x14ac:dyDescent="0.25">
      <c r="A5020" s="1">
        <v>43765</v>
      </c>
      <c r="B5020" s="2">
        <v>18.579999999999998</v>
      </c>
      <c r="C5020">
        <v>0</v>
      </c>
      <c r="D5020">
        <f t="shared" si="156"/>
        <v>0</v>
      </c>
      <c r="E5020" s="6">
        <f t="shared" si="157"/>
        <v>0</v>
      </c>
    </row>
    <row r="5021" spans="1:5" x14ac:dyDescent="0.25">
      <c r="A5021" s="1">
        <v>43765.041666666664</v>
      </c>
      <c r="B5021" s="2">
        <v>18.170000000000002</v>
      </c>
      <c r="C5021">
        <v>0</v>
      </c>
      <c r="D5021">
        <f t="shared" si="156"/>
        <v>0</v>
      </c>
      <c r="E5021" s="6">
        <f t="shared" si="157"/>
        <v>0</v>
      </c>
    </row>
    <row r="5022" spans="1:5" x14ac:dyDescent="0.25">
      <c r="A5022" s="1">
        <v>43765.083333333336</v>
      </c>
      <c r="B5022" s="2">
        <v>16.22</v>
      </c>
      <c r="C5022">
        <v>0</v>
      </c>
      <c r="D5022">
        <f t="shared" si="156"/>
        <v>0</v>
      </c>
      <c r="E5022" s="6">
        <f t="shared" si="157"/>
        <v>0</v>
      </c>
    </row>
    <row r="5023" spans="1:5" x14ac:dyDescent="0.25">
      <c r="A5023" s="1">
        <v>43765.125</v>
      </c>
      <c r="B5023" s="2">
        <v>15.58</v>
      </c>
      <c r="C5023">
        <v>0</v>
      </c>
      <c r="D5023">
        <f t="shared" si="156"/>
        <v>0</v>
      </c>
      <c r="E5023" s="6">
        <f t="shared" si="157"/>
        <v>0</v>
      </c>
    </row>
    <row r="5024" spans="1:5" x14ac:dyDescent="0.25">
      <c r="A5024" s="1">
        <v>43765.166666666664</v>
      </c>
      <c r="B5024" s="2">
        <v>15.59</v>
      </c>
      <c r="C5024">
        <v>0</v>
      </c>
      <c r="D5024">
        <f t="shared" si="156"/>
        <v>0</v>
      </c>
      <c r="E5024" s="6">
        <f t="shared" si="157"/>
        <v>0</v>
      </c>
    </row>
    <row r="5025" spans="1:5" x14ac:dyDescent="0.25">
      <c r="A5025" s="1">
        <v>43765.208333333336</v>
      </c>
      <c r="B5025" s="2">
        <v>17.78</v>
      </c>
      <c r="C5025">
        <v>0</v>
      </c>
      <c r="D5025">
        <f t="shared" si="156"/>
        <v>0</v>
      </c>
      <c r="E5025" s="6">
        <f t="shared" si="157"/>
        <v>0</v>
      </c>
    </row>
    <row r="5026" spans="1:5" x14ac:dyDescent="0.25">
      <c r="A5026" s="1">
        <v>43765.25</v>
      </c>
      <c r="B5026" s="2">
        <v>18.690000000000001</v>
      </c>
      <c r="C5026">
        <v>0</v>
      </c>
      <c r="D5026">
        <f t="shared" si="156"/>
        <v>0</v>
      </c>
      <c r="E5026" s="6">
        <f t="shared" si="157"/>
        <v>0</v>
      </c>
    </row>
    <row r="5027" spans="1:5" x14ac:dyDescent="0.25">
      <c r="A5027" s="1">
        <v>43765.291666666664</v>
      </c>
      <c r="B5027" s="2">
        <v>19.28</v>
      </c>
      <c r="C5027">
        <v>0</v>
      </c>
      <c r="D5027">
        <f t="shared" si="156"/>
        <v>0</v>
      </c>
      <c r="E5027" s="6">
        <f t="shared" si="157"/>
        <v>0</v>
      </c>
    </row>
    <row r="5028" spans="1:5" x14ac:dyDescent="0.25">
      <c r="A5028" s="1">
        <v>43765.333333333336</v>
      </c>
      <c r="B5028" s="2">
        <v>21.51</v>
      </c>
      <c r="C5028">
        <v>0.226852</v>
      </c>
      <c r="D5028">
        <f t="shared" si="156"/>
        <v>2.2685199999999999E-4</v>
      </c>
      <c r="E5028" s="6">
        <f t="shared" si="157"/>
        <v>4.8795865200000005E-3</v>
      </c>
    </row>
    <row r="5029" spans="1:5" x14ac:dyDescent="0.25">
      <c r="A5029" s="1">
        <v>43765.375</v>
      </c>
      <c r="B5029" s="2">
        <v>22.99</v>
      </c>
      <c r="C5029">
        <v>0.14719900000000002</v>
      </c>
      <c r="D5029">
        <f t="shared" si="156"/>
        <v>1.4719900000000001E-4</v>
      </c>
      <c r="E5029" s="6">
        <f t="shared" si="157"/>
        <v>3.3841050100000001E-3</v>
      </c>
    </row>
    <row r="5030" spans="1:5" x14ac:dyDescent="0.25">
      <c r="A5030" s="1">
        <v>43765.416666666664</v>
      </c>
      <c r="B5030" s="2">
        <v>23.5</v>
      </c>
      <c r="C5030">
        <v>0.72960099999999994</v>
      </c>
      <c r="D5030">
        <f t="shared" si="156"/>
        <v>7.2960099999999997E-4</v>
      </c>
      <c r="E5030" s="6">
        <f t="shared" si="157"/>
        <v>1.7145623499999998E-2</v>
      </c>
    </row>
    <row r="5031" spans="1:5" x14ac:dyDescent="0.25">
      <c r="A5031" s="1">
        <v>43765.458333333336</v>
      </c>
      <c r="B5031" s="2">
        <v>23.34</v>
      </c>
      <c r="C5031">
        <v>1.107118</v>
      </c>
      <c r="D5031">
        <f t="shared" si="156"/>
        <v>1.107118E-3</v>
      </c>
      <c r="E5031" s="6">
        <f t="shared" si="157"/>
        <v>2.584013412E-2</v>
      </c>
    </row>
    <row r="5032" spans="1:5" x14ac:dyDescent="0.25">
      <c r="A5032" s="1">
        <v>43765.5</v>
      </c>
      <c r="B5032" s="2">
        <v>24.12</v>
      </c>
      <c r="C5032">
        <v>2.3294329999999999</v>
      </c>
      <c r="D5032">
        <f t="shared" si="156"/>
        <v>2.3294329999999997E-3</v>
      </c>
      <c r="E5032" s="6">
        <f t="shared" si="157"/>
        <v>5.6185923959999995E-2</v>
      </c>
    </row>
    <row r="5033" spans="1:5" x14ac:dyDescent="0.25">
      <c r="A5033" s="1">
        <v>43765.541666666664</v>
      </c>
      <c r="B5033" s="2">
        <v>23.62</v>
      </c>
      <c r="C5033">
        <v>4.8154820000000003</v>
      </c>
      <c r="D5033">
        <f t="shared" si="156"/>
        <v>4.8154820000000003E-3</v>
      </c>
      <c r="E5033" s="6">
        <f t="shared" si="157"/>
        <v>0.11374168484000001</v>
      </c>
    </row>
    <row r="5034" spans="1:5" x14ac:dyDescent="0.25">
      <c r="A5034" s="1">
        <v>43765.583333333336</v>
      </c>
      <c r="B5034" s="2">
        <v>23.64</v>
      </c>
      <c r="C5034">
        <v>1.9312290000000001</v>
      </c>
      <c r="D5034">
        <f t="shared" si="156"/>
        <v>1.931229E-3</v>
      </c>
      <c r="E5034" s="6">
        <f t="shared" si="157"/>
        <v>4.5654253560000004E-2</v>
      </c>
    </row>
    <row r="5035" spans="1:5" x14ac:dyDescent="0.25">
      <c r="A5035" s="1">
        <v>43765.625</v>
      </c>
      <c r="B5035" s="2">
        <v>23.94</v>
      </c>
      <c r="C5035">
        <v>1.1991320000000001</v>
      </c>
      <c r="D5035">
        <f t="shared" si="156"/>
        <v>1.1991320000000001E-3</v>
      </c>
      <c r="E5035" s="6">
        <f t="shared" si="157"/>
        <v>2.8707220080000005E-2</v>
      </c>
    </row>
    <row r="5036" spans="1:5" x14ac:dyDescent="0.25">
      <c r="A5036" s="1">
        <v>43765.666666666664</v>
      </c>
      <c r="B5036" s="2">
        <v>25.15</v>
      </c>
      <c r="C5036">
        <v>1.5277689999999999</v>
      </c>
      <c r="D5036">
        <f t="shared" si="156"/>
        <v>1.527769E-3</v>
      </c>
      <c r="E5036" s="6">
        <f t="shared" si="157"/>
        <v>3.8423390349999996E-2</v>
      </c>
    </row>
    <row r="5037" spans="1:5" x14ac:dyDescent="0.25">
      <c r="A5037" s="1">
        <v>43765.708333333336</v>
      </c>
      <c r="B5037" s="2">
        <v>28.9</v>
      </c>
      <c r="C5037">
        <v>0.46958899999999998</v>
      </c>
      <c r="D5037">
        <f t="shared" si="156"/>
        <v>4.6958899999999997E-4</v>
      </c>
      <c r="E5037" s="6">
        <f t="shared" si="157"/>
        <v>1.3571122099999998E-2</v>
      </c>
    </row>
    <row r="5038" spans="1:5" x14ac:dyDescent="0.25">
      <c r="A5038" s="1">
        <v>43765.75</v>
      </c>
      <c r="B5038" s="2">
        <v>33.07</v>
      </c>
      <c r="C5038">
        <v>0</v>
      </c>
      <c r="D5038">
        <f t="shared" si="156"/>
        <v>0</v>
      </c>
      <c r="E5038" s="6">
        <f t="shared" si="157"/>
        <v>0</v>
      </c>
    </row>
    <row r="5039" spans="1:5" x14ac:dyDescent="0.25">
      <c r="A5039" s="1">
        <v>43765.791666666664</v>
      </c>
      <c r="B5039" s="2">
        <v>33.090000000000003</v>
      </c>
      <c r="C5039">
        <v>0</v>
      </c>
      <c r="D5039">
        <f t="shared" si="156"/>
        <v>0</v>
      </c>
      <c r="E5039" s="6">
        <f t="shared" si="157"/>
        <v>0</v>
      </c>
    </row>
    <row r="5040" spans="1:5" x14ac:dyDescent="0.25">
      <c r="A5040" s="1">
        <v>43765.833333333336</v>
      </c>
      <c r="B5040" s="2">
        <v>29.75</v>
      </c>
      <c r="C5040">
        <v>0</v>
      </c>
      <c r="D5040">
        <f t="shared" si="156"/>
        <v>0</v>
      </c>
      <c r="E5040" s="6">
        <f t="shared" si="157"/>
        <v>0</v>
      </c>
    </row>
    <row r="5041" spans="1:5" x14ac:dyDescent="0.25">
      <c r="A5041" s="1">
        <v>43765.875</v>
      </c>
      <c r="B5041" s="2">
        <v>25.96</v>
      </c>
      <c r="C5041">
        <v>0</v>
      </c>
      <c r="D5041">
        <f t="shared" si="156"/>
        <v>0</v>
      </c>
      <c r="E5041" s="6">
        <f t="shared" si="157"/>
        <v>0</v>
      </c>
    </row>
    <row r="5042" spans="1:5" x14ac:dyDescent="0.25">
      <c r="A5042" s="1">
        <v>43765.916666666664</v>
      </c>
      <c r="B5042" s="2">
        <v>23.17</v>
      </c>
      <c r="C5042">
        <v>0</v>
      </c>
      <c r="D5042">
        <f t="shared" si="156"/>
        <v>0</v>
      </c>
      <c r="E5042" s="6">
        <f t="shared" si="157"/>
        <v>0</v>
      </c>
    </row>
    <row r="5043" spans="1:5" x14ac:dyDescent="0.25">
      <c r="A5043" s="1">
        <v>43765.958333333336</v>
      </c>
      <c r="B5043" s="2">
        <v>21.73</v>
      </c>
      <c r="C5043">
        <v>0</v>
      </c>
      <c r="D5043">
        <f t="shared" si="156"/>
        <v>0</v>
      </c>
      <c r="E5043" s="6">
        <f t="shared" si="157"/>
        <v>0</v>
      </c>
    </row>
    <row r="5044" spans="1:5" x14ac:dyDescent="0.25">
      <c r="A5044" s="1">
        <v>43766</v>
      </c>
      <c r="B5044" s="2">
        <v>19.04</v>
      </c>
      <c r="C5044">
        <v>0</v>
      </c>
      <c r="D5044">
        <f t="shared" si="156"/>
        <v>0</v>
      </c>
      <c r="E5044" s="6">
        <f t="shared" si="157"/>
        <v>0</v>
      </c>
    </row>
    <row r="5045" spans="1:5" x14ac:dyDescent="0.25">
      <c r="A5045" s="1">
        <v>43766.041666666664</v>
      </c>
      <c r="B5045" s="2">
        <v>19.059999999999999</v>
      </c>
      <c r="C5045">
        <v>0</v>
      </c>
      <c r="D5045">
        <f t="shared" si="156"/>
        <v>0</v>
      </c>
      <c r="E5045" s="6">
        <f t="shared" si="157"/>
        <v>0</v>
      </c>
    </row>
    <row r="5046" spans="1:5" x14ac:dyDescent="0.25">
      <c r="A5046" s="1">
        <v>43766.083333333336</v>
      </c>
      <c r="B5046" s="2">
        <v>18.63</v>
      </c>
      <c r="C5046">
        <v>0</v>
      </c>
      <c r="D5046">
        <f t="shared" si="156"/>
        <v>0</v>
      </c>
      <c r="E5046" s="6">
        <f t="shared" si="157"/>
        <v>0</v>
      </c>
    </row>
    <row r="5047" spans="1:5" x14ac:dyDescent="0.25">
      <c r="A5047" s="1">
        <v>43766.125</v>
      </c>
      <c r="B5047" s="2">
        <v>18.739999999999998</v>
      </c>
      <c r="C5047">
        <v>0</v>
      </c>
      <c r="D5047">
        <f t="shared" si="156"/>
        <v>0</v>
      </c>
      <c r="E5047" s="6">
        <f t="shared" si="157"/>
        <v>0</v>
      </c>
    </row>
    <row r="5048" spans="1:5" x14ac:dyDescent="0.25">
      <c r="A5048" s="1">
        <v>43766.166666666664</v>
      </c>
      <c r="B5048" s="2">
        <v>19.64</v>
      </c>
      <c r="C5048">
        <v>0</v>
      </c>
      <c r="D5048">
        <f t="shared" si="156"/>
        <v>0</v>
      </c>
      <c r="E5048" s="6">
        <f t="shared" si="157"/>
        <v>0</v>
      </c>
    </row>
    <row r="5049" spans="1:5" x14ac:dyDescent="0.25">
      <c r="A5049" s="1">
        <v>43766.208333333336</v>
      </c>
      <c r="B5049" s="2">
        <v>23.05</v>
      </c>
      <c r="C5049">
        <v>0</v>
      </c>
      <c r="D5049">
        <f t="shared" si="156"/>
        <v>0</v>
      </c>
      <c r="E5049" s="6">
        <f t="shared" si="157"/>
        <v>0</v>
      </c>
    </row>
    <row r="5050" spans="1:5" x14ac:dyDescent="0.25">
      <c r="A5050" s="1">
        <v>43766.25</v>
      </c>
      <c r="B5050" s="2">
        <v>31.93</v>
      </c>
      <c r="C5050">
        <v>0</v>
      </c>
      <c r="D5050">
        <f t="shared" si="156"/>
        <v>0</v>
      </c>
      <c r="E5050" s="6">
        <f t="shared" si="157"/>
        <v>0</v>
      </c>
    </row>
    <row r="5051" spans="1:5" x14ac:dyDescent="0.25">
      <c r="A5051" s="1">
        <v>43766.291666666664</v>
      </c>
      <c r="B5051" s="2">
        <v>34.619999999999997</v>
      </c>
      <c r="C5051">
        <v>0</v>
      </c>
      <c r="D5051">
        <f t="shared" si="156"/>
        <v>0</v>
      </c>
      <c r="E5051" s="6">
        <f t="shared" si="157"/>
        <v>0</v>
      </c>
    </row>
    <row r="5052" spans="1:5" x14ac:dyDescent="0.25">
      <c r="A5052" s="1">
        <v>43766.333333333336</v>
      </c>
      <c r="B5052" s="2">
        <v>30.02</v>
      </c>
      <c r="C5052">
        <v>0.159659</v>
      </c>
      <c r="D5052">
        <f t="shared" si="156"/>
        <v>1.5965899999999998E-4</v>
      </c>
      <c r="E5052" s="6">
        <f t="shared" si="157"/>
        <v>4.7929631799999992E-3</v>
      </c>
    </row>
    <row r="5053" spans="1:5" x14ac:dyDescent="0.25">
      <c r="A5053" s="1">
        <v>43766.375</v>
      </c>
      <c r="B5053" s="2">
        <v>29.14</v>
      </c>
      <c r="C5053">
        <v>0.89849100000000004</v>
      </c>
      <c r="D5053">
        <f t="shared" si="156"/>
        <v>8.9849100000000007E-4</v>
      </c>
      <c r="E5053" s="6">
        <f t="shared" si="157"/>
        <v>2.6182027740000002E-2</v>
      </c>
    </row>
    <row r="5054" spans="1:5" x14ac:dyDescent="0.25">
      <c r="A5054" s="1">
        <v>43766.416666666664</v>
      </c>
      <c r="B5054" s="2">
        <v>29.02</v>
      </c>
      <c r="C5054">
        <v>3.0979479999999997</v>
      </c>
      <c r="D5054">
        <f t="shared" si="156"/>
        <v>3.0979479999999997E-3</v>
      </c>
      <c r="E5054" s="6">
        <f t="shared" si="157"/>
        <v>8.9902450959999991E-2</v>
      </c>
    </row>
    <row r="5055" spans="1:5" x14ac:dyDescent="0.25">
      <c r="A5055" s="1">
        <v>43766.458333333336</v>
      </c>
      <c r="B5055" s="2">
        <v>28.32</v>
      </c>
      <c r="C5055">
        <v>3.2030240000000001</v>
      </c>
      <c r="D5055">
        <f t="shared" si="156"/>
        <v>3.2030240000000001E-3</v>
      </c>
      <c r="E5055" s="6">
        <f t="shared" si="157"/>
        <v>9.0709639680000009E-2</v>
      </c>
    </row>
    <row r="5056" spans="1:5" x14ac:dyDescent="0.25">
      <c r="A5056" s="1">
        <v>43766.5</v>
      </c>
      <c r="B5056" s="2">
        <v>29.18</v>
      </c>
      <c r="C5056">
        <v>7.1189249999999999</v>
      </c>
      <c r="D5056">
        <f t="shared" si="156"/>
        <v>7.1189249999999999E-3</v>
      </c>
      <c r="E5056" s="6">
        <f t="shared" si="157"/>
        <v>0.2077302315</v>
      </c>
    </row>
    <row r="5057" spans="1:5" x14ac:dyDescent="0.25">
      <c r="A5057" s="1">
        <v>43766.541666666664</v>
      </c>
      <c r="B5057" s="2">
        <v>28.61</v>
      </c>
      <c r="C5057">
        <v>7.1643149999999993</v>
      </c>
      <c r="D5057">
        <f t="shared" si="156"/>
        <v>7.1643149999999992E-3</v>
      </c>
      <c r="E5057" s="6">
        <f t="shared" si="157"/>
        <v>0.20497105214999997</v>
      </c>
    </row>
    <row r="5058" spans="1:5" x14ac:dyDescent="0.25">
      <c r="A5058" s="1">
        <v>43766.583333333336</v>
      </c>
      <c r="B5058" s="2">
        <v>27.96</v>
      </c>
      <c r="C5058">
        <v>6.7844219999999993</v>
      </c>
      <c r="D5058">
        <f t="shared" si="156"/>
        <v>6.7844219999999992E-3</v>
      </c>
      <c r="E5058" s="6">
        <f t="shared" si="157"/>
        <v>0.18969243911999997</v>
      </c>
    </row>
    <row r="5059" spans="1:5" x14ac:dyDescent="0.25">
      <c r="A5059" s="1">
        <v>43766.625</v>
      </c>
      <c r="B5059" s="2">
        <v>26.37</v>
      </c>
      <c r="C5059">
        <v>5.8375290000000009</v>
      </c>
      <c r="D5059">
        <f t="shared" si="156"/>
        <v>5.837529000000001E-3</v>
      </c>
      <c r="E5059" s="6">
        <f t="shared" si="157"/>
        <v>0.15393563973000005</v>
      </c>
    </row>
    <row r="5060" spans="1:5" x14ac:dyDescent="0.25">
      <c r="A5060" s="1">
        <v>43766.666666666664</v>
      </c>
      <c r="B5060" s="2">
        <v>27.24</v>
      </c>
      <c r="C5060">
        <v>4.3471980000000006</v>
      </c>
      <c r="D5060">
        <f t="shared" si="156"/>
        <v>4.3471980000000009E-3</v>
      </c>
      <c r="E5060" s="6">
        <f t="shared" si="157"/>
        <v>0.11841767352000002</v>
      </c>
    </row>
    <row r="5061" spans="1:5" x14ac:dyDescent="0.25">
      <c r="A5061" s="1">
        <v>43766.708333333336</v>
      </c>
      <c r="B5061" s="2">
        <v>29.38</v>
      </c>
      <c r="C5061">
        <v>2.2777099999999999</v>
      </c>
      <c r="D5061">
        <f t="shared" si="156"/>
        <v>2.2777100000000001E-3</v>
      </c>
      <c r="E5061" s="6">
        <f t="shared" si="157"/>
        <v>6.6919119799999996E-2</v>
      </c>
    </row>
    <row r="5062" spans="1:5" x14ac:dyDescent="0.25">
      <c r="A5062" s="1">
        <v>43766.75</v>
      </c>
      <c r="B5062" s="2">
        <v>34.049999999999997</v>
      </c>
      <c r="C5062">
        <v>0.25435200000000002</v>
      </c>
      <c r="D5062">
        <f t="shared" ref="D5062:D5125" si="158">C5062/1000</f>
        <v>2.5435200000000001E-4</v>
      </c>
      <c r="E5062" s="6">
        <f t="shared" ref="E5062:E5125" si="159">D5062*B5062</f>
        <v>8.6606855999999989E-3</v>
      </c>
    </row>
    <row r="5063" spans="1:5" x14ac:dyDescent="0.25">
      <c r="A5063" s="1">
        <v>43766.791666666664</v>
      </c>
      <c r="B5063" s="2">
        <v>35.65</v>
      </c>
      <c r="C5063">
        <v>0</v>
      </c>
      <c r="D5063">
        <f t="shared" si="158"/>
        <v>0</v>
      </c>
      <c r="E5063" s="6">
        <f t="shared" si="159"/>
        <v>0</v>
      </c>
    </row>
    <row r="5064" spans="1:5" x14ac:dyDescent="0.25">
      <c r="A5064" s="1">
        <v>43766.833333333336</v>
      </c>
      <c r="B5064" s="2">
        <v>31.12</v>
      </c>
      <c r="C5064">
        <v>0</v>
      </c>
      <c r="D5064">
        <f t="shared" si="158"/>
        <v>0</v>
      </c>
      <c r="E5064" s="6">
        <f t="shared" si="159"/>
        <v>0</v>
      </c>
    </row>
    <row r="5065" spans="1:5" x14ac:dyDescent="0.25">
      <c r="A5065" s="1">
        <v>43766.875</v>
      </c>
      <c r="B5065" s="2">
        <v>27.13</v>
      </c>
      <c r="C5065">
        <v>0</v>
      </c>
      <c r="D5065">
        <f t="shared" si="158"/>
        <v>0</v>
      </c>
      <c r="E5065" s="6">
        <f t="shared" si="159"/>
        <v>0</v>
      </c>
    </row>
    <row r="5066" spans="1:5" x14ac:dyDescent="0.25">
      <c r="A5066" s="1">
        <v>43766.916666666664</v>
      </c>
      <c r="B5066" s="2">
        <v>23.69</v>
      </c>
      <c r="C5066">
        <v>0</v>
      </c>
      <c r="D5066">
        <f t="shared" si="158"/>
        <v>0</v>
      </c>
      <c r="E5066" s="6">
        <f t="shared" si="159"/>
        <v>0</v>
      </c>
    </row>
    <row r="5067" spans="1:5" x14ac:dyDescent="0.25">
      <c r="A5067" s="1">
        <v>43766.958333333336</v>
      </c>
      <c r="B5067" s="2">
        <v>21.79</v>
      </c>
      <c r="C5067">
        <v>0</v>
      </c>
      <c r="D5067">
        <f t="shared" si="158"/>
        <v>0</v>
      </c>
      <c r="E5067" s="6">
        <f t="shared" si="159"/>
        <v>0</v>
      </c>
    </row>
    <row r="5068" spans="1:5" x14ac:dyDescent="0.25">
      <c r="A5068" s="1">
        <v>43767</v>
      </c>
      <c r="B5068" s="2">
        <v>19.82</v>
      </c>
      <c r="C5068">
        <v>0</v>
      </c>
      <c r="D5068">
        <f t="shared" si="158"/>
        <v>0</v>
      </c>
      <c r="E5068" s="6">
        <f t="shared" si="159"/>
        <v>0</v>
      </c>
    </row>
    <row r="5069" spans="1:5" x14ac:dyDescent="0.25">
      <c r="A5069" s="1">
        <v>43767.041666666664</v>
      </c>
      <c r="B5069" s="2">
        <v>19.510000000000002</v>
      </c>
      <c r="C5069">
        <v>0</v>
      </c>
      <c r="D5069">
        <f t="shared" si="158"/>
        <v>0</v>
      </c>
      <c r="E5069" s="6">
        <f t="shared" si="159"/>
        <v>0</v>
      </c>
    </row>
    <row r="5070" spans="1:5" x14ac:dyDescent="0.25">
      <c r="A5070" s="1">
        <v>43767.083333333336</v>
      </c>
      <c r="B5070" s="2">
        <v>18.920000000000002</v>
      </c>
      <c r="C5070">
        <v>0</v>
      </c>
      <c r="D5070">
        <f t="shared" si="158"/>
        <v>0</v>
      </c>
      <c r="E5070" s="6">
        <f t="shared" si="159"/>
        <v>0</v>
      </c>
    </row>
    <row r="5071" spans="1:5" x14ac:dyDescent="0.25">
      <c r="A5071" s="1">
        <v>43767.125</v>
      </c>
      <c r="B5071" s="2">
        <v>18.61</v>
      </c>
      <c r="C5071">
        <v>0</v>
      </c>
      <c r="D5071">
        <f t="shared" si="158"/>
        <v>0</v>
      </c>
      <c r="E5071" s="6">
        <f t="shared" si="159"/>
        <v>0</v>
      </c>
    </row>
    <row r="5072" spans="1:5" x14ac:dyDescent="0.25">
      <c r="A5072" s="1">
        <v>43767.166666666664</v>
      </c>
      <c r="B5072" s="2">
        <v>19.63</v>
      </c>
      <c r="C5072">
        <v>0</v>
      </c>
      <c r="D5072">
        <f t="shared" si="158"/>
        <v>0</v>
      </c>
      <c r="E5072" s="6">
        <f t="shared" si="159"/>
        <v>0</v>
      </c>
    </row>
    <row r="5073" spans="1:5" x14ac:dyDescent="0.25">
      <c r="A5073" s="1">
        <v>43767.208333333336</v>
      </c>
      <c r="B5073" s="2">
        <v>22.37</v>
      </c>
      <c r="C5073">
        <v>0</v>
      </c>
      <c r="D5073">
        <f t="shared" si="158"/>
        <v>0</v>
      </c>
      <c r="E5073" s="6">
        <f t="shared" si="159"/>
        <v>0</v>
      </c>
    </row>
    <row r="5074" spans="1:5" x14ac:dyDescent="0.25">
      <c r="A5074" s="1">
        <v>43767.25</v>
      </c>
      <c r="B5074" s="2">
        <v>29.77</v>
      </c>
      <c r="C5074">
        <v>0</v>
      </c>
      <c r="D5074">
        <f t="shared" si="158"/>
        <v>0</v>
      </c>
      <c r="E5074" s="6">
        <f t="shared" si="159"/>
        <v>0</v>
      </c>
    </row>
    <row r="5075" spans="1:5" x14ac:dyDescent="0.25">
      <c r="A5075" s="1">
        <v>43767.291666666664</v>
      </c>
      <c r="B5075" s="2">
        <v>31.13</v>
      </c>
      <c r="C5075">
        <v>0</v>
      </c>
      <c r="D5075">
        <f t="shared" si="158"/>
        <v>0</v>
      </c>
      <c r="E5075" s="6">
        <f t="shared" si="159"/>
        <v>0</v>
      </c>
    </row>
    <row r="5076" spans="1:5" x14ac:dyDescent="0.25">
      <c r="A5076" s="1">
        <v>43767.333333333336</v>
      </c>
      <c r="B5076" s="2">
        <v>28.37</v>
      </c>
      <c r="C5076">
        <v>1.106922</v>
      </c>
      <c r="D5076">
        <f t="shared" si="158"/>
        <v>1.106922E-3</v>
      </c>
      <c r="E5076" s="6">
        <f t="shared" si="159"/>
        <v>3.1403377140000001E-2</v>
      </c>
    </row>
    <row r="5077" spans="1:5" x14ac:dyDescent="0.25">
      <c r="A5077" s="1">
        <v>43767.375</v>
      </c>
      <c r="B5077" s="2">
        <v>28.07</v>
      </c>
      <c r="C5077">
        <v>3.4319670000000002</v>
      </c>
      <c r="D5077">
        <f t="shared" si="158"/>
        <v>3.4319670000000002E-3</v>
      </c>
      <c r="E5077" s="6">
        <f t="shared" si="159"/>
        <v>9.6335313690000007E-2</v>
      </c>
    </row>
    <row r="5078" spans="1:5" x14ac:dyDescent="0.25">
      <c r="A5078" s="1">
        <v>43767.416666666664</v>
      </c>
      <c r="B5078" s="2">
        <v>28.49</v>
      </c>
      <c r="C5078">
        <v>5.298864</v>
      </c>
      <c r="D5078">
        <f t="shared" si="158"/>
        <v>5.2988640000000004E-3</v>
      </c>
      <c r="E5078" s="6">
        <f t="shared" si="159"/>
        <v>0.15096463535999999</v>
      </c>
    </row>
    <row r="5079" spans="1:5" x14ac:dyDescent="0.25">
      <c r="A5079" s="1">
        <v>43767.458333333336</v>
      </c>
      <c r="B5079" s="2">
        <v>28.99</v>
      </c>
      <c r="C5079">
        <v>6.4832160000000005</v>
      </c>
      <c r="D5079">
        <f t="shared" si="158"/>
        <v>6.4832160000000008E-3</v>
      </c>
      <c r="E5079" s="6">
        <f t="shared" si="159"/>
        <v>0.18794843184000001</v>
      </c>
    </row>
    <row r="5080" spans="1:5" x14ac:dyDescent="0.25">
      <c r="A5080" s="1">
        <v>43767.5</v>
      </c>
      <c r="B5080" s="2">
        <v>29.21</v>
      </c>
      <c r="C5080">
        <v>7.0991400000000002</v>
      </c>
      <c r="D5080">
        <f t="shared" si="158"/>
        <v>7.0991400000000003E-3</v>
      </c>
      <c r="E5080" s="6">
        <f t="shared" si="159"/>
        <v>0.20736587940000001</v>
      </c>
    </row>
    <row r="5081" spans="1:5" x14ac:dyDescent="0.25">
      <c r="A5081" s="1">
        <v>43767.541666666664</v>
      </c>
      <c r="B5081" s="2">
        <v>28.64</v>
      </c>
      <c r="C5081">
        <v>7.1987169999999994</v>
      </c>
      <c r="D5081">
        <f t="shared" si="158"/>
        <v>7.1987169999999994E-3</v>
      </c>
      <c r="E5081" s="6">
        <f t="shared" si="159"/>
        <v>0.20617125487999999</v>
      </c>
    </row>
    <row r="5082" spans="1:5" x14ac:dyDescent="0.25">
      <c r="A5082" s="1">
        <v>43767.583333333336</v>
      </c>
      <c r="B5082" s="2">
        <v>28.1</v>
      </c>
      <c r="C5082">
        <v>6.7506750000000002</v>
      </c>
      <c r="D5082">
        <f t="shared" si="158"/>
        <v>6.7506750000000003E-3</v>
      </c>
      <c r="E5082" s="6">
        <f t="shared" si="159"/>
        <v>0.1896939675</v>
      </c>
    </row>
    <row r="5083" spans="1:5" x14ac:dyDescent="0.25">
      <c r="A5083" s="1">
        <v>43767.625</v>
      </c>
      <c r="B5083" s="2">
        <v>27.27</v>
      </c>
      <c r="C5083">
        <v>5.7736899999999993</v>
      </c>
      <c r="D5083">
        <f t="shared" si="158"/>
        <v>5.7736899999999997E-3</v>
      </c>
      <c r="E5083" s="6">
        <f t="shared" si="159"/>
        <v>0.1574485263</v>
      </c>
    </row>
    <row r="5084" spans="1:5" x14ac:dyDescent="0.25">
      <c r="A5084" s="1">
        <v>43767.666666666664</v>
      </c>
      <c r="B5084" s="2">
        <v>27.87</v>
      </c>
      <c r="C5084">
        <v>4.3019110000000005</v>
      </c>
      <c r="D5084">
        <f t="shared" si="158"/>
        <v>4.3019110000000003E-3</v>
      </c>
      <c r="E5084" s="6">
        <f t="shared" si="159"/>
        <v>0.11989425957000001</v>
      </c>
    </row>
    <row r="5085" spans="1:5" x14ac:dyDescent="0.25">
      <c r="A5085" s="1">
        <v>43767.708333333336</v>
      </c>
      <c r="B5085" s="2">
        <v>30.44</v>
      </c>
      <c r="C5085">
        <v>2.2562820000000001</v>
      </c>
      <c r="D5085">
        <f t="shared" si="158"/>
        <v>2.2562820000000001E-3</v>
      </c>
      <c r="E5085" s="6">
        <f t="shared" si="159"/>
        <v>6.8681224080000006E-2</v>
      </c>
    </row>
    <row r="5086" spans="1:5" x14ac:dyDescent="0.25">
      <c r="A5086" s="1">
        <v>43767.75</v>
      </c>
      <c r="B5086" s="2">
        <v>35.79</v>
      </c>
      <c r="C5086">
        <v>0</v>
      </c>
      <c r="D5086">
        <f t="shared" si="158"/>
        <v>0</v>
      </c>
      <c r="E5086" s="6">
        <f t="shared" si="159"/>
        <v>0</v>
      </c>
    </row>
    <row r="5087" spans="1:5" x14ac:dyDescent="0.25">
      <c r="A5087" s="1">
        <v>43767.791666666664</v>
      </c>
      <c r="B5087" s="2">
        <v>35.520000000000003</v>
      </c>
      <c r="C5087">
        <v>0</v>
      </c>
      <c r="D5087">
        <f t="shared" si="158"/>
        <v>0</v>
      </c>
      <c r="E5087" s="6">
        <f t="shared" si="159"/>
        <v>0</v>
      </c>
    </row>
    <row r="5088" spans="1:5" x14ac:dyDescent="0.25">
      <c r="A5088" s="1">
        <v>43767.833333333336</v>
      </c>
      <c r="B5088" s="2">
        <v>30.83</v>
      </c>
      <c r="C5088">
        <v>0</v>
      </c>
      <c r="D5088">
        <f t="shared" si="158"/>
        <v>0</v>
      </c>
      <c r="E5088" s="6">
        <f t="shared" si="159"/>
        <v>0</v>
      </c>
    </row>
    <row r="5089" spans="1:5" x14ac:dyDescent="0.25">
      <c r="A5089" s="1">
        <v>43767.875</v>
      </c>
      <c r="B5089" s="2">
        <v>27.82</v>
      </c>
      <c r="C5089">
        <v>0</v>
      </c>
      <c r="D5089">
        <f t="shared" si="158"/>
        <v>0</v>
      </c>
      <c r="E5089" s="6">
        <f t="shared" si="159"/>
        <v>0</v>
      </c>
    </row>
    <row r="5090" spans="1:5" x14ac:dyDescent="0.25">
      <c r="A5090" s="1">
        <v>43767.916666666664</v>
      </c>
      <c r="B5090" s="2">
        <v>23.95</v>
      </c>
      <c r="C5090">
        <v>0</v>
      </c>
      <c r="D5090">
        <f t="shared" si="158"/>
        <v>0</v>
      </c>
      <c r="E5090" s="6">
        <f t="shared" si="159"/>
        <v>0</v>
      </c>
    </row>
    <row r="5091" spans="1:5" x14ac:dyDescent="0.25">
      <c r="A5091" s="1">
        <v>43767.958333333336</v>
      </c>
      <c r="B5091" s="2">
        <v>22.47</v>
      </c>
      <c r="C5091">
        <v>0</v>
      </c>
      <c r="D5091">
        <f t="shared" si="158"/>
        <v>0</v>
      </c>
      <c r="E5091" s="6">
        <f t="shared" si="159"/>
        <v>0</v>
      </c>
    </row>
    <row r="5092" spans="1:5" x14ac:dyDescent="0.25">
      <c r="A5092" s="1">
        <v>43768</v>
      </c>
      <c r="B5092" s="2">
        <v>22.46</v>
      </c>
      <c r="C5092">
        <v>0</v>
      </c>
      <c r="D5092">
        <f t="shared" si="158"/>
        <v>0</v>
      </c>
      <c r="E5092" s="6">
        <f t="shared" si="159"/>
        <v>0</v>
      </c>
    </row>
    <row r="5093" spans="1:5" x14ac:dyDescent="0.25">
      <c r="A5093" s="1">
        <v>43768.041666666664</v>
      </c>
      <c r="B5093" s="2">
        <v>21.91</v>
      </c>
      <c r="C5093">
        <v>0</v>
      </c>
      <c r="D5093">
        <f t="shared" si="158"/>
        <v>0</v>
      </c>
      <c r="E5093" s="6">
        <f t="shared" si="159"/>
        <v>0</v>
      </c>
    </row>
    <row r="5094" spans="1:5" x14ac:dyDescent="0.25">
      <c r="A5094" s="1">
        <v>43768.083333333336</v>
      </c>
      <c r="B5094" s="2">
        <v>21.13</v>
      </c>
      <c r="C5094">
        <v>0</v>
      </c>
      <c r="D5094">
        <f t="shared" si="158"/>
        <v>0</v>
      </c>
      <c r="E5094" s="6">
        <f t="shared" si="159"/>
        <v>0</v>
      </c>
    </row>
    <row r="5095" spans="1:5" x14ac:dyDescent="0.25">
      <c r="A5095" s="1">
        <v>43768.125</v>
      </c>
      <c r="B5095" s="2">
        <v>20.62</v>
      </c>
      <c r="C5095">
        <v>0</v>
      </c>
      <c r="D5095">
        <f t="shared" si="158"/>
        <v>0</v>
      </c>
      <c r="E5095" s="6">
        <f t="shared" si="159"/>
        <v>0</v>
      </c>
    </row>
    <row r="5096" spans="1:5" x14ac:dyDescent="0.25">
      <c r="A5096" s="1">
        <v>43768.166666666664</v>
      </c>
      <c r="B5096" s="2">
        <v>21.54</v>
      </c>
      <c r="C5096">
        <v>0</v>
      </c>
      <c r="D5096">
        <f t="shared" si="158"/>
        <v>0</v>
      </c>
      <c r="E5096" s="6">
        <f t="shared" si="159"/>
        <v>0</v>
      </c>
    </row>
    <row r="5097" spans="1:5" x14ac:dyDescent="0.25">
      <c r="A5097" s="1">
        <v>43768.208333333336</v>
      </c>
      <c r="B5097" s="2">
        <v>23.16</v>
      </c>
      <c r="C5097">
        <v>0</v>
      </c>
      <c r="D5097">
        <f t="shared" si="158"/>
        <v>0</v>
      </c>
      <c r="E5097" s="6">
        <f t="shared" si="159"/>
        <v>0</v>
      </c>
    </row>
    <row r="5098" spans="1:5" x14ac:dyDescent="0.25">
      <c r="A5098" s="1">
        <v>43768.25</v>
      </c>
      <c r="B5098" s="2">
        <v>31.5</v>
      </c>
      <c r="C5098">
        <v>0</v>
      </c>
      <c r="D5098">
        <f t="shared" si="158"/>
        <v>0</v>
      </c>
      <c r="E5098" s="6">
        <f t="shared" si="159"/>
        <v>0</v>
      </c>
    </row>
    <row r="5099" spans="1:5" x14ac:dyDescent="0.25">
      <c r="A5099" s="1">
        <v>43768.291666666664</v>
      </c>
      <c r="B5099" s="2">
        <v>35.299999999999997</v>
      </c>
      <c r="C5099">
        <v>0</v>
      </c>
      <c r="D5099">
        <f t="shared" si="158"/>
        <v>0</v>
      </c>
      <c r="E5099" s="6">
        <f t="shared" si="159"/>
        <v>0</v>
      </c>
    </row>
    <row r="5100" spans="1:5" x14ac:dyDescent="0.25">
      <c r="A5100" s="1">
        <v>43768.333333333336</v>
      </c>
      <c r="B5100" s="2">
        <v>32.659999999999997</v>
      </c>
      <c r="C5100">
        <v>1.081934</v>
      </c>
      <c r="D5100">
        <f t="shared" si="158"/>
        <v>1.0819339999999999E-3</v>
      </c>
      <c r="E5100" s="6">
        <f t="shared" si="159"/>
        <v>3.5335964439999992E-2</v>
      </c>
    </row>
    <row r="5101" spans="1:5" x14ac:dyDescent="0.25">
      <c r="A5101" s="1">
        <v>43768.375</v>
      </c>
      <c r="B5101" s="2">
        <v>32.78</v>
      </c>
      <c r="C5101">
        <v>3.396836</v>
      </c>
      <c r="D5101">
        <f t="shared" si="158"/>
        <v>3.3968359999999999E-3</v>
      </c>
      <c r="E5101" s="6">
        <f t="shared" si="159"/>
        <v>0.11134828408</v>
      </c>
    </row>
    <row r="5102" spans="1:5" x14ac:dyDescent="0.25">
      <c r="A5102" s="1">
        <v>43768.416666666664</v>
      </c>
      <c r="B5102" s="2">
        <v>32.69</v>
      </c>
      <c r="C5102">
        <v>5.1954970000000005</v>
      </c>
      <c r="D5102">
        <f t="shared" si="158"/>
        <v>5.1954970000000003E-3</v>
      </c>
      <c r="E5102" s="6">
        <f t="shared" si="159"/>
        <v>0.16984079693000001</v>
      </c>
    </row>
    <row r="5103" spans="1:5" x14ac:dyDescent="0.25">
      <c r="A5103" s="1">
        <v>43768.458333333336</v>
      </c>
      <c r="B5103" s="2">
        <v>32.93</v>
      </c>
      <c r="C5103">
        <v>6.3529269999999993</v>
      </c>
      <c r="D5103">
        <f t="shared" si="158"/>
        <v>6.3529269999999995E-3</v>
      </c>
      <c r="E5103" s="6">
        <f t="shared" si="159"/>
        <v>0.20920188610999998</v>
      </c>
    </row>
    <row r="5104" spans="1:5" x14ac:dyDescent="0.25">
      <c r="A5104" s="1">
        <v>43768.5</v>
      </c>
      <c r="B5104" s="2">
        <v>34.19</v>
      </c>
      <c r="C5104">
        <v>6.9624449999999998</v>
      </c>
      <c r="D5104">
        <f t="shared" si="158"/>
        <v>6.9624449999999994E-3</v>
      </c>
      <c r="E5104" s="6">
        <f t="shared" si="159"/>
        <v>0.23804599454999997</v>
      </c>
    </row>
    <row r="5105" spans="1:5" x14ac:dyDescent="0.25">
      <c r="A5105" s="1">
        <v>43768.541666666664</v>
      </c>
      <c r="B5105" s="2">
        <v>33.65</v>
      </c>
      <c r="C5105">
        <v>7.0483400000000005</v>
      </c>
      <c r="D5105">
        <f t="shared" si="158"/>
        <v>7.0483400000000002E-3</v>
      </c>
      <c r="E5105" s="6">
        <f t="shared" si="159"/>
        <v>0.23717664099999999</v>
      </c>
    </row>
    <row r="5106" spans="1:5" x14ac:dyDescent="0.25">
      <c r="A5106" s="1">
        <v>43768.583333333336</v>
      </c>
      <c r="B5106" s="2">
        <v>33.64</v>
      </c>
      <c r="C5106">
        <v>6.6206659999999999</v>
      </c>
      <c r="D5106">
        <f t="shared" si="158"/>
        <v>6.6206659999999999E-3</v>
      </c>
      <c r="E5106" s="6">
        <f t="shared" si="159"/>
        <v>0.22271920424</v>
      </c>
    </row>
    <row r="5107" spans="1:5" x14ac:dyDescent="0.25">
      <c r="A5107" s="1">
        <v>43768.625</v>
      </c>
      <c r="B5107" s="2">
        <v>30.62</v>
      </c>
      <c r="C5107">
        <v>5.6596769999999994</v>
      </c>
      <c r="D5107">
        <f t="shared" si="158"/>
        <v>5.6596769999999992E-3</v>
      </c>
      <c r="E5107" s="6">
        <f t="shared" si="159"/>
        <v>0.17329930973999999</v>
      </c>
    </row>
    <row r="5108" spans="1:5" x14ac:dyDescent="0.25">
      <c r="A5108" s="1">
        <v>43768.666666666664</v>
      </c>
      <c r="B5108" s="2">
        <v>31.17</v>
      </c>
      <c r="C5108">
        <v>4.2095050000000001</v>
      </c>
      <c r="D5108">
        <f t="shared" si="158"/>
        <v>4.2095049999999997E-3</v>
      </c>
      <c r="E5108" s="6">
        <f t="shared" si="159"/>
        <v>0.13121027085</v>
      </c>
    </row>
    <row r="5109" spans="1:5" x14ac:dyDescent="0.25">
      <c r="A5109" s="1">
        <v>43768.708333333336</v>
      </c>
      <c r="B5109" s="2">
        <v>32.950000000000003</v>
      </c>
      <c r="C5109">
        <v>2.185416</v>
      </c>
      <c r="D5109">
        <f t="shared" si="158"/>
        <v>2.1854159999999999E-3</v>
      </c>
      <c r="E5109" s="6">
        <f t="shared" si="159"/>
        <v>7.2009457200000002E-2</v>
      </c>
    </row>
    <row r="5110" spans="1:5" x14ac:dyDescent="0.25">
      <c r="A5110" s="1">
        <v>43768.75</v>
      </c>
      <c r="B5110" s="2">
        <v>35.43</v>
      </c>
      <c r="C5110">
        <v>0</v>
      </c>
      <c r="D5110">
        <f t="shared" si="158"/>
        <v>0</v>
      </c>
      <c r="E5110" s="6">
        <f t="shared" si="159"/>
        <v>0</v>
      </c>
    </row>
    <row r="5111" spans="1:5" x14ac:dyDescent="0.25">
      <c r="A5111" s="1">
        <v>43768.791666666664</v>
      </c>
      <c r="B5111" s="2">
        <v>33.58</v>
      </c>
      <c r="C5111">
        <v>0</v>
      </c>
      <c r="D5111">
        <f t="shared" si="158"/>
        <v>0</v>
      </c>
      <c r="E5111" s="6">
        <f t="shared" si="159"/>
        <v>0</v>
      </c>
    </row>
    <row r="5112" spans="1:5" x14ac:dyDescent="0.25">
      <c r="A5112" s="1">
        <v>43768.833333333336</v>
      </c>
      <c r="B5112" s="2">
        <v>32.79</v>
      </c>
      <c r="C5112">
        <v>0</v>
      </c>
      <c r="D5112">
        <f t="shared" si="158"/>
        <v>0</v>
      </c>
      <c r="E5112" s="6">
        <f t="shared" si="159"/>
        <v>0</v>
      </c>
    </row>
    <row r="5113" spans="1:5" x14ac:dyDescent="0.25">
      <c r="A5113" s="1">
        <v>43768.875</v>
      </c>
      <c r="B5113" s="2">
        <v>27.7</v>
      </c>
      <c r="C5113">
        <v>0</v>
      </c>
      <c r="D5113">
        <f t="shared" si="158"/>
        <v>0</v>
      </c>
      <c r="E5113" s="6">
        <f t="shared" si="159"/>
        <v>0</v>
      </c>
    </row>
    <row r="5114" spans="1:5" x14ac:dyDescent="0.25">
      <c r="A5114" s="1">
        <v>43768.916666666664</v>
      </c>
      <c r="B5114" s="2">
        <v>24.05</v>
      </c>
      <c r="C5114">
        <v>0</v>
      </c>
      <c r="D5114">
        <f t="shared" si="158"/>
        <v>0</v>
      </c>
      <c r="E5114" s="6">
        <f t="shared" si="159"/>
        <v>0</v>
      </c>
    </row>
    <row r="5115" spans="1:5" x14ac:dyDescent="0.25">
      <c r="A5115" s="1">
        <v>43768.958333333336</v>
      </c>
      <c r="B5115" s="2">
        <v>22.74</v>
      </c>
      <c r="C5115">
        <v>0</v>
      </c>
      <c r="D5115">
        <f t="shared" si="158"/>
        <v>0</v>
      </c>
      <c r="E5115" s="6">
        <f t="shared" si="159"/>
        <v>0</v>
      </c>
    </row>
    <row r="5116" spans="1:5" x14ac:dyDescent="0.25">
      <c r="A5116" s="1">
        <v>43769</v>
      </c>
      <c r="B5116" s="2">
        <v>21.34</v>
      </c>
      <c r="C5116">
        <v>0</v>
      </c>
      <c r="D5116">
        <f t="shared" si="158"/>
        <v>0</v>
      </c>
      <c r="E5116" s="6">
        <f t="shared" si="159"/>
        <v>0</v>
      </c>
    </row>
    <row r="5117" spans="1:5" x14ac:dyDescent="0.25">
      <c r="A5117" s="1">
        <v>43769.041666666664</v>
      </c>
      <c r="B5117" s="2">
        <v>20.78</v>
      </c>
      <c r="C5117">
        <v>0</v>
      </c>
      <c r="D5117">
        <f t="shared" si="158"/>
        <v>0</v>
      </c>
      <c r="E5117" s="6">
        <f t="shared" si="159"/>
        <v>0</v>
      </c>
    </row>
    <row r="5118" spans="1:5" x14ac:dyDescent="0.25">
      <c r="A5118" s="1">
        <v>43769.083333333336</v>
      </c>
      <c r="B5118" s="2">
        <v>19.760000000000002</v>
      </c>
      <c r="C5118">
        <v>0</v>
      </c>
      <c r="D5118">
        <f t="shared" si="158"/>
        <v>0</v>
      </c>
      <c r="E5118" s="6">
        <f t="shared" si="159"/>
        <v>0</v>
      </c>
    </row>
    <row r="5119" spans="1:5" x14ac:dyDescent="0.25">
      <c r="A5119" s="1">
        <v>43769.125</v>
      </c>
      <c r="B5119" s="2">
        <v>19.52</v>
      </c>
      <c r="C5119">
        <v>0</v>
      </c>
      <c r="D5119">
        <f t="shared" si="158"/>
        <v>0</v>
      </c>
      <c r="E5119" s="6">
        <f t="shared" si="159"/>
        <v>0</v>
      </c>
    </row>
    <row r="5120" spans="1:5" x14ac:dyDescent="0.25">
      <c r="A5120" s="1">
        <v>43769.166666666664</v>
      </c>
      <c r="B5120" s="2">
        <v>20.66</v>
      </c>
      <c r="C5120">
        <v>0</v>
      </c>
      <c r="D5120">
        <f t="shared" si="158"/>
        <v>0</v>
      </c>
      <c r="E5120" s="6">
        <f t="shared" si="159"/>
        <v>0</v>
      </c>
    </row>
    <row r="5121" spans="1:5" x14ac:dyDescent="0.25">
      <c r="A5121" s="1">
        <v>43769.208333333336</v>
      </c>
      <c r="B5121" s="2">
        <v>22.47</v>
      </c>
      <c r="C5121">
        <v>0</v>
      </c>
      <c r="D5121">
        <f t="shared" si="158"/>
        <v>0</v>
      </c>
      <c r="E5121" s="6">
        <f t="shared" si="159"/>
        <v>0</v>
      </c>
    </row>
    <row r="5122" spans="1:5" x14ac:dyDescent="0.25">
      <c r="A5122" s="1">
        <v>43769.25</v>
      </c>
      <c r="B5122" s="2">
        <v>27.83</v>
      </c>
      <c r="C5122">
        <v>0</v>
      </c>
      <c r="D5122">
        <f t="shared" si="158"/>
        <v>0</v>
      </c>
      <c r="E5122" s="6">
        <f t="shared" si="159"/>
        <v>0</v>
      </c>
    </row>
    <row r="5123" spans="1:5" x14ac:dyDescent="0.25">
      <c r="A5123" s="1">
        <v>43769.291666666664</v>
      </c>
      <c r="B5123" s="2">
        <v>31.16</v>
      </c>
      <c r="C5123">
        <v>0</v>
      </c>
      <c r="D5123">
        <f t="shared" si="158"/>
        <v>0</v>
      </c>
      <c r="E5123" s="6">
        <f t="shared" si="159"/>
        <v>0</v>
      </c>
    </row>
    <row r="5124" spans="1:5" x14ac:dyDescent="0.25">
      <c r="A5124" s="1">
        <v>43769.333333333336</v>
      </c>
      <c r="B5124" s="2">
        <v>28.69</v>
      </c>
      <c r="C5124">
        <v>1.034786</v>
      </c>
      <c r="D5124">
        <f t="shared" si="158"/>
        <v>1.034786E-3</v>
      </c>
      <c r="E5124" s="6">
        <f t="shared" si="159"/>
        <v>2.9688010340000001E-2</v>
      </c>
    </row>
    <row r="5125" spans="1:5" x14ac:dyDescent="0.25">
      <c r="A5125" s="1">
        <v>43769.375</v>
      </c>
      <c r="B5125" s="2">
        <v>29.16</v>
      </c>
      <c r="C5125">
        <v>3.2747350000000002</v>
      </c>
      <c r="D5125">
        <f t="shared" si="158"/>
        <v>3.274735E-3</v>
      </c>
      <c r="E5125" s="6">
        <f t="shared" si="159"/>
        <v>9.5491272599999996E-2</v>
      </c>
    </row>
    <row r="5126" spans="1:5" x14ac:dyDescent="0.25">
      <c r="A5126" s="1">
        <v>43769.416666666664</v>
      </c>
      <c r="B5126" s="2">
        <v>31.89</v>
      </c>
      <c r="C5126">
        <v>5.0582439999999993</v>
      </c>
      <c r="D5126">
        <f t="shared" ref="D5126:D5189" si="160">C5126/1000</f>
        <v>5.0582439999999991E-3</v>
      </c>
      <c r="E5126" s="6">
        <f t="shared" ref="E5126:E5189" si="161">D5126*B5126</f>
        <v>0.16130740115999997</v>
      </c>
    </row>
    <row r="5127" spans="1:5" x14ac:dyDescent="0.25">
      <c r="A5127" s="1">
        <v>43769.458333333336</v>
      </c>
      <c r="B5127" s="2">
        <v>32.130000000000003</v>
      </c>
      <c r="C5127">
        <v>6.1568670000000001</v>
      </c>
      <c r="D5127">
        <f t="shared" si="160"/>
        <v>6.1568669999999999E-3</v>
      </c>
      <c r="E5127" s="6">
        <f t="shared" si="161"/>
        <v>0.19782013671000001</v>
      </c>
    </row>
    <row r="5128" spans="1:5" x14ac:dyDescent="0.25">
      <c r="A5128" s="1">
        <v>43769.5</v>
      </c>
      <c r="B5128" s="2">
        <v>32.08</v>
      </c>
      <c r="C5128">
        <v>6.7194640000000003</v>
      </c>
      <c r="D5128">
        <f t="shared" si="160"/>
        <v>6.7194640000000005E-3</v>
      </c>
      <c r="E5128" s="6">
        <f t="shared" si="161"/>
        <v>0.21556040511999999</v>
      </c>
    </row>
    <row r="5129" spans="1:5" x14ac:dyDescent="0.25">
      <c r="A5129" s="1">
        <v>43769.541666666664</v>
      </c>
      <c r="B5129" s="2">
        <v>31.26</v>
      </c>
      <c r="C5129">
        <v>6.7925060000000004</v>
      </c>
      <c r="D5129">
        <f t="shared" si="160"/>
        <v>6.7925060000000002E-3</v>
      </c>
      <c r="E5129" s="6">
        <f t="shared" si="161"/>
        <v>0.21233373756000001</v>
      </c>
    </row>
    <row r="5130" spans="1:5" x14ac:dyDescent="0.25">
      <c r="A5130" s="1">
        <v>43769.583333333336</v>
      </c>
      <c r="B5130" s="2">
        <v>30.19</v>
      </c>
      <c r="C5130">
        <v>6.3563609999999997</v>
      </c>
      <c r="D5130">
        <f t="shared" si="160"/>
        <v>6.3563609999999996E-3</v>
      </c>
      <c r="E5130" s="6">
        <f t="shared" si="161"/>
        <v>0.19189853859</v>
      </c>
    </row>
    <row r="5131" spans="1:5" x14ac:dyDescent="0.25">
      <c r="A5131" s="1">
        <v>43769.625</v>
      </c>
      <c r="B5131" s="2">
        <v>29.17</v>
      </c>
      <c r="C5131">
        <v>5.4211670000000005</v>
      </c>
      <c r="D5131">
        <f t="shared" si="160"/>
        <v>5.4211670000000002E-3</v>
      </c>
      <c r="E5131" s="6">
        <f t="shared" si="161"/>
        <v>0.15813544139000002</v>
      </c>
    </row>
    <row r="5132" spans="1:5" x14ac:dyDescent="0.25">
      <c r="A5132" s="1">
        <v>43769.666666666664</v>
      </c>
      <c r="B5132" s="2">
        <v>30.13</v>
      </c>
      <c r="C5132">
        <v>3.9880610000000001</v>
      </c>
      <c r="D5132">
        <f t="shared" si="160"/>
        <v>3.9880610000000002E-3</v>
      </c>
      <c r="E5132" s="6">
        <f t="shared" si="161"/>
        <v>0.12016027793</v>
      </c>
    </row>
    <row r="5133" spans="1:5" x14ac:dyDescent="0.25">
      <c r="A5133" s="1">
        <v>43769.708333333336</v>
      </c>
      <c r="B5133" s="2">
        <v>30.06</v>
      </c>
      <c r="C5133">
        <v>2.0290979999999998</v>
      </c>
      <c r="D5133">
        <f t="shared" si="160"/>
        <v>2.029098E-3</v>
      </c>
      <c r="E5133" s="6">
        <f t="shared" si="161"/>
        <v>6.0994685879999996E-2</v>
      </c>
    </row>
    <row r="5134" spans="1:5" x14ac:dyDescent="0.25">
      <c r="A5134" s="1">
        <v>43769.75</v>
      </c>
      <c r="B5134" s="2">
        <v>35.159999999999997</v>
      </c>
      <c r="C5134">
        <v>0</v>
      </c>
      <c r="D5134">
        <f t="shared" si="160"/>
        <v>0</v>
      </c>
      <c r="E5134" s="6">
        <f t="shared" si="161"/>
        <v>0</v>
      </c>
    </row>
    <row r="5135" spans="1:5" x14ac:dyDescent="0.25">
      <c r="A5135" s="1">
        <v>43769.791666666664</v>
      </c>
      <c r="B5135" s="2">
        <v>37.119999999999997</v>
      </c>
      <c r="C5135">
        <v>0</v>
      </c>
      <c r="D5135">
        <f t="shared" si="160"/>
        <v>0</v>
      </c>
      <c r="E5135" s="6">
        <f t="shared" si="161"/>
        <v>0</v>
      </c>
    </row>
    <row r="5136" spans="1:5" x14ac:dyDescent="0.25">
      <c r="A5136" s="1">
        <v>43769.833333333336</v>
      </c>
      <c r="B5136" s="2">
        <v>37.020000000000003</v>
      </c>
      <c r="C5136">
        <v>0</v>
      </c>
      <c r="D5136">
        <f t="shared" si="160"/>
        <v>0</v>
      </c>
      <c r="E5136" s="6">
        <f t="shared" si="161"/>
        <v>0</v>
      </c>
    </row>
    <row r="5137" spans="1:5" x14ac:dyDescent="0.25">
      <c r="A5137" s="1">
        <v>43769.875</v>
      </c>
      <c r="B5137" s="2">
        <v>32.840000000000003</v>
      </c>
      <c r="C5137">
        <v>0</v>
      </c>
      <c r="D5137">
        <f t="shared" si="160"/>
        <v>0</v>
      </c>
      <c r="E5137" s="6">
        <f t="shared" si="161"/>
        <v>0</v>
      </c>
    </row>
    <row r="5138" spans="1:5" x14ac:dyDescent="0.25">
      <c r="A5138" s="1">
        <v>43769.916666666664</v>
      </c>
      <c r="B5138" s="2">
        <v>25.15</v>
      </c>
      <c r="C5138">
        <v>0</v>
      </c>
      <c r="D5138">
        <f t="shared" si="160"/>
        <v>0</v>
      </c>
      <c r="E5138" s="6">
        <f t="shared" si="161"/>
        <v>0</v>
      </c>
    </row>
    <row r="5139" spans="1:5" x14ac:dyDescent="0.25">
      <c r="A5139" s="1">
        <v>43769.958333333336</v>
      </c>
      <c r="B5139" s="2">
        <v>23.07</v>
      </c>
      <c r="C5139">
        <v>0</v>
      </c>
      <c r="D5139">
        <f t="shared" si="160"/>
        <v>0</v>
      </c>
      <c r="E5139" s="6">
        <f t="shared" si="161"/>
        <v>0</v>
      </c>
    </row>
    <row r="5140" spans="1:5" x14ac:dyDescent="0.25">
      <c r="A5140" s="1">
        <v>43770</v>
      </c>
      <c r="B5140" s="2">
        <v>22.99</v>
      </c>
      <c r="C5140">
        <v>0</v>
      </c>
      <c r="D5140">
        <f t="shared" si="160"/>
        <v>0</v>
      </c>
      <c r="E5140" s="6">
        <f t="shared" si="161"/>
        <v>0</v>
      </c>
    </row>
    <row r="5141" spans="1:5" x14ac:dyDescent="0.25">
      <c r="A5141" s="1">
        <v>43770.041666666664</v>
      </c>
      <c r="B5141" s="2">
        <v>23.08</v>
      </c>
      <c r="C5141">
        <v>0</v>
      </c>
      <c r="D5141">
        <f t="shared" si="160"/>
        <v>0</v>
      </c>
      <c r="E5141" s="6">
        <f t="shared" si="161"/>
        <v>0</v>
      </c>
    </row>
    <row r="5142" spans="1:5" x14ac:dyDescent="0.25">
      <c r="A5142" s="1">
        <v>43770.083333333336</v>
      </c>
      <c r="B5142" s="2">
        <v>22.95</v>
      </c>
      <c r="C5142">
        <v>0</v>
      </c>
      <c r="D5142">
        <f t="shared" si="160"/>
        <v>0</v>
      </c>
      <c r="E5142" s="6">
        <f t="shared" si="161"/>
        <v>0</v>
      </c>
    </row>
    <row r="5143" spans="1:5" x14ac:dyDescent="0.25">
      <c r="A5143" s="1">
        <v>43770.125</v>
      </c>
      <c r="B5143" s="2">
        <v>23.08</v>
      </c>
      <c r="C5143">
        <v>0</v>
      </c>
      <c r="D5143">
        <f t="shared" si="160"/>
        <v>0</v>
      </c>
      <c r="E5143" s="6">
        <f t="shared" si="161"/>
        <v>0</v>
      </c>
    </row>
    <row r="5144" spans="1:5" x14ac:dyDescent="0.25">
      <c r="A5144" s="1">
        <v>43770.166666666664</v>
      </c>
      <c r="B5144" s="2">
        <v>23.93</v>
      </c>
      <c r="C5144">
        <v>0</v>
      </c>
      <c r="D5144">
        <f t="shared" si="160"/>
        <v>0</v>
      </c>
      <c r="E5144" s="6">
        <f t="shared" si="161"/>
        <v>0</v>
      </c>
    </row>
    <row r="5145" spans="1:5" x14ac:dyDescent="0.25">
      <c r="A5145" s="1">
        <v>43770.208333333336</v>
      </c>
      <c r="B5145" s="2">
        <v>27.96</v>
      </c>
      <c r="C5145">
        <v>0</v>
      </c>
      <c r="D5145">
        <f t="shared" si="160"/>
        <v>0</v>
      </c>
      <c r="E5145" s="6">
        <f t="shared" si="161"/>
        <v>0</v>
      </c>
    </row>
    <row r="5146" spans="1:5" x14ac:dyDescent="0.25">
      <c r="A5146" s="1">
        <v>43770.25</v>
      </c>
      <c r="B5146" s="2">
        <v>36.85</v>
      </c>
      <c r="C5146">
        <v>0</v>
      </c>
      <c r="D5146">
        <f t="shared" si="160"/>
        <v>0</v>
      </c>
      <c r="E5146" s="6">
        <f t="shared" si="161"/>
        <v>0</v>
      </c>
    </row>
    <row r="5147" spans="1:5" x14ac:dyDescent="0.25">
      <c r="A5147" s="1">
        <v>43770.291666666664</v>
      </c>
      <c r="B5147" s="2">
        <v>45.97</v>
      </c>
      <c r="C5147">
        <v>0</v>
      </c>
      <c r="D5147">
        <f t="shared" si="160"/>
        <v>0</v>
      </c>
      <c r="E5147" s="6">
        <f t="shared" si="161"/>
        <v>0</v>
      </c>
    </row>
    <row r="5148" spans="1:5" x14ac:dyDescent="0.25">
      <c r="A5148" s="1">
        <v>43770.333333333336</v>
      </c>
      <c r="B5148" s="2">
        <v>37.840000000000003</v>
      </c>
      <c r="C5148">
        <v>0.110986</v>
      </c>
      <c r="D5148">
        <f t="shared" si="160"/>
        <v>1.10986E-4</v>
      </c>
      <c r="E5148" s="6">
        <f t="shared" si="161"/>
        <v>4.1997102400000005E-3</v>
      </c>
    </row>
    <row r="5149" spans="1:5" x14ac:dyDescent="0.25">
      <c r="A5149" s="1">
        <v>43770.375</v>
      </c>
      <c r="B5149" s="2">
        <v>34.76</v>
      </c>
      <c r="C5149">
        <v>0.74950300000000003</v>
      </c>
      <c r="D5149">
        <f t="shared" si="160"/>
        <v>7.49503E-4</v>
      </c>
      <c r="E5149" s="6">
        <f t="shared" si="161"/>
        <v>2.6052724279999998E-2</v>
      </c>
    </row>
    <row r="5150" spans="1:5" x14ac:dyDescent="0.25">
      <c r="A5150" s="1">
        <v>43770.416666666664</v>
      </c>
      <c r="B5150" s="2">
        <v>33.869999999999997</v>
      </c>
      <c r="C5150">
        <v>8.2888000000000003E-2</v>
      </c>
      <c r="D5150">
        <f t="shared" si="160"/>
        <v>8.288800000000001E-5</v>
      </c>
      <c r="E5150" s="6">
        <f t="shared" si="161"/>
        <v>2.80741656E-3</v>
      </c>
    </row>
    <row r="5151" spans="1:5" x14ac:dyDescent="0.25">
      <c r="A5151" s="1">
        <v>43770.458333333336</v>
      </c>
      <c r="B5151" s="2">
        <v>32.36</v>
      </c>
      <c r="C5151">
        <v>0.38212599999999997</v>
      </c>
      <c r="D5151">
        <f t="shared" si="160"/>
        <v>3.8212599999999994E-4</v>
      </c>
      <c r="E5151" s="6">
        <f t="shared" si="161"/>
        <v>1.2365597359999998E-2</v>
      </c>
    </row>
    <row r="5152" spans="1:5" x14ac:dyDescent="0.25">
      <c r="A5152" s="1">
        <v>43770.5</v>
      </c>
      <c r="B5152" s="2">
        <v>30.2</v>
      </c>
      <c r="C5152">
        <v>0.7479539999999999</v>
      </c>
      <c r="D5152">
        <f t="shared" si="160"/>
        <v>7.4795399999999989E-4</v>
      </c>
      <c r="E5152" s="6">
        <f t="shared" si="161"/>
        <v>2.2588210799999998E-2</v>
      </c>
    </row>
    <row r="5153" spans="1:5" x14ac:dyDescent="0.25">
      <c r="A5153" s="1">
        <v>43770.541666666664</v>
      </c>
      <c r="B5153" s="2">
        <v>29.28</v>
      </c>
      <c r="C5153">
        <v>0.97368200000000005</v>
      </c>
      <c r="D5153">
        <f t="shared" si="160"/>
        <v>9.7368200000000002E-4</v>
      </c>
      <c r="E5153" s="6">
        <f t="shared" si="161"/>
        <v>2.8509408960000003E-2</v>
      </c>
    </row>
    <row r="5154" spans="1:5" x14ac:dyDescent="0.25">
      <c r="A5154" s="1">
        <v>43770.583333333336</v>
      </c>
      <c r="B5154" s="2">
        <v>27.22</v>
      </c>
      <c r="C5154">
        <v>1.3558140000000001</v>
      </c>
      <c r="D5154">
        <f t="shared" si="160"/>
        <v>1.3558140000000001E-3</v>
      </c>
      <c r="E5154" s="6">
        <f t="shared" si="161"/>
        <v>3.6905257080000003E-2</v>
      </c>
    </row>
    <row r="5155" spans="1:5" x14ac:dyDescent="0.25">
      <c r="A5155" s="1">
        <v>43770.625</v>
      </c>
      <c r="B5155" s="2">
        <v>25.87</v>
      </c>
      <c r="C5155">
        <v>5.3576280000000001</v>
      </c>
      <c r="D5155">
        <f t="shared" si="160"/>
        <v>5.3576279999999997E-3</v>
      </c>
      <c r="E5155" s="6">
        <f t="shared" si="161"/>
        <v>0.13860183636000001</v>
      </c>
    </row>
    <row r="5156" spans="1:5" x14ac:dyDescent="0.25">
      <c r="A5156" s="1">
        <v>43770.666666666664</v>
      </c>
      <c r="B5156" s="2">
        <v>26.96</v>
      </c>
      <c r="C5156">
        <v>3.869469</v>
      </c>
      <c r="D5156">
        <f t="shared" si="160"/>
        <v>3.8694689999999999E-3</v>
      </c>
      <c r="E5156" s="6">
        <f t="shared" si="161"/>
        <v>0.10432088424000001</v>
      </c>
    </row>
    <row r="5157" spans="1:5" x14ac:dyDescent="0.25">
      <c r="A5157" s="1">
        <v>43770.708333333336</v>
      </c>
      <c r="B5157" s="2">
        <v>30.37</v>
      </c>
      <c r="C5157">
        <v>1.939684</v>
      </c>
      <c r="D5157">
        <f t="shared" si="160"/>
        <v>1.9396839999999999E-3</v>
      </c>
      <c r="E5157" s="6">
        <f t="shared" si="161"/>
        <v>5.8908203079999999E-2</v>
      </c>
    </row>
    <row r="5158" spans="1:5" x14ac:dyDescent="0.25">
      <c r="A5158" s="1">
        <v>43770.75</v>
      </c>
      <c r="B5158" s="2">
        <v>34.880000000000003</v>
      </c>
      <c r="C5158">
        <v>0</v>
      </c>
      <c r="D5158">
        <f t="shared" si="160"/>
        <v>0</v>
      </c>
      <c r="E5158" s="6">
        <f t="shared" si="161"/>
        <v>0</v>
      </c>
    </row>
    <row r="5159" spans="1:5" x14ac:dyDescent="0.25">
      <c r="A5159" s="1">
        <v>43770.791666666664</v>
      </c>
      <c r="B5159" s="2">
        <v>34.93</v>
      </c>
      <c r="C5159">
        <v>0</v>
      </c>
      <c r="D5159">
        <f t="shared" si="160"/>
        <v>0</v>
      </c>
      <c r="E5159" s="6">
        <f t="shared" si="161"/>
        <v>0</v>
      </c>
    </row>
    <row r="5160" spans="1:5" x14ac:dyDescent="0.25">
      <c r="A5160" s="1">
        <v>43770.833333333336</v>
      </c>
      <c r="B5160" s="2">
        <v>34.450000000000003</v>
      </c>
      <c r="C5160">
        <v>0</v>
      </c>
      <c r="D5160">
        <f t="shared" si="160"/>
        <v>0</v>
      </c>
      <c r="E5160" s="6">
        <f t="shared" si="161"/>
        <v>0</v>
      </c>
    </row>
    <row r="5161" spans="1:5" x14ac:dyDescent="0.25">
      <c r="A5161" s="1">
        <v>43770.875</v>
      </c>
      <c r="B5161" s="2">
        <v>30.86</v>
      </c>
      <c r="C5161">
        <v>0</v>
      </c>
      <c r="D5161">
        <f t="shared" si="160"/>
        <v>0</v>
      </c>
      <c r="E5161" s="6">
        <f t="shared" si="161"/>
        <v>0</v>
      </c>
    </row>
    <row r="5162" spans="1:5" x14ac:dyDescent="0.25">
      <c r="A5162" s="1">
        <v>43770.916666666664</v>
      </c>
      <c r="B5162" s="2">
        <v>27.7</v>
      </c>
      <c r="C5162">
        <v>0</v>
      </c>
      <c r="D5162">
        <f t="shared" si="160"/>
        <v>0</v>
      </c>
      <c r="E5162" s="6">
        <f t="shared" si="161"/>
        <v>0</v>
      </c>
    </row>
    <row r="5163" spans="1:5" x14ac:dyDescent="0.25">
      <c r="A5163" s="1">
        <v>43770.958333333336</v>
      </c>
      <c r="B5163" s="2">
        <v>25.92</v>
      </c>
      <c r="C5163">
        <v>0</v>
      </c>
      <c r="D5163">
        <f t="shared" si="160"/>
        <v>0</v>
      </c>
      <c r="E5163" s="6">
        <f t="shared" si="161"/>
        <v>0</v>
      </c>
    </row>
    <row r="5164" spans="1:5" x14ac:dyDescent="0.25">
      <c r="A5164" s="1">
        <v>43771</v>
      </c>
      <c r="B5164" s="2">
        <v>28.8</v>
      </c>
      <c r="C5164">
        <v>0</v>
      </c>
      <c r="D5164">
        <f t="shared" si="160"/>
        <v>0</v>
      </c>
      <c r="E5164" s="6">
        <f t="shared" si="161"/>
        <v>0</v>
      </c>
    </row>
    <row r="5165" spans="1:5" x14ac:dyDescent="0.25">
      <c r="A5165" s="1">
        <v>43771.041666666664</v>
      </c>
      <c r="B5165" s="2">
        <v>26.9</v>
      </c>
      <c r="C5165">
        <v>0</v>
      </c>
      <c r="D5165">
        <f t="shared" si="160"/>
        <v>0</v>
      </c>
      <c r="E5165" s="6">
        <f t="shared" si="161"/>
        <v>0</v>
      </c>
    </row>
    <row r="5166" spans="1:5" x14ac:dyDescent="0.25">
      <c r="A5166" s="1">
        <v>43771.083333333336</v>
      </c>
      <c r="B5166" s="2">
        <v>26.05</v>
      </c>
      <c r="C5166">
        <v>0</v>
      </c>
      <c r="D5166">
        <f t="shared" si="160"/>
        <v>0</v>
      </c>
      <c r="E5166" s="6">
        <f t="shared" si="161"/>
        <v>0</v>
      </c>
    </row>
    <row r="5167" spans="1:5" x14ac:dyDescent="0.25">
      <c r="A5167" s="1">
        <v>43771.125</v>
      </c>
      <c r="B5167" s="2">
        <v>25.95</v>
      </c>
      <c r="C5167">
        <v>0</v>
      </c>
      <c r="D5167">
        <f t="shared" si="160"/>
        <v>0</v>
      </c>
      <c r="E5167" s="6">
        <f t="shared" si="161"/>
        <v>0</v>
      </c>
    </row>
    <row r="5168" spans="1:5" x14ac:dyDescent="0.25">
      <c r="A5168" s="1">
        <v>43771.166666666664</v>
      </c>
      <c r="B5168" s="2">
        <v>26.75</v>
      </c>
      <c r="C5168">
        <v>0</v>
      </c>
      <c r="D5168">
        <f t="shared" si="160"/>
        <v>0</v>
      </c>
      <c r="E5168" s="6">
        <f t="shared" si="161"/>
        <v>0</v>
      </c>
    </row>
    <row r="5169" spans="1:5" x14ac:dyDescent="0.25">
      <c r="A5169" s="1">
        <v>43771.208333333336</v>
      </c>
      <c r="B5169" s="2">
        <v>28.37</v>
      </c>
      <c r="C5169">
        <v>0</v>
      </c>
      <c r="D5169">
        <f t="shared" si="160"/>
        <v>0</v>
      </c>
      <c r="E5169" s="6">
        <f t="shared" si="161"/>
        <v>0</v>
      </c>
    </row>
    <row r="5170" spans="1:5" x14ac:dyDescent="0.25">
      <c r="A5170" s="1">
        <v>43771.25</v>
      </c>
      <c r="B5170" s="2">
        <v>34.72</v>
      </c>
      <c r="C5170">
        <v>0</v>
      </c>
      <c r="D5170">
        <f t="shared" si="160"/>
        <v>0</v>
      </c>
      <c r="E5170" s="6">
        <f t="shared" si="161"/>
        <v>0</v>
      </c>
    </row>
    <row r="5171" spans="1:5" x14ac:dyDescent="0.25">
      <c r="A5171" s="1">
        <v>43771.291666666664</v>
      </c>
      <c r="B5171" s="2">
        <v>39.090000000000003</v>
      </c>
      <c r="C5171">
        <v>0</v>
      </c>
      <c r="D5171">
        <f t="shared" si="160"/>
        <v>0</v>
      </c>
      <c r="E5171" s="6">
        <f t="shared" si="161"/>
        <v>0</v>
      </c>
    </row>
    <row r="5172" spans="1:5" x14ac:dyDescent="0.25">
      <c r="A5172" s="1">
        <v>43771.333333333336</v>
      </c>
      <c r="B5172" s="2">
        <v>39.97</v>
      </c>
      <c r="C5172">
        <v>1.039112</v>
      </c>
      <c r="D5172">
        <f t="shared" si="160"/>
        <v>1.039112E-3</v>
      </c>
      <c r="E5172" s="6">
        <f t="shared" si="161"/>
        <v>4.1533306639999996E-2</v>
      </c>
    </row>
    <row r="5173" spans="1:5" x14ac:dyDescent="0.25">
      <c r="A5173" s="1">
        <v>43771.375</v>
      </c>
      <c r="B5173" s="2">
        <v>36.659999999999997</v>
      </c>
      <c r="C5173">
        <v>3.3571880000000003</v>
      </c>
      <c r="D5173">
        <f t="shared" si="160"/>
        <v>3.3571880000000001E-3</v>
      </c>
      <c r="E5173" s="6">
        <f t="shared" si="161"/>
        <v>0.12307451207999999</v>
      </c>
    </row>
    <row r="5174" spans="1:5" x14ac:dyDescent="0.25">
      <c r="A5174" s="1">
        <v>43771.416666666664</v>
      </c>
      <c r="B5174" s="2">
        <v>34.270000000000003</v>
      </c>
      <c r="C5174">
        <v>5.1980190000000004</v>
      </c>
      <c r="D5174">
        <f t="shared" si="160"/>
        <v>5.1980190000000008E-3</v>
      </c>
      <c r="E5174" s="6">
        <f t="shared" si="161"/>
        <v>0.17813611113000005</v>
      </c>
    </row>
    <row r="5175" spans="1:5" x14ac:dyDescent="0.25">
      <c r="A5175" s="1">
        <v>43771.458333333336</v>
      </c>
      <c r="B5175" s="2">
        <v>29.07</v>
      </c>
      <c r="C5175">
        <v>6.3834579999999992</v>
      </c>
      <c r="D5175">
        <f t="shared" si="160"/>
        <v>6.383457999999999E-3</v>
      </c>
      <c r="E5175" s="6">
        <f t="shared" si="161"/>
        <v>0.18556712405999998</v>
      </c>
    </row>
    <row r="5176" spans="1:5" x14ac:dyDescent="0.25">
      <c r="A5176" s="1">
        <v>43771.5</v>
      </c>
      <c r="B5176" s="2">
        <v>26.38</v>
      </c>
      <c r="C5176">
        <v>6.9927209999999995</v>
      </c>
      <c r="D5176">
        <f t="shared" si="160"/>
        <v>6.9927209999999995E-3</v>
      </c>
      <c r="E5176" s="6">
        <f t="shared" si="161"/>
        <v>0.18446797997999997</v>
      </c>
    </row>
    <row r="5177" spans="1:5" x14ac:dyDescent="0.25">
      <c r="A5177" s="1">
        <v>43771.541666666664</v>
      </c>
      <c r="B5177" s="2">
        <v>25.87</v>
      </c>
      <c r="C5177">
        <v>7.0892120000000007</v>
      </c>
      <c r="D5177">
        <f t="shared" si="160"/>
        <v>7.089212000000001E-3</v>
      </c>
      <c r="E5177" s="6">
        <f t="shared" si="161"/>
        <v>0.18339791444000003</v>
      </c>
    </row>
    <row r="5178" spans="1:5" x14ac:dyDescent="0.25">
      <c r="A5178" s="1">
        <v>43771.583333333336</v>
      </c>
      <c r="B5178" s="2">
        <v>24.89</v>
      </c>
      <c r="C5178">
        <v>6.6488310000000004</v>
      </c>
      <c r="D5178">
        <f t="shared" si="160"/>
        <v>6.648831E-3</v>
      </c>
      <c r="E5178" s="6">
        <f t="shared" si="161"/>
        <v>0.16548940359</v>
      </c>
    </row>
    <row r="5179" spans="1:5" x14ac:dyDescent="0.25">
      <c r="A5179" s="1">
        <v>43771.625</v>
      </c>
      <c r="B5179" s="2">
        <v>24.54</v>
      </c>
      <c r="C5179">
        <v>5.6990179999999997</v>
      </c>
      <c r="D5179">
        <f t="shared" si="160"/>
        <v>5.6990179999999993E-3</v>
      </c>
      <c r="E5179" s="6">
        <f t="shared" si="161"/>
        <v>0.13985390171999998</v>
      </c>
    </row>
    <row r="5180" spans="1:5" x14ac:dyDescent="0.25">
      <c r="A5180" s="1">
        <v>43771.666666666664</v>
      </c>
      <c r="B5180" s="2">
        <v>25.22</v>
      </c>
      <c r="C5180">
        <v>4.1902079999999993</v>
      </c>
      <c r="D5180">
        <f t="shared" si="160"/>
        <v>4.1902079999999991E-3</v>
      </c>
      <c r="E5180" s="6">
        <f t="shared" si="161"/>
        <v>0.10567704575999998</v>
      </c>
    </row>
    <row r="5181" spans="1:5" x14ac:dyDescent="0.25">
      <c r="A5181" s="1">
        <v>43771.708333333336</v>
      </c>
      <c r="B5181" s="2">
        <v>26.49</v>
      </c>
      <c r="C5181">
        <v>2.1695819999999997</v>
      </c>
      <c r="D5181">
        <f t="shared" si="160"/>
        <v>2.1695819999999998E-3</v>
      </c>
      <c r="E5181" s="6">
        <f t="shared" si="161"/>
        <v>5.7472227179999988E-2</v>
      </c>
    </row>
    <row r="5182" spans="1:5" x14ac:dyDescent="0.25">
      <c r="A5182" s="1">
        <v>43771.75</v>
      </c>
      <c r="B5182" s="2">
        <v>33.85</v>
      </c>
      <c r="C5182">
        <v>0</v>
      </c>
      <c r="D5182">
        <f t="shared" si="160"/>
        <v>0</v>
      </c>
      <c r="E5182" s="6">
        <f t="shared" si="161"/>
        <v>0</v>
      </c>
    </row>
    <row r="5183" spans="1:5" x14ac:dyDescent="0.25">
      <c r="A5183" s="1">
        <v>43771.791666666664</v>
      </c>
      <c r="B5183" s="2">
        <v>35.6</v>
      </c>
      <c r="C5183">
        <v>0</v>
      </c>
      <c r="D5183">
        <f t="shared" si="160"/>
        <v>0</v>
      </c>
      <c r="E5183" s="6">
        <f t="shared" si="161"/>
        <v>0</v>
      </c>
    </row>
    <row r="5184" spans="1:5" x14ac:dyDescent="0.25">
      <c r="A5184" s="1">
        <v>43771.833333333336</v>
      </c>
      <c r="B5184" s="2">
        <v>33.380000000000003</v>
      </c>
      <c r="C5184">
        <v>0</v>
      </c>
      <c r="D5184">
        <f t="shared" si="160"/>
        <v>0</v>
      </c>
      <c r="E5184" s="6">
        <f t="shared" si="161"/>
        <v>0</v>
      </c>
    </row>
    <row r="5185" spans="1:5" x14ac:dyDescent="0.25">
      <c r="A5185" s="1">
        <v>43771.875</v>
      </c>
      <c r="B5185" s="2">
        <v>31.27</v>
      </c>
      <c r="C5185">
        <v>0</v>
      </c>
      <c r="D5185">
        <f t="shared" si="160"/>
        <v>0</v>
      </c>
      <c r="E5185" s="6">
        <f t="shared" si="161"/>
        <v>0</v>
      </c>
    </row>
    <row r="5186" spans="1:5" x14ac:dyDescent="0.25">
      <c r="A5186" s="1">
        <v>43771.916666666664</v>
      </c>
      <c r="B5186" s="2">
        <v>26.17</v>
      </c>
      <c r="C5186">
        <v>0</v>
      </c>
      <c r="D5186">
        <f t="shared" si="160"/>
        <v>0</v>
      </c>
      <c r="E5186" s="6">
        <f t="shared" si="161"/>
        <v>0</v>
      </c>
    </row>
    <row r="5187" spans="1:5" x14ac:dyDescent="0.25">
      <c r="A5187" s="1">
        <v>43771.958333333336</v>
      </c>
      <c r="B5187" s="2">
        <v>25.81</v>
      </c>
      <c r="C5187">
        <v>0</v>
      </c>
      <c r="D5187">
        <f t="shared" si="160"/>
        <v>0</v>
      </c>
      <c r="E5187" s="6">
        <f t="shared" si="161"/>
        <v>0</v>
      </c>
    </row>
    <row r="5188" spans="1:5" x14ac:dyDescent="0.25">
      <c r="A5188" s="1">
        <v>43772</v>
      </c>
      <c r="B5188" s="2">
        <v>25.15</v>
      </c>
      <c r="C5188">
        <v>0</v>
      </c>
      <c r="D5188">
        <f t="shared" si="160"/>
        <v>0</v>
      </c>
      <c r="E5188" s="6">
        <f t="shared" si="161"/>
        <v>0</v>
      </c>
    </row>
    <row r="5189" spans="1:5" x14ac:dyDescent="0.25">
      <c r="A5189" s="1">
        <v>43772.041666666664</v>
      </c>
      <c r="B5189" s="2">
        <v>24</v>
      </c>
      <c r="C5189">
        <v>0</v>
      </c>
      <c r="D5189">
        <f t="shared" si="160"/>
        <v>0</v>
      </c>
      <c r="E5189" s="6">
        <f t="shared" si="161"/>
        <v>0</v>
      </c>
    </row>
    <row r="5190" spans="1:5" x14ac:dyDescent="0.25">
      <c r="A5190" s="1">
        <v>43772.041666666664</v>
      </c>
      <c r="B5190" s="2">
        <v>24</v>
      </c>
      <c r="C5190">
        <v>0</v>
      </c>
      <c r="D5190">
        <f t="shared" ref="D5190:D5253" si="162">C5190/1000</f>
        <v>0</v>
      </c>
      <c r="E5190" s="6">
        <f t="shared" ref="E5190:E5253" si="163">D5190*B5190</f>
        <v>0</v>
      </c>
    </row>
    <row r="5191" spans="1:5" x14ac:dyDescent="0.25">
      <c r="A5191" s="1">
        <v>43772.083333333336</v>
      </c>
      <c r="B5191" s="2">
        <v>24.19</v>
      </c>
      <c r="C5191">
        <v>0</v>
      </c>
      <c r="D5191">
        <f t="shared" si="162"/>
        <v>0</v>
      </c>
      <c r="E5191" s="6">
        <f t="shared" si="163"/>
        <v>0</v>
      </c>
    </row>
    <row r="5192" spans="1:5" x14ac:dyDescent="0.25">
      <c r="A5192" s="1">
        <v>43772.125</v>
      </c>
      <c r="B5192" s="2">
        <v>23.98</v>
      </c>
      <c r="C5192">
        <v>0</v>
      </c>
      <c r="D5192">
        <f t="shared" si="162"/>
        <v>0</v>
      </c>
      <c r="E5192" s="6">
        <f t="shared" si="163"/>
        <v>0</v>
      </c>
    </row>
    <row r="5193" spans="1:5" x14ac:dyDescent="0.25">
      <c r="A5193" s="1">
        <v>43772.166666666664</v>
      </c>
      <c r="B5193" s="2">
        <v>24.42</v>
      </c>
      <c r="C5193">
        <v>0</v>
      </c>
      <c r="D5193">
        <f t="shared" si="162"/>
        <v>0</v>
      </c>
      <c r="E5193" s="6">
        <f t="shared" si="163"/>
        <v>0</v>
      </c>
    </row>
    <row r="5194" spans="1:5" x14ac:dyDescent="0.25">
      <c r="A5194" s="1">
        <v>43772.208333333336</v>
      </c>
      <c r="B5194" s="2">
        <v>24.68</v>
      </c>
      <c r="C5194">
        <v>0</v>
      </c>
      <c r="D5194">
        <f t="shared" si="162"/>
        <v>0</v>
      </c>
      <c r="E5194" s="6">
        <f t="shared" si="163"/>
        <v>0</v>
      </c>
    </row>
    <row r="5195" spans="1:5" x14ac:dyDescent="0.25">
      <c r="A5195" s="1">
        <v>43772.25</v>
      </c>
      <c r="B5195" s="2">
        <v>26.76</v>
      </c>
      <c r="C5195">
        <v>0</v>
      </c>
      <c r="D5195">
        <f t="shared" si="162"/>
        <v>0</v>
      </c>
      <c r="E5195" s="6">
        <f t="shared" si="163"/>
        <v>0</v>
      </c>
    </row>
    <row r="5196" spans="1:5" x14ac:dyDescent="0.25">
      <c r="A5196" s="1">
        <v>43772.291666666664</v>
      </c>
      <c r="B5196" s="2">
        <v>30.82</v>
      </c>
      <c r="C5196">
        <v>1.02739</v>
      </c>
      <c r="D5196">
        <f t="shared" si="162"/>
        <v>1.02739E-3</v>
      </c>
      <c r="E5196" s="6">
        <f t="shared" si="163"/>
        <v>3.1664159800000001E-2</v>
      </c>
    </row>
    <row r="5197" spans="1:5" x14ac:dyDescent="0.25">
      <c r="A5197" s="1">
        <v>43772.333333333336</v>
      </c>
      <c r="B5197" s="2">
        <v>32.19</v>
      </c>
      <c r="C5197">
        <v>3.3139499999999997</v>
      </c>
      <c r="D5197">
        <f t="shared" si="162"/>
        <v>3.3139499999999995E-3</v>
      </c>
      <c r="E5197" s="6">
        <f t="shared" si="163"/>
        <v>0.10667605049999998</v>
      </c>
    </row>
    <row r="5198" spans="1:5" x14ac:dyDescent="0.25">
      <c r="A5198" s="1">
        <v>43772.375</v>
      </c>
      <c r="B5198" s="2">
        <v>28.04</v>
      </c>
      <c r="C5198">
        <v>5.1349629999999999</v>
      </c>
      <c r="D5198">
        <f t="shared" si="162"/>
        <v>5.1349630000000002E-3</v>
      </c>
      <c r="E5198" s="6">
        <f t="shared" si="163"/>
        <v>0.14398436251999999</v>
      </c>
    </row>
    <row r="5199" spans="1:5" x14ac:dyDescent="0.25">
      <c r="A5199" s="1">
        <v>43772.416666666664</v>
      </c>
      <c r="B5199" s="2">
        <v>25.22</v>
      </c>
      <c r="C5199">
        <v>6.3121159999999996</v>
      </c>
      <c r="D5199">
        <f t="shared" si="162"/>
        <v>6.3121159999999996E-3</v>
      </c>
      <c r="E5199" s="6">
        <f t="shared" si="163"/>
        <v>0.15919156551999999</v>
      </c>
    </row>
    <row r="5200" spans="1:5" x14ac:dyDescent="0.25">
      <c r="A5200" s="1">
        <v>43772.458333333336</v>
      </c>
      <c r="B5200" s="2">
        <v>24.29</v>
      </c>
      <c r="C5200">
        <v>6.8849879999999999</v>
      </c>
      <c r="D5200">
        <f t="shared" si="162"/>
        <v>6.8849879999999999E-3</v>
      </c>
      <c r="E5200" s="6">
        <f t="shared" si="163"/>
        <v>0.16723635851999999</v>
      </c>
    </row>
    <row r="5201" spans="1:5" x14ac:dyDescent="0.25">
      <c r="A5201" s="1">
        <v>43772.5</v>
      </c>
      <c r="B5201" s="2">
        <v>24.18</v>
      </c>
      <c r="C5201">
        <v>6.9242839999999992</v>
      </c>
      <c r="D5201">
        <f t="shared" si="162"/>
        <v>6.9242839999999993E-3</v>
      </c>
      <c r="E5201" s="6">
        <f t="shared" si="163"/>
        <v>0.16742918711999999</v>
      </c>
    </row>
    <row r="5202" spans="1:5" x14ac:dyDescent="0.25">
      <c r="A5202" s="1">
        <v>43772.541666666664</v>
      </c>
      <c r="B5202" s="2">
        <v>23.89</v>
      </c>
      <c r="C5202">
        <v>6.4115060000000001</v>
      </c>
      <c r="D5202">
        <f t="shared" si="162"/>
        <v>6.411506E-3</v>
      </c>
      <c r="E5202" s="6">
        <f t="shared" si="163"/>
        <v>0.15317087834000001</v>
      </c>
    </row>
    <row r="5203" spans="1:5" x14ac:dyDescent="0.25">
      <c r="A5203" s="1">
        <v>43772.583333333336</v>
      </c>
      <c r="B5203" s="2">
        <v>23.47</v>
      </c>
      <c r="C5203">
        <v>5.4363680000000008</v>
      </c>
      <c r="D5203">
        <f t="shared" si="162"/>
        <v>5.4363680000000004E-3</v>
      </c>
      <c r="E5203" s="6">
        <f t="shared" si="163"/>
        <v>0.12759155695999999</v>
      </c>
    </row>
    <row r="5204" spans="1:5" x14ac:dyDescent="0.25">
      <c r="A5204" s="1">
        <v>43772.625</v>
      </c>
      <c r="B5204" s="2">
        <v>23.91</v>
      </c>
      <c r="C5204">
        <v>3.8632409999999999</v>
      </c>
      <c r="D5204">
        <f t="shared" si="162"/>
        <v>3.8632409999999999E-3</v>
      </c>
      <c r="E5204" s="6">
        <f t="shared" si="163"/>
        <v>9.2370092309999999E-2</v>
      </c>
    </row>
    <row r="5205" spans="1:5" x14ac:dyDescent="0.25">
      <c r="A5205" s="1">
        <v>43772.666666666664</v>
      </c>
      <c r="B5205" s="2">
        <v>26.47</v>
      </c>
      <c r="C5205">
        <v>1.2414590000000001</v>
      </c>
      <c r="D5205">
        <f t="shared" si="162"/>
        <v>1.2414590000000001E-3</v>
      </c>
      <c r="E5205" s="6">
        <f t="shared" si="163"/>
        <v>3.2861419730000001E-2</v>
      </c>
    </row>
    <row r="5206" spans="1:5" x14ac:dyDescent="0.25">
      <c r="A5206" s="1">
        <v>43772.708333333336</v>
      </c>
      <c r="B5206" s="2">
        <v>41.79</v>
      </c>
      <c r="C5206">
        <v>0</v>
      </c>
      <c r="D5206">
        <f t="shared" si="162"/>
        <v>0</v>
      </c>
      <c r="E5206" s="6">
        <f t="shared" si="163"/>
        <v>0</v>
      </c>
    </row>
    <row r="5207" spans="1:5" x14ac:dyDescent="0.25">
      <c r="A5207" s="1">
        <v>43772.75</v>
      </c>
      <c r="B5207" s="2">
        <v>36.14</v>
      </c>
      <c r="C5207">
        <v>0</v>
      </c>
      <c r="D5207">
        <f t="shared" si="162"/>
        <v>0</v>
      </c>
      <c r="E5207" s="6">
        <f t="shared" si="163"/>
        <v>0</v>
      </c>
    </row>
    <row r="5208" spans="1:5" x14ac:dyDescent="0.25">
      <c r="A5208" s="1">
        <v>43772.791666666664</v>
      </c>
      <c r="B5208" s="2">
        <v>34.869999999999997</v>
      </c>
      <c r="C5208">
        <v>0</v>
      </c>
      <c r="D5208">
        <f t="shared" si="162"/>
        <v>0</v>
      </c>
      <c r="E5208" s="6">
        <f t="shared" si="163"/>
        <v>0</v>
      </c>
    </row>
    <row r="5209" spans="1:5" x14ac:dyDescent="0.25">
      <c r="A5209" s="1">
        <v>43772.833333333336</v>
      </c>
      <c r="B5209" s="2">
        <v>33.08</v>
      </c>
      <c r="C5209">
        <v>0</v>
      </c>
      <c r="D5209">
        <f t="shared" si="162"/>
        <v>0</v>
      </c>
      <c r="E5209" s="6">
        <f t="shared" si="163"/>
        <v>0</v>
      </c>
    </row>
    <row r="5210" spans="1:5" x14ac:dyDescent="0.25">
      <c r="A5210" s="1">
        <v>43772.875</v>
      </c>
      <c r="B5210" s="2">
        <v>28.79</v>
      </c>
      <c r="C5210">
        <v>0</v>
      </c>
      <c r="D5210">
        <f t="shared" si="162"/>
        <v>0</v>
      </c>
      <c r="E5210" s="6">
        <f t="shared" si="163"/>
        <v>0</v>
      </c>
    </row>
    <row r="5211" spans="1:5" x14ac:dyDescent="0.25">
      <c r="A5211" s="1">
        <v>43772.916666666664</v>
      </c>
      <c r="B5211" s="2">
        <v>25.02</v>
      </c>
      <c r="C5211">
        <v>0</v>
      </c>
      <c r="D5211">
        <f t="shared" si="162"/>
        <v>0</v>
      </c>
      <c r="E5211" s="6">
        <f t="shared" si="163"/>
        <v>0</v>
      </c>
    </row>
    <row r="5212" spans="1:5" x14ac:dyDescent="0.25">
      <c r="A5212" s="1">
        <v>43772.958333333336</v>
      </c>
      <c r="B5212" s="2">
        <v>24.19</v>
      </c>
      <c r="C5212">
        <v>0</v>
      </c>
      <c r="D5212">
        <f t="shared" si="162"/>
        <v>0</v>
      </c>
      <c r="E5212" s="6">
        <f t="shared" si="163"/>
        <v>0</v>
      </c>
    </row>
    <row r="5213" spans="1:5" x14ac:dyDescent="0.25">
      <c r="A5213" s="1">
        <v>43773</v>
      </c>
      <c r="B5213" s="2">
        <v>24.1</v>
      </c>
      <c r="C5213">
        <v>0</v>
      </c>
      <c r="D5213">
        <f t="shared" si="162"/>
        <v>0</v>
      </c>
      <c r="E5213" s="6">
        <f t="shared" si="163"/>
        <v>0</v>
      </c>
    </row>
    <row r="5214" spans="1:5" x14ac:dyDescent="0.25">
      <c r="A5214" s="1">
        <v>43773.041666666664</v>
      </c>
      <c r="B5214" s="2">
        <v>23.73</v>
      </c>
      <c r="C5214">
        <v>0</v>
      </c>
      <c r="D5214">
        <f t="shared" si="162"/>
        <v>0</v>
      </c>
      <c r="E5214" s="6">
        <f t="shared" si="163"/>
        <v>0</v>
      </c>
    </row>
    <row r="5215" spans="1:5" x14ac:dyDescent="0.25">
      <c r="A5215" s="1">
        <v>43773.083333333336</v>
      </c>
      <c r="B5215" s="2">
        <v>23.5</v>
      </c>
      <c r="C5215">
        <v>0</v>
      </c>
      <c r="D5215">
        <f t="shared" si="162"/>
        <v>0</v>
      </c>
      <c r="E5215" s="6">
        <f t="shared" si="163"/>
        <v>0</v>
      </c>
    </row>
    <row r="5216" spans="1:5" x14ac:dyDescent="0.25">
      <c r="A5216" s="1">
        <v>43773.125</v>
      </c>
      <c r="B5216" s="2">
        <v>23.56</v>
      </c>
      <c r="C5216">
        <v>0</v>
      </c>
      <c r="D5216">
        <f t="shared" si="162"/>
        <v>0</v>
      </c>
      <c r="E5216" s="6">
        <f t="shared" si="163"/>
        <v>0</v>
      </c>
    </row>
    <row r="5217" spans="1:5" x14ac:dyDescent="0.25">
      <c r="A5217" s="1">
        <v>43773.166666666664</v>
      </c>
      <c r="B5217" s="2">
        <v>25.41</v>
      </c>
      <c r="C5217">
        <v>0</v>
      </c>
      <c r="D5217">
        <f t="shared" si="162"/>
        <v>0</v>
      </c>
      <c r="E5217" s="6">
        <f t="shared" si="163"/>
        <v>0</v>
      </c>
    </row>
    <row r="5218" spans="1:5" x14ac:dyDescent="0.25">
      <c r="A5218" s="1">
        <v>43773.208333333336</v>
      </c>
      <c r="B5218" s="2">
        <v>37.04</v>
      </c>
      <c r="C5218">
        <v>0</v>
      </c>
      <c r="D5218">
        <f t="shared" si="162"/>
        <v>0</v>
      </c>
      <c r="E5218" s="6">
        <f t="shared" si="163"/>
        <v>0</v>
      </c>
    </row>
    <row r="5219" spans="1:5" x14ac:dyDescent="0.25">
      <c r="A5219" s="1">
        <v>43773.25</v>
      </c>
      <c r="B5219" s="2">
        <v>52.36</v>
      </c>
      <c r="C5219">
        <v>0</v>
      </c>
      <c r="D5219">
        <f t="shared" si="162"/>
        <v>0</v>
      </c>
      <c r="E5219" s="6">
        <f t="shared" si="163"/>
        <v>0</v>
      </c>
    </row>
    <row r="5220" spans="1:5" x14ac:dyDescent="0.25">
      <c r="A5220" s="1">
        <v>43773.291666666664</v>
      </c>
      <c r="B5220" s="2">
        <v>48.94</v>
      </c>
      <c r="C5220">
        <v>0.74545600000000001</v>
      </c>
      <c r="D5220">
        <f t="shared" si="162"/>
        <v>7.4545600000000003E-4</v>
      </c>
      <c r="E5220" s="6">
        <f t="shared" si="163"/>
        <v>3.648261664E-2</v>
      </c>
    </row>
    <row r="5221" spans="1:5" x14ac:dyDescent="0.25">
      <c r="A5221" s="1">
        <v>43773.333333333336</v>
      </c>
      <c r="B5221" s="2">
        <v>39.479999999999997</v>
      </c>
      <c r="C5221">
        <v>2.918612</v>
      </c>
      <c r="D5221">
        <f t="shared" si="162"/>
        <v>2.9186120000000001E-3</v>
      </c>
      <c r="E5221" s="6">
        <f t="shared" si="163"/>
        <v>0.11522680176</v>
      </c>
    </row>
    <row r="5222" spans="1:5" x14ac:dyDescent="0.25">
      <c r="A5222" s="1">
        <v>43773.375</v>
      </c>
      <c r="B5222" s="2">
        <v>36.28</v>
      </c>
      <c r="C5222">
        <v>4.821834</v>
      </c>
      <c r="D5222">
        <f t="shared" si="162"/>
        <v>4.8218339999999997E-3</v>
      </c>
      <c r="E5222" s="6">
        <f t="shared" si="163"/>
        <v>0.17493613752000001</v>
      </c>
    </row>
    <row r="5223" spans="1:5" x14ac:dyDescent="0.25">
      <c r="A5223" s="1">
        <v>43773.416666666664</v>
      </c>
      <c r="B5223" s="2">
        <v>35.72</v>
      </c>
      <c r="C5223">
        <v>6.1175119999999996</v>
      </c>
      <c r="D5223">
        <f t="shared" si="162"/>
        <v>6.1175119999999994E-3</v>
      </c>
      <c r="E5223" s="6">
        <f t="shared" si="163"/>
        <v>0.21851752863999999</v>
      </c>
    </row>
    <row r="5224" spans="1:5" x14ac:dyDescent="0.25">
      <c r="A5224" s="1">
        <v>43773.458333333336</v>
      </c>
      <c r="B5224" s="2">
        <v>34.229999999999997</v>
      </c>
      <c r="C5224">
        <v>6.7448379999999997</v>
      </c>
      <c r="D5224">
        <f t="shared" si="162"/>
        <v>6.7448379999999995E-3</v>
      </c>
      <c r="E5224" s="6">
        <f t="shared" si="163"/>
        <v>0.23087580473999997</v>
      </c>
    </row>
    <row r="5225" spans="1:5" x14ac:dyDescent="0.25">
      <c r="A5225" s="1">
        <v>43773.5</v>
      </c>
      <c r="B5225" s="2">
        <v>31.83</v>
      </c>
      <c r="C5225">
        <v>6.8550370000000003</v>
      </c>
      <c r="D5225">
        <f t="shared" si="162"/>
        <v>6.8550370000000005E-3</v>
      </c>
      <c r="E5225" s="6">
        <f t="shared" si="163"/>
        <v>0.21819582771000001</v>
      </c>
    </row>
    <row r="5226" spans="1:5" x14ac:dyDescent="0.25">
      <c r="A5226" s="1">
        <v>43773.541666666664</v>
      </c>
      <c r="B5226" s="2">
        <v>33.6</v>
      </c>
      <c r="C5226">
        <v>6.4178549999999994</v>
      </c>
      <c r="D5226">
        <f t="shared" si="162"/>
        <v>6.4178549999999992E-3</v>
      </c>
      <c r="E5226" s="6">
        <f t="shared" si="163"/>
        <v>0.21563992799999998</v>
      </c>
    </row>
    <row r="5227" spans="1:5" x14ac:dyDescent="0.25">
      <c r="A5227" s="1">
        <v>43773.583333333336</v>
      </c>
      <c r="B5227" s="2">
        <v>28.07</v>
      </c>
      <c r="C5227">
        <v>5.4686450000000004</v>
      </c>
      <c r="D5227">
        <f t="shared" si="162"/>
        <v>5.4686450000000003E-3</v>
      </c>
      <c r="E5227" s="6">
        <f t="shared" si="163"/>
        <v>0.15350486515</v>
      </c>
    </row>
    <row r="5228" spans="1:5" x14ac:dyDescent="0.25">
      <c r="A5228" s="1">
        <v>43773.625</v>
      </c>
      <c r="B5228" s="2">
        <v>28.26</v>
      </c>
      <c r="C5228">
        <v>3.9126469999999998</v>
      </c>
      <c r="D5228">
        <f t="shared" si="162"/>
        <v>3.912647E-3</v>
      </c>
      <c r="E5228" s="6">
        <f t="shared" si="163"/>
        <v>0.11057140422</v>
      </c>
    </row>
    <row r="5229" spans="1:5" x14ac:dyDescent="0.25">
      <c r="A5229" s="1">
        <v>43773.666666666664</v>
      </c>
      <c r="B5229" s="2">
        <v>34.9</v>
      </c>
      <c r="C5229">
        <v>1.8858119999999998</v>
      </c>
      <c r="D5229">
        <f t="shared" si="162"/>
        <v>1.8858119999999997E-3</v>
      </c>
      <c r="E5229" s="6">
        <f t="shared" si="163"/>
        <v>6.5814838799999983E-2</v>
      </c>
    </row>
    <row r="5230" spans="1:5" x14ac:dyDescent="0.25">
      <c r="A5230" s="1">
        <v>43773.708333333336</v>
      </c>
      <c r="B5230" s="2">
        <v>51.69</v>
      </c>
      <c r="C5230">
        <v>0</v>
      </c>
      <c r="D5230">
        <f t="shared" si="162"/>
        <v>0</v>
      </c>
      <c r="E5230" s="6">
        <f t="shared" si="163"/>
        <v>0</v>
      </c>
    </row>
    <row r="5231" spans="1:5" x14ac:dyDescent="0.25">
      <c r="A5231" s="1">
        <v>43773.75</v>
      </c>
      <c r="B5231" s="2">
        <v>42.83</v>
      </c>
      <c r="C5231">
        <v>0</v>
      </c>
      <c r="D5231">
        <f t="shared" si="162"/>
        <v>0</v>
      </c>
      <c r="E5231" s="6">
        <f t="shared" si="163"/>
        <v>0</v>
      </c>
    </row>
    <row r="5232" spans="1:5" x14ac:dyDescent="0.25">
      <c r="A5232" s="1">
        <v>43773.791666666664</v>
      </c>
      <c r="B5232" s="2">
        <v>40.06</v>
      </c>
      <c r="C5232">
        <v>0</v>
      </c>
      <c r="D5232">
        <f t="shared" si="162"/>
        <v>0</v>
      </c>
      <c r="E5232" s="6">
        <f t="shared" si="163"/>
        <v>0</v>
      </c>
    </row>
    <row r="5233" spans="1:5" x14ac:dyDescent="0.25">
      <c r="A5233" s="1">
        <v>43773.833333333336</v>
      </c>
      <c r="B5233" s="2">
        <v>35.47</v>
      </c>
      <c r="C5233">
        <v>0</v>
      </c>
      <c r="D5233">
        <f t="shared" si="162"/>
        <v>0</v>
      </c>
      <c r="E5233" s="6">
        <f t="shared" si="163"/>
        <v>0</v>
      </c>
    </row>
    <row r="5234" spans="1:5" x14ac:dyDescent="0.25">
      <c r="A5234" s="1">
        <v>43773.875</v>
      </c>
      <c r="B5234" s="2">
        <v>33.53</v>
      </c>
      <c r="C5234">
        <v>0</v>
      </c>
      <c r="D5234">
        <f t="shared" si="162"/>
        <v>0</v>
      </c>
      <c r="E5234" s="6">
        <f t="shared" si="163"/>
        <v>0</v>
      </c>
    </row>
    <row r="5235" spans="1:5" x14ac:dyDescent="0.25">
      <c r="A5235" s="1">
        <v>43773.916666666664</v>
      </c>
      <c r="B5235" s="2">
        <v>28.19</v>
      </c>
      <c r="C5235">
        <v>0</v>
      </c>
      <c r="D5235">
        <f t="shared" si="162"/>
        <v>0</v>
      </c>
      <c r="E5235" s="6">
        <f t="shared" si="163"/>
        <v>0</v>
      </c>
    </row>
    <row r="5236" spans="1:5" x14ac:dyDescent="0.25">
      <c r="A5236" s="1">
        <v>43773.958333333336</v>
      </c>
      <c r="B5236" s="2">
        <v>24.56</v>
      </c>
      <c r="C5236">
        <v>0</v>
      </c>
      <c r="D5236">
        <f t="shared" si="162"/>
        <v>0</v>
      </c>
      <c r="E5236" s="6">
        <f t="shared" si="163"/>
        <v>0</v>
      </c>
    </row>
    <row r="5237" spans="1:5" x14ac:dyDescent="0.25">
      <c r="A5237" s="1">
        <v>43774</v>
      </c>
      <c r="B5237" s="2">
        <v>24.35</v>
      </c>
      <c r="C5237">
        <v>0</v>
      </c>
      <c r="D5237">
        <f t="shared" si="162"/>
        <v>0</v>
      </c>
      <c r="E5237" s="6">
        <f t="shared" si="163"/>
        <v>0</v>
      </c>
    </row>
    <row r="5238" spans="1:5" x14ac:dyDescent="0.25">
      <c r="A5238" s="1">
        <v>43774.041666666664</v>
      </c>
      <c r="B5238" s="2">
        <v>23.94</v>
      </c>
      <c r="C5238">
        <v>0</v>
      </c>
      <c r="D5238">
        <f t="shared" si="162"/>
        <v>0</v>
      </c>
      <c r="E5238" s="6">
        <f t="shared" si="163"/>
        <v>0</v>
      </c>
    </row>
    <row r="5239" spans="1:5" x14ac:dyDescent="0.25">
      <c r="A5239" s="1">
        <v>43774.083333333336</v>
      </c>
      <c r="B5239" s="2">
        <v>23.41</v>
      </c>
      <c r="C5239">
        <v>0</v>
      </c>
      <c r="D5239">
        <f t="shared" si="162"/>
        <v>0</v>
      </c>
      <c r="E5239" s="6">
        <f t="shared" si="163"/>
        <v>0</v>
      </c>
    </row>
    <row r="5240" spans="1:5" x14ac:dyDescent="0.25">
      <c r="A5240" s="1">
        <v>43774.125</v>
      </c>
      <c r="B5240" s="2">
        <v>23.72</v>
      </c>
      <c r="C5240">
        <v>0</v>
      </c>
      <c r="D5240">
        <f t="shared" si="162"/>
        <v>0</v>
      </c>
      <c r="E5240" s="6">
        <f t="shared" si="163"/>
        <v>0</v>
      </c>
    </row>
    <row r="5241" spans="1:5" x14ac:dyDescent="0.25">
      <c r="A5241" s="1">
        <v>43774.166666666664</v>
      </c>
      <c r="B5241" s="2">
        <v>24.69</v>
      </c>
      <c r="C5241">
        <v>0</v>
      </c>
      <c r="D5241">
        <f t="shared" si="162"/>
        <v>0</v>
      </c>
      <c r="E5241" s="6">
        <f t="shared" si="163"/>
        <v>0</v>
      </c>
    </row>
    <row r="5242" spans="1:5" x14ac:dyDescent="0.25">
      <c r="A5242" s="1">
        <v>43774.208333333336</v>
      </c>
      <c r="B5242" s="2">
        <v>26.97</v>
      </c>
      <c r="C5242">
        <v>0</v>
      </c>
      <c r="D5242">
        <f t="shared" si="162"/>
        <v>0</v>
      </c>
      <c r="E5242" s="6">
        <f t="shared" si="163"/>
        <v>0</v>
      </c>
    </row>
    <row r="5243" spans="1:5" x14ac:dyDescent="0.25">
      <c r="A5243" s="1">
        <v>43774.25</v>
      </c>
      <c r="B5243" s="2">
        <v>40.270000000000003</v>
      </c>
      <c r="C5243">
        <v>0</v>
      </c>
      <c r="D5243">
        <f t="shared" si="162"/>
        <v>0</v>
      </c>
      <c r="E5243" s="6">
        <f t="shared" si="163"/>
        <v>0</v>
      </c>
    </row>
    <row r="5244" spans="1:5" x14ac:dyDescent="0.25">
      <c r="A5244" s="1">
        <v>43774.291666666664</v>
      </c>
      <c r="B5244" s="2">
        <v>40.15</v>
      </c>
      <c r="C5244">
        <v>0.84348400000000001</v>
      </c>
      <c r="D5244">
        <f t="shared" si="162"/>
        <v>8.4348400000000003E-4</v>
      </c>
      <c r="E5244" s="6">
        <f t="shared" si="163"/>
        <v>3.3865882600000001E-2</v>
      </c>
    </row>
    <row r="5245" spans="1:5" x14ac:dyDescent="0.25">
      <c r="A5245" s="1">
        <v>43774.333333333336</v>
      </c>
      <c r="B5245" s="2">
        <v>36.07</v>
      </c>
      <c r="C5245">
        <v>2.9838789999999999</v>
      </c>
      <c r="D5245">
        <f t="shared" si="162"/>
        <v>2.983879E-3</v>
      </c>
      <c r="E5245" s="6">
        <f t="shared" si="163"/>
        <v>0.10762851553</v>
      </c>
    </row>
    <row r="5246" spans="1:5" x14ac:dyDescent="0.25">
      <c r="A5246" s="1">
        <v>43774.375</v>
      </c>
      <c r="B5246" s="2">
        <v>36.020000000000003</v>
      </c>
      <c r="C5246">
        <v>4.6956899999999999</v>
      </c>
      <c r="D5246">
        <f t="shared" si="162"/>
        <v>4.6956899999999998E-3</v>
      </c>
      <c r="E5246" s="6">
        <f t="shared" si="163"/>
        <v>0.16913875380000001</v>
      </c>
    </row>
    <row r="5247" spans="1:5" x14ac:dyDescent="0.25">
      <c r="A5247" s="1">
        <v>43774.416666666664</v>
      </c>
      <c r="B5247" s="2">
        <v>35.93</v>
      </c>
      <c r="C5247">
        <v>5.7582930000000001</v>
      </c>
      <c r="D5247">
        <f t="shared" si="162"/>
        <v>5.7582930000000003E-3</v>
      </c>
      <c r="E5247" s="6">
        <f t="shared" si="163"/>
        <v>0.20689546749000001</v>
      </c>
    </row>
    <row r="5248" spans="1:5" x14ac:dyDescent="0.25">
      <c r="A5248" s="1">
        <v>43774.458333333336</v>
      </c>
      <c r="B5248" s="2">
        <v>34.57</v>
      </c>
      <c r="C5248">
        <v>6.2623620000000004</v>
      </c>
      <c r="D5248">
        <f t="shared" si="162"/>
        <v>6.2623620000000005E-3</v>
      </c>
      <c r="E5248" s="6">
        <f t="shared" si="163"/>
        <v>0.21648985434000001</v>
      </c>
    </row>
    <row r="5249" spans="1:5" x14ac:dyDescent="0.25">
      <c r="A5249" s="1">
        <v>43774.5</v>
      </c>
      <c r="B5249" s="2">
        <v>32.67</v>
      </c>
      <c r="C5249">
        <v>6.3371260000000005</v>
      </c>
      <c r="D5249">
        <f t="shared" si="162"/>
        <v>6.3371260000000002E-3</v>
      </c>
      <c r="E5249" s="6">
        <f t="shared" si="163"/>
        <v>0.20703390642000002</v>
      </c>
    </row>
    <row r="5250" spans="1:5" x14ac:dyDescent="0.25">
      <c r="A5250" s="1">
        <v>43774.541666666664</v>
      </c>
      <c r="B5250" s="2">
        <v>33.42</v>
      </c>
      <c r="C5250">
        <v>1.997641</v>
      </c>
      <c r="D5250">
        <f t="shared" si="162"/>
        <v>1.9976410000000001E-3</v>
      </c>
      <c r="E5250" s="6">
        <f t="shared" si="163"/>
        <v>6.6761162220000003E-2</v>
      </c>
    </row>
    <row r="5251" spans="1:5" x14ac:dyDescent="0.25">
      <c r="A5251" s="1">
        <v>43774.583333333336</v>
      </c>
      <c r="B5251" s="2">
        <v>29.22</v>
      </c>
      <c r="C5251">
        <v>4.6507790000000009</v>
      </c>
      <c r="D5251">
        <f t="shared" si="162"/>
        <v>4.6507790000000007E-3</v>
      </c>
      <c r="E5251" s="6">
        <f t="shared" si="163"/>
        <v>0.13589576238000001</v>
      </c>
    </row>
    <row r="5252" spans="1:5" x14ac:dyDescent="0.25">
      <c r="A5252" s="1">
        <v>43774.625</v>
      </c>
      <c r="B5252" s="2">
        <v>29.16</v>
      </c>
      <c r="C5252">
        <v>3.1688260000000001</v>
      </c>
      <c r="D5252">
        <f t="shared" si="162"/>
        <v>3.168826E-3</v>
      </c>
      <c r="E5252" s="6">
        <f t="shared" si="163"/>
        <v>9.2402966160000002E-2</v>
      </c>
    </row>
    <row r="5253" spans="1:5" x14ac:dyDescent="0.25">
      <c r="A5253" s="1">
        <v>43774.666666666664</v>
      </c>
      <c r="B5253" s="2">
        <v>35.44</v>
      </c>
      <c r="C5253">
        <v>1.3644390000000002</v>
      </c>
      <c r="D5253">
        <f t="shared" si="162"/>
        <v>1.3644390000000003E-3</v>
      </c>
      <c r="E5253" s="6">
        <f t="shared" si="163"/>
        <v>4.8355718160000005E-2</v>
      </c>
    </row>
    <row r="5254" spans="1:5" x14ac:dyDescent="0.25">
      <c r="A5254" s="1">
        <v>43774.708333333336</v>
      </c>
      <c r="B5254" s="2">
        <v>46.78</v>
      </c>
      <c r="C5254">
        <v>0</v>
      </c>
      <c r="D5254">
        <f t="shared" ref="D5254:D5317" si="164">C5254/1000</f>
        <v>0</v>
      </c>
      <c r="E5254" s="6">
        <f t="shared" ref="E5254:E5317" si="165">D5254*B5254</f>
        <v>0</v>
      </c>
    </row>
    <row r="5255" spans="1:5" x14ac:dyDescent="0.25">
      <c r="A5255" s="1">
        <v>43774.75</v>
      </c>
      <c r="B5255" s="2">
        <v>43.39</v>
      </c>
      <c r="C5255">
        <v>0</v>
      </c>
      <c r="D5255">
        <f t="shared" si="164"/>
        <v>0</v>
      </c>
      <c r="E5255" s="6">
        <f t="shared" si="165"/>
        <v>0</v>
      </c>
    </row>
    <row r="5256" spans="1:5" x14ac:dyDescent="0.25">
      <c r="A5256" s="1">
        <v>43774.791666666664</v>
      </c>
      <c r="B5256" s="2">
        <v>41.78</v>
      </c>
      <c r="C5256">
        <v>0</v>
      </c>
      <c r="D5256">
        <f t="shared" si="164"/>
        <v>0</v>
      </c>
      <c r="E5256" s="6">
        <f t="shared" si="165"/>
        <v>0</v>
      </c>
    </row>
    <row r="5257" spans="1:5" x14ac:dyDescent="0.25">
      <c r="A5257" s="1">
        <v>43774.833333333336</v>
      </c>
      <c r="B5257" s="2">
        <v>40.159999999999997</v>
      </c>
      <c r="C5257">
        <v>0</v>
      </c>
      <c r="D5257">
        <f t="shared" si="164"/>
        <v>0</v>
      </c>
      <c r="E5257" s="6">
        <f t="shared" si="165"/>
        <v>0</v>
      </c>
    </row>
    <row r="5258" spans="1:5" x14ac:dyDescent="0.25">
      <c r="A5258" s="1">
        <v>43774.875</v>
      </c>
      <c r="B5258" s="2">
        <v>39.299999999999997</v>
      </c>
      <c r="C5258">
        <v>0</v>
      </c>
      <c r="D5258">
        <f t="shared" si="164"/>
        <v>0</v>
      </c>
      <c r="E5258" s="6">
        <f t="shared" si="165"/>
        <v>0</v>
      </c>
    </row>
    <row r="5259" spans="1:5" x14ac:dyDescent="0.25">
      <c r="A5259" s="1">
        <v>43774.916666666664</v>
      </c>
      <c r="B5259" s="2">
        <v>31.87</v>
      </c>
      <c r="C5259">
        <v>0</v>
      </c>
      <c r="D5259">
        <f t="shared" si="164"/>
        <v>0</v>
      </c>
      <c r="E5259" s="6">
        <f t="shared" si="165"/>
        <v>0</v>
      </c>
    </row>
    <row r="5260" spans="1:5" x14ac:dyDescent="0.25">
      <c r="A5260" s="1">
        <v>43774.958333333336</v>
      </c>
      <c r="B5260" s="2">
        <v>27.85</v>
      </c>
      <c r="C5260">
        <v>0</v>
      </c>
      <c r="D5260">
        <f t="shared" si="164"/>
        <v>0</v>
      </c>
      <c r="E5260" s="6">
        <f t="shared" si="165"/>
        <v>0</v>
      </c>
    </row>
    <row r="5261" spans="1:5" x14ac:dyDescent="0.25">
      <c r="A5261" s="1">
        <v>43775</v>
      </c>
      <c r="B5261" s="2">
        <v>27.19</v>
      </c>
      <c r="C5261">
        <v>0</v>
      </c>
      <c r="D5261">
        <f t="shared" si="164"/>
        <v>0</v>
      </c>
      <c r="E5261" s="6">
        <f t="shared" si="165"/>
        <v>0</v>
      </c>
    </row>
    <row r="5262" spans="1:5" x14ac:dyDescent="0.25">
      <c r="A5262" s="1">
        <v>43775.041666666664</v>
      </c>
      <c r="B5262" s="2">
        <v>26.94</v>
      </c>
      <c r="C5262">
        <v>0</v>
      </c>
      <c r="D5262">
        <f t="shared" si="164"/>
        <v>0</v>
      </c>
      <c r="E5262" s="6">
        <f t="shared" si="165"/>
        <v>0</v>
      </c>
    </row>
    <row r="5263" spans="1:5" x14ac:dyDescent="0.25">
      <c r="A5263" s="1">
        <v>43775.083333333336</v>
      </c>
      <c r="B5263" s="2">
        <v>26.31</v>
      </c>
      <c r="C5263">
        <v>0</v>
      </c>
      <c r="D5263">
        <f t="shared" si="164"/>
        <v>0</v>
      </c>
      <c r="E5263" s="6">
        <f t="shared" si="165"/>
        <v>0</v>
      </c>
    </row>
    <row r="5264" spans="1:5" x14ac:dyDescent="0.25">
      <c r="A5264" s="1">
        <v>43775.125</v>
      </c>
      <c r="B5264" s="2">
        <v>26.87</v>
      </c>
      <c r="C5264">
        <v>0</v>
      </c>
      <c r="D5264">
        <f t="shared" si="164"/>
        <v>0</v>
      </c>
      <c r="E5264" s="6">
        <f t="shared" si="165"/>
        <v>0</v>
      </c>
    </row>
    <row r="5265" spans="1:5" x14ac:dyDescent="0.25">
      <c r="A5265" s="1">
        <v>43775.166666666664</v>
      </c>
      <c r="B5265" s="2">
        <v>29.56</v>
      </c>
      <c r="C5265">
        <v>0</v>
      </c>
      <c r="D5265">
        <f t="shared" si="164"/>
        <v>0</v>
      </c>
      <c r="E5265" s="6">
        <f t="shared" si="165"/>
        <v>0</v>
      </c>
    </row>
    <row r="5266" spans="1:5" x14ac:dyDescent="0.25">
      <c r="A5266" s="1">
        <v>43775.208333333336</v>
      </c>
      <c r="B5266" s="2">
        <v>32.6</v>
      </c>
      <c r="C5266">
        <v>0</v>
      </c>
      <c r="D5266">
        <f t="shared" si="164"/>
        <v>0</v>
      </c>
      <c r="E5266" s="6">
        <f t="shared" si="165"/>
        <v>0</v>
      </c>
    </row>
    <row r="5267" spans="1:5" x14ac:dyDescent="0.25">
      <c r="A5267" s="1">
        <v>43775.25</v>
      </c>
      <c r="B5267" s="2">
        <v>45.48</v>
      </c>
      <c r="C5267">
        <v>0</v>
      </c>
      <c r="D5267">
        <f t="shared" si="164"/>
        <v>0</v>
      </c>
      <c r="E5267" s="6">
        <f t="shared" si="165"/>
        <v>0</v>
      </c>
    </row>
    <row r="5268" spans="1:5" x14ac:dyDescent="0.25">
      <c r="A5268" s="1">
        <v>43775.291666666664</v>
      </c>
      <c r="B5268" s="2">
        <v>45.73</v>
      </c>
      <c r="C5268">
        <v>0.95155899999999993</v>
      </c>
      <c r="D5268">
        <f t="shared" si="164"/>
        <v>9.5155899999999993E-4</v>
      </c>
      <c r="E5268" s="6">
        <f t="shared" si="165"/>
        <v>4.3514793069999995E-2</v>
      </c>
    </row>
    <row r="5269" spans="1:5" x14ac:dyDescent="0.25">
      <c r="A5269" s="1">
        <v>43775.333333333336</v>
      </c>
      <c r="B5269" s="2">
        <v>38.93</v>
      </c>
      <c r="C5269">
        <v>3.2346200000000001</v>
      </c>
      <c r="D5269">
        <f t="shared" si="164"/>
        <v>3.2346200000000001E-3</v>
      </c>
      <c r="E5269" s="6">
        <f t="shared" si="165"/>
        <v>0.12592375659999999</v>
      </c>
    </row>
    <row r="5270" spans="1:5" x14ac:dyDescent="0.25">
      <c r="A5270" s="1">
        <v>43775.375</v>
      </c>
      <c r="B5270" s="2">
        <v>35.68</v>
      </c>
      <c r="C5270">
        <v>5.1606030000000001</v>
      </c>
      <c r="D5270">
        <f t="shared" si="164"/>
        <v>5.1606029999999997E-3</v>
      </c>
      <c r="E5270" s="6">
        <f t="shared" si="165"/>
        <v>0.18413031503999999</v>
      </c>
    </row>
    <row r="5271" spans="1:5" x14ac:dyDescent="0.25">
      <c r="A5271" s="1">
        <v>43775.416666666664</v>
      </c>
      <c r="B5271" s="2">
        <v>33.32</v>
      </c>
      <c r="C5271">
        <v>6.4547219999999994</v>
      </c>
      <c r="D5271">
        <f t="shared" si="164"/>
        <v>6.4547219999999995E-3</v>
      </c>
      <c r="E5271" s="6">
        <f t="shared" si="165"/>
        <v>0.21507133703999998</v>
      </c>
    </row>
    <row r="5272" spans="1:5" x14ac:dyDescent="0.25">
      <c r="A5272" s="1">
        <v>43775.458333333336</v>
      </c>
      <c r="B5272" s="2">
        <v>31.71</v>
      </c>
      <c r="C5272">
        <v>7.1461779999999999</v>
      </c>
      <c r="D5272">
        <f t="shared" si="164"/>
        <v>7.1461779999999996E-3</v>
      </c>
      <c r="E5272" s="6">
        <f t="shared" si="165"/>
        <v>0.22660530437999998</v>
      </c>
    </row>
    <row r="5273" spans="1:5" x14ac:dyDescent="0.25">
      <c r="A5273" s="1">
        <v>43775.5</v>
      </c>
      <c r="B5273" s="2">
        <v>29.78</v>
      </c>
      <c r="C5273">
        <v>7.2583659999999997</v>
      </c>
      <c r="D5273">
        <f t="shared" si="164"/>
        <v>7.2583659999999996E-3</v>
      </c>
      <c r="E5273" s="6">
        <f t="shared" si="165"/>
        <v>0.21615413948000001</v>
      </c>
    </row>
    <row r="5274" spans="1:5" x14ac:dyDescent="0.25">
      <c r="A5274" s="1">
        <v>43775.541666666664</v>
      </c>
      <c r="B5274" s="2">
        <v>29.89</v>
      </c>
      <c r="C5274">
        <v>6.8360620000000001</v>
      </c>
      <c r="D5274">
        <f t="shared" si="164"/>
        <v>6.8360620000000004E-3</v>
      </c>
      <c r="E5274" s="6">
        <f t="shared" si="165"/>
        <v>0.20432989318000003</v>
      </c>
    </row>
    <row r="5275" spans="1:5" x14ac:dyDescent="0.25">
      <c r="A5275" s="1">
        <v>43775.583333333336</v>
      </c>
      <c r="B5275" s="2">
        <v>27.95</v>
      </c>
      <c r="C5275">
        <v>5.8268779999999998</v>
      </c>
      <c r="D5275">
        <f t="shared" si="164"/>
        <v>5.8268779999999997E-3</v>
      </c>
      <c r="E5275" s="6">
        <f t="shared" si="165"/>
        <v>0.1628612401</v>
      </c>
    </row>
    <row r="5276" spans="1:5" x14ac:dyDescent="0.25">
      <c r="A5276" s="1">
        <v>43775.625</v>
      </c>
      <c r="B5276" s="2">
        <v>28.3</v>
      </c>
      <c r="C5276">
        <v>4.2444430000000004</v>
      </c>
      <c r="D5276">
        <f t="shared" si="164"/>
        <v>4.2444430000000005E-3</v>
      </c>
      <c r="E5276" s="6">
        <f t="shared" si="165"/>
        <v>0.12011773690000002</v>
      </c>
    </row>
    <row r="5277" spans="1:5" x14ac:dyDescent="0.25">
      <c r="A5277" s="1">
        <v>43775.666666666664</v>
      </c>
      <c r="B5277" s="2">
        <v>31.32</v>
      </c>
      <c r="C5277">
        <v>2.0921919999999998</v>
      </c>
      <c r="D5277">
        <f t="shared" si="164"/>
        <v>2.0921919999999997E-3</v>
      </c>
      <c r="E5277" s="6">
        <f t="shared" si="165"/>
        <v>6.5527453439999994E-2</v>
      </c>
    </row>
    <row r="5278" spans="1:5" x14ac:dyDescent="0.25">
      <c r="A5278" s="1">
        <v>43775.708333333336</v>
      </c>
      <c r="B5278" s="2">
        <v>43.99</v>
      </c>
      <c r="C5278">
        <v>0</v>
      </c>
      <c r="D5278">
        <f t="shared" si="164"/>
        <v>0</v>
      </c>
      <c r="E5278" s="6">
        <f t="shared" si="165"/>
        <v>0</v>
      </c>
    </row>
    <row r="5279" spans="1:5" x14ac:dyDescent="0.25">
      <c r="A5279" s="1">
        <v>43775.75</v>
      </c>
      <c r="B5279" s="2">
        <v>40.49</v>
      </c>
      <c r="C5279">
        <v>0</v>
      </c>
      <c r="D5279">
        <f t="shared" si="164"/>
        <v>0</v>
      </c>
      <c r="E5279" s="6">
        <f t="shared" si="165"/>
        <v>0</v>
      </c>
    </row>
    <row r="5280" spans="1:5" x14ac:dyDescent="0.25">
      <c r="A5280" s="1">
        <v>43775.791666666664</v>
      </c>
      <c r="B5280" s="2">
        <v>38.630000000000003</v>
      </c>
      <c r="C5280">
        <v>0</v>
      </c>
      <c r="D5280">
        <f t="shared" si="164"/>
        <v>0</v>
      </c>
      <c r="E5280" s="6">
        <f t="shared" si="165"/>
        <v>0</v>
      </c>
    </row>
    <row r="5281" spans="1:5" x14ac:dyDescent="0.25">
      <c r="A5281" s="1">
        <v>43775.833333333336</v>
      </c>
      <c r="B5281" s="2">
        <v>36.659999999999997</v>
      </c>
      <c r="C5281">
        <v>0</v>
      </c>
      <c r="D5281">
        <f t="shared" si="164"/>
        <v>0</v>
      </c>
      <c r="E5281" s="6">
        <f t="shared" si="165"/>
        <v>0</v>
      </c>
    </row>
    <row r="5282" spans="1:5" x14ac:dyDescent="0.25">
      <c r="A5282" s="1">
        <v>43775.875</v>
      </c>
      <c r="B5282" s="2">
        <v>33.729999999999997</v>
      </c>
      <c r="C5282">
        <v>0</v>
      </c>
      <c r="D5282">
        <f t="shared" si="164"/>
        <v>0</v>
      </c>
      <c r="E5282" s="6">
        <f t="shared" si="165"/>
        <v>0</v>
      </c>
    </row>
    <row r="5283" spans="1:5" x14ac:dyDescent="0.25">
      <c r="A5283" s="1">
        <v>43775.916666666664</v>
      </c>
      <c r="B5283" s="2">
        <v>29.41</v>
      </c>
      <c r="C5283">
        <v>0</v>
      </c>
      <c r="D5283">
        <f t="shared" si="164"/>
        <v>0</v>
      </c>
      <c r="E5283" s="6">
        <f t="shared" si="165"/>
        <v>0</v>
      </c>
    </row>
    <row r="5284" spans="1:5" x14ac:dyDescent="0.25">
      <c r="A5284" s="1">
        <v>43775.958333333336</v>
      </c>
      <c r="B5284" s="2">
        <v>26.87</v>
      </c>
      <c r="C5284">
        <v>0</v>
      </c>
      <c r="D5284">
        <f t="shared" si="164"/>
        <v>0</v>
      </c>
      <c r="E5284" s="6">
        <f t="shared" si="165"/>
        <v>0</v>
      </c>
    </row>
    <row r="5285" spans="1:5" x14ac:dyDescent="0.25">
      <c r="A5285" s="1">
        <v>43776</v>
      </c>
      <c r="B5285" s="2">
        <v>25.86</v>
      </c>
      <c r="C5285">
        <v>0</v>
      </c>
      <c r="D5285">
        <f t="shared" si="164"/>
        <v>0</v>
      </c>
      <c r="E5285" s="6">
        <f t="shared" si="165"/>
        <v>0</v>
      </c>
    </row>
    <row r="5286" spans="1:5" x14ac:dyDescent="0.25">
      <c r="A5286" s="1">
        <v>43776.041666666664</v>
      </c>
      <c r="B5286" s="2">
        <v>25.29</v>
      </c>
      <c r="C5286">
        <v>0</v>
      </c>
      <c r="D5286">
        <f t="shared" si="164"/>
        <v>0</v>
      </c>
      <c r="E5286" s="6">
        <f t="shared" si="165"/>
        <v>0</v>
      </c>
    </row>
    <row r="5287" spans="1:5" x14ac:dyDescent="0.25">
      <c r="A5287" s="1">
        <v>43776.083333333336</v>
      </c>
      <c r="B5287" s="2">
        <v>24.57</v>
      </c>
      <c r="C5287">
        <v>0</v>
      </c>
      <c r="D5287">
        <f t="shared" si="164"/>
        <v>0</v>
      </c>
      <c r="E5287" s="6">
        <f t="shared" si="165"/>
        <v>0</v>
      </c>
    </row>
    <row r="5288" spans="1:5" x14ac:dyDescent="0.25">
      <c r="A5288" s="1">
        <v>43776.125</v>
      </c>
      <c r="B5288" s="2">
        <v>25.33</v>
      </c>
      <c r="C5288">
        <v>0</v>
      </c>
      <c r="D5288">
        <f t="shared" si="164"/>
        <v>0</v>
      </c>
      <c r="E5288" s="6">
        <f t="shared" si="165"/>
        <v>0</v>
      </c>
    </row>
    <row r="5289" spans="1:5" x14ac:dyDescent="0.25">
      <c r="A5289" s="1">
        <v>43776.166666666664</v>
      </c>
      <c r="B5289" s="2">
        <v>27.68</v>
      </c>
      <c r="C5289">
        <v>0</v>
      </c>
      <c r="D5289">
        <f t="shared" si="164"/>
        <v>0</v>
      </c>
      <c r="E5289" s="6">
        <f t="shared" si="165"/>
        <v>0</v>
      </c>
    </row>
    <row r="5290" spans="1:5" x14ac:dyDescent="0.25">
      <c r="A5290" s="1">
        <v>43776.208333333336</v>
      </c>
      <c r="B5290" s="2">
        <v>31.18</v>
      </c>
      <c r="C5290">
        <v>0</v>
      </c>
      <c r="D5290">
        <f t="shared" si="164"/>
        <v>0</v>
      </c>
      <c r="E5290" s="6">
        <f t="shared" si="165"/>
        <v>0</v>
      </c>
    </row>
    <row r="5291" spans="1:5" x14ac:dyDescent="0.25">
      <c r="A5291" s="1">
        <v>43776.25</v>
      </c>
      <c r="B5291" s="2">
        <v>40.57</v>
      </c>
      <c r="C5291">
        <v>0</v>
      </c>
      <c r="D5291">
        <f t="shared" si="164"/>
        <v>0</v>
      </c>
      <c r="E5291" s="6">
        <f t="shared" si="165"/>
        <v>0</v>
      </c>
    </row>
    <row r="5292" spans="1:5" x14ac:dyDescent="0.25">
      <c r="A5292" s="1">
        <v>43776.291666666664</v>
      </c>
      <c r="B5292" s="2">
        <v>41.49</v>
      </c>
      <c r="C5292">
        <v>0.42626199999999997</v>
      </c>
      <c r="D5292">
        <f t="shared" si="164"/>
        <v>4.2626199999999995E-4</v>
      </c>
      <c r="E5292" s="6">
        <f t="shared" si="165"/>
        <v>1.7685610379999998E-2</v>
      </c>
    </row>
    <row r="5293" spans="1:5" x14ac:dyDescent="0.25">
      <c r="A5293" s="1">
        <v>43776.333333333336</v>
      </c>
      <c r="B5293" s="2">
        <v>37.22</v>
      </c>
      <c r="C5293">
        <v>1.8274330000000001</v>
      </c>
      <c r="D5293">
        <f t="shared" si="164"/>
        <v>1.8274330000000001E-3</v>
      </c>
      <c r="E5293" s="6">
        <f t="shared" si="165"/>
        <v>6.801705626E-2</v>
      </c>
    </row>
    <row r="5294" spans="1:5" x14ac:dyDescent="0.25">
      <c r="A5294" s="1">
        <v>43776.375</v>
      </c>
      <c r="B5294" s="2">
        <v>37.21</v>
      </c>
      <c r="C5294">
        <v>3.0371069999999998</v>
      </c>
      <c r="D5294">
        <f t="shared" si="164"/>
        <v>3.0371069999999998E-3</v>
      </c>
      <c r="E5294" s="6">
        <f t="shared" si="165"/>
        <v>0.11301075146999999</v>
      </c>
    </row>
    <row r="5295" spans="1:5" x14ac:dyDescent="0.25">
      <c r="A5295" s="1">
        <v>43776.416666666664</v>
      </c>
      <c r="B5295" s="2">
        <v>38.21</v>
      </c>
      <c r="C5295">
        <v>6.3376260000000002</v>
      </c>
      <c r="D5295">
        <f t="shared" si="164"/>
        <v>6.3376259999999998E-3</v>
      </c>
      <c r="E5295" s="6">
        <f t="shared" si="165"/>
        <v>0.24216068945999999</v>
      </c>
    </row>
    <row r="5296" spans="1:5" x14ac:dyDescent="0.25">
      <c r="A5296" s="1">
        <v>43776.458333333336</v>
      </c>
      <c r="B5296" s="2">
        <v>37.15</v>
      </c>
      <c r="C5296">
        <v>6.9582259999999998</v>
      </c>
      <c r="D5296">
        <f t="shared" si="164"/>
        <v>6.9582259999999996E-3</v>
      </c>
      <c r="E5296" s="6">
        <f t="shared" si="165"/>
        <v>0.2584980959</v>
      </c>
    </row>
    <row r="5297" spans="1:5" x14ac:dyDescent="0.25">
      <c r="A5297" s="1">
        <v>43776.5</v>
      </c>
      <c r="B5297" s="2">
        <v>36.75</v>
      </c>
      <c r="C5297">
        <v>5.1215489999999999</v>
      </c>
      <c r="D5297">
        <f t="shared" si="164"/>
        <v>5.1215489999999995E-3</v>
      </c>
      <c r="E5297" s="6">
        <f t="shared" si="165"/>
        <v>0.18821692574999999</v>
      </c>
    </row>
    <row r="5298" spans="1:5" x14ac:dyDescent="0.25">
      <c r="A5298" s="1">
        <v>43776.541666666664</v>
      </c>
      <c r="B5298" s="2">
        <v>37.549999999999997</v>
      </c>
      <c r="C5298">
        <v>5.2625420000000007</v>
      </c>
      <c r="D5298">
        <f t="shared" si="164"/>
        <v>5.2625420000000011E-3</v>
      </c>
      <c r="E5298" s="6">
        <f t="shared" si="165"/>
        <v>0.19760845210000003</v>
      </c>
    </row>
    <row r="5299" spans="1:5" x14ac:dyDescent="0.25">
      <c r="A5299" s="1">
        <v>43776.583333333336</v>
      </c>
      <c r="B5299" s="2">
        <v>33.56</v>
      </c>
      <c r="C5299">
        <v>4.3837140000000003</v>
      </c>
      <c r="D5299">
        <f t="shared" si="164"/>
        <v>4.3837140000000004E-3</v>
      </c>
      <c r="E5299" s="6">
        <f t="shared" si="165"/>
        <v>0.14711744184000003</v>
      </c>
    </row>
    <row r="5300" spans="1:5" x14ac:dyDescent="0.25">
      <c r="A5300" s="1">
        <v>43776.625</v>
      </c>
      <c r="B5300" s="2">
        <v>33.36</v>
      </c>
      <c r="C5300">
        <v>2.916979</v>
      </c>
      <c r="D5300">
        <f t="shared" si="164"/>
        <v>2.9169790000000001E-3</v>
      </c>
      <c r="E5300" s="6">
        <f t="shared" si="165"/>
        <v>9.7310419440000004E-2</v>
      </c>
    </row>
    <row r="5301" spans="1:5" x14ac:dyDescent="0.25">
      <c r="A5301" s="1">
        <v>43776.666666666664</v>
      </c>
      <c r="B5301" s="2">
        <v>36.56</v>
      </c>
      <c r="C5301">
        <v>1.7645850000000001</v>
      </c>
      <c r="D5301">
        <f t="shared" si="164"/>
        <v>1.7645850000000002E-3</v>
      </c>
      <c r="E5301" s="6">
        <f t="shared" si="165"/>
        <v>6.4513227600000014E-2</v>
      </c>
    </row>
    <row r="5302" spans="1:5" x14ac:dyDescent="0.25">
      <c r="A5302" s="1">
        <v>43776.708333333336</v>
      </c>
      <c r="B5302" s="2">
        <v>47.95</v>
      </c>
      <c r="C5302">
        <v>0</v>
      </c>
      <c r="D5302">
        <f t="shared" si="164"/>
        <v>0</v>
      </c>
      <c r="E5302" s="6">
        <f t="shared" si="165"/>
        <v>0</v>
      </c>
    </row>
    <row r="5303" spans="1:5" x14ac:dyDescent="0.25">
      <c r="A5303" s="1">
        <v>43776.75</v>
      </c>
      <c r="B5303" s="2">
        <v>45.41</v>
      </c>
      <c r="C5303">
        <v>0</v>
      </c>
      <c r="D5303">
        <f t="shared" si="164"/>
        <v>0</v>
      </c>
      <c r="E5303" s="6">
        <f t="shared" si="165"/>
        <v>0</v>
      </c>
    </row>
    <row r="5304" spans="1:5" x14ac:dyDescent="0.25">
      <c r="A5304" s="1">
        <v>43776.791666666664</v>
      </c>
      <c r="B5304" s="2">
        <v>44.87</v>
      </c>
      <c r="C5304">
        <v>0</v>
      </c>
      <c r="D5304">
        <f t="shared" si="164"/>
        <v>0</v>
      </c>
      <c r="E5304" s="6">
        <f t="shared" si="165"/>
        <v>0</v>
      </c>
    </row>
    <row r="5305" spans="1:5" x14ac:dyDescent="0.25">
      <c r="A5305" s="1">
        <v>43776.833333333336</v>
      </c>
      <c r="B5305" s="2">
        <v>43.05</v>
      </c>
      <c r="C5305">
        <v>0</v>
      </c>
      <c r="D5305">
        <f t="shared" si="164"/>
        <v>0</v>
      </c>
      <c r="E5305" s="6">
        <f t="shared" si="165"/>
        <v>0</v>
      </c>
    </row>
    <row r="5306" spans="1:5" x14ac:dyDescent="0.25">
      <c r="A5306" s="1">
        <v>43776.875</v>
      </c>
      <c r="B5306" s="2">
        <v>39.86</v>
      </c>
      <c r="C5306">
        <v>0</v>
      </c>
      <c r="D5306">
        <f t="shared" si="164"/>
        <v>0</v>
      </c>
      <c r="E5306" s="6">
        <f t="shared" si="165"/>
        <v>0</v>
      </c>
    </row>
    <row r="5307" spans="1:5" x14ac:dyDescent="0.25">
      <c r="A5307" s="1">
        <v>43776.916666666664</v>
      </c>
      <c r="B5307" s="2">
        <v>34.35</v>
      </c>
      <c r="C5307">
        <v>0</v>
      </c>
      <c r="D5307">
        <f t="shared" si="164"/>
        <v>0</v>
      </c>
      <c r="E5307" s="6">
        <f t="shared" si="165"/>
        <v>0</v>
      </c>
    </row>
    <row r="5308" spans="1:5" x14ac:dyDescent="0.25">
      <c r="A5308" s="1">
        <v>43776.958333333336</v>
      </c>
      <c r="B5308" s="2">
        <v>29.4</v>
      </c>
      <c r="C5308">
        <v>0</v>
      </c>
      <c r="D5308">
        <f t="shared" si="164"/>
        <v>0</v>
      </c>
      <c r="E5308" s="6">
        <f t="shared" si="165"/>
        <v>0</v>
      </c>
    </row>
    <row r="5309" spans="1:5" x14ac:dyDescent="0.25">
      <c r="A5309" s="1">
        <v>43777</v>
      </c>
      <c r="B5309" s="2">
        <v>27.72</v>
      </c>
      <c r="C5309">
        <v>0</v>
      </c>
      <c r="D5309">
        <f t="shared" si="164"/>
        <v>0</v>
      </c>
      <c r="E5309" s="6">
        <f t="shared" si="165"/>
        <v>0</v>
      </c>
    </row>
    <row r="5310" spans="1:5" x14ac:dyDescent="0.25">
      <c r="A5310" s="1">
        <v>43777.041666666664</v>
      </c>
      <c r="B5310" s="2">
        <v>27.08</v>
      </c>
      <c r="C5310">
        <v>0</v>
      </c>
      <c r="D5310">
        <f t="shared" si="164"/>
        <v>0</v>
      </c>
      <c r="E5310" s="6">
        <f t="shared" si="165"/>
        <v>0</v>
      </c>
    </row>
    <row r="5311" spans="1:5" x14ac:dyDescent="0.25">
      <c r="A5311" s="1">
        <v>43777.083333333336</v>
      </c>
      <c r="B5311" s="2">
        <v>26.29</v>
      </c>
      <c r="C5311">
        <v>0</v>
      </c>
      <c r="D5311">
        <f t="shared" si="164"/>
        <v>0</v>
      </c>
      <c r="E5311" s="6">
        <f t="shared" si="165"/>
        <v>0</v>
      </c>
    </row>
    <row r="5312" spans="1:5" x14ac:dyDescent="0.25">
      <c r="A5312" s="1">
        <v>43777.125</v>
      </c>
      <c r="B5312" s="2">
        <v>27.57</v>
      </c>
      <c r="C5312">
        <v>0</v>
      </c>
      <c r="D5312">
        <f t="shared" si="164"/>
        <v>0</v>
      </c>
      <c r="E5312" s="6">
        <f t="shared" si="165"/>
        <v>0</v>
      </c>
    </row>
    <row r="5313" spans="1:5" x14ac:dyDescent="0.25">
      <c r="A5313" s="1">
        <v>43777.166666666664</v>
      </c>
      <c r="B5313" s="2">
        <v>30.12</v>
      </c>
      <c r="C5313">
        <v>0</v>
      </c>
      <c r="D5313">
        <f t="shared" si="164"/>
        <v>0</v>
      </c>
      <c r="E5313" s="6">
        <f t="shared" si="165"/>
        <v>0</v>
      </c>
    </row>
    <row r="5314" spans="1:5" x14ac:dyDescent="0.25">
      <c r="A5314" s="1">
        <v>43777.208333333336</v>
      </c>
      <c r="B5314" s="2">
        <v>38.25</v>
      </c>
      <c r="C5314">
        <v>0</v>
      </c>
      <c r="D5314">
        <f t="shared" si="164"/>
        <v>0</v>
      </c>
      <c r="E5314" s="6">
        <f t="shared" si="165"/>
        <v>0</v>
      </c>
    </row>
    <row r="5315" spans="1:5" x14ac:dyDescent="0.25">
      <c r="A5315" s="1">
        <v>43777.25</v>
      </c>
      <c r="B5315" s="2">
        <v>47.53</v>
      </c>
      <c r="C5315">
        <v>0</v>
      </c>
      <c r="D5315">
        <f t="shared" si="164"/>
        <v>0</v>
      </c>
      <c r="E5315" s="6">
        <f t="shared" si="165"/>
        <v>0</v>
      </c>
    </row>
    <row r="5316" spans="1:5" x14ac:dyDescent="0.25">
      <c r="A5316" s="1">
        <v>43777.291666666664</v>
      </c>
      <c r="B5316" s="2">
        <v>49.57</v>
      </c>
      <c r="C5316">
        <v>0.16937799999999997</v>
      </c>
      <c r="D5316">
        <f t="shared" si="164"/>
        <v>1.6937799999999998E-4</v>
      </c>
      <c r="E5316" s="6">
        <f t="shared" si="165"/>
        <v>8.3960674599999983E-3</v>
      </c>
    </row>
    <row r="5317" spans="1:5" x14ac:dyDescent="0.25">
      <c r="A5317" s="1">
        <v>43777.333333333336</v>
      </c>
      <c r="B5317" s="2">
        <v>42.86</v>
      </c>
      <c r="C5317">
        <v>1.456701</v>
      </c>
      <c r="D5317">
        <f t="shared" si="164"/>
        <v>1.4567009999999999E-3</v>
      </c>
      <c r="E5317" s="6">
        <f t="shared" si="165"/>
        <v>6.2434204859999995E-2</v>
      </c>
    </row>
    <row r="5318" spans="1:5" x14ac:dyDescent="0.25">
      <c r="A5318" s="1">
        <v>43777.375</v>
      </c>
      <c r="B5318" s="2">
        <v>41.52</v>
      </c>
      <c r="C5318">
        <v>3.7109709999999998</v>
      </c>
      <c r="D5318">
        <f t="shared" ref="D5318:D5381" si="166">C5318/1000</f>
        <v>3.710971E-3</v>
      </c>
      <c r="E5318" s="6">
        <f t="shared" ref="E5318:E5381" si="167">D5318*B5318</f>
        <v>0.15407951592000002</v>
      </c>
    </row>
    <row r="5319" spans="1:5" x14ac:dyDescent="0.25">
      <c r="A5319" s="1">
        <v>43777.416666666664</v>
      </c>
      <c r="B5319" s="2">
        <v>41.41</v>
      </c>
      <c r="C5319">
        <v>3.4700380000000002</v>
      </c>
      <c r="D5319">
        <f t="shared" si="166"/>
        <v>3.4700380000000004E-3</v>
      </c>
      <c r="E5319" s="6">
        <f t="shared" si="167"/>
        <v>0.14369427358</v>
      </c>
    </row>
    <row r="5320" spans="1:5" x14ac:dyDescent="0.25">
      <c r="A5320" s="1">
        <v>43777.458333333336</v>
      </c>
      <c r="B5320" s="2">
        <v>40.56</v>
      </c>
      <c r="C5320">
        <v>5.021496</v>
      </c>
      <c r="D5320">
        <f t="shared" si="166"/>
        <v>5.0214960000000003E-3</v>
      </c>
      <c r="E5320" s="6">
        <f t="shared" si="167"/>
        <v>0.20367187776000004</v>
      </c>
    </row>
    <row r="5321" spans="1:5" x14ac:dyDescent="0.25">
      <c r="A5321" s="1">
        <v>43777.5</v>
      </c>
      <c r="B5321" s="2">
        <v>36.909999999999997</v>
      </c>
      <c r="C5321">
        <v>4.5219019999999999</v>
      </c>
      <c r="D5321">
        <f t="shared" si="166"/>
        <v>4.5219019999999995E-3</v>
      </c>
      <c r="E5321" s="6">
        <f t="shared" si="167"/>
        <v>0.16690340281999996</v>
      </c>
    </row>
    <row r="5322" spans="1:5" x14ac:dyDescent="0.25">
      <c r="A5322" s="1">
        <v>43777.541666666664</v>
      </c>
      <c r="B5322" s="2">
        <v>36.14</v>
      </c>
      <c r="C5322">
        <v>4.3753760000000002</v>
      </c>
      <c r="D5322">
        <f t="shared" si="166"/>
        <v>4.3753760000000003E-3</v>
      </c>
      <c r="E5322" s="6">
        <f t="shared" si="167"/>
        <v>0.15812608864000002</v>
      </c>
    </row>
    <row r="5323" spans="1:5" x14ac:dyDescent="0.25">
      <c r="A5323" s="1">
        <v>43777.583333333336</v>
      </c>
      <c r="B5323" s="2">
        <v>34.04</v>
      </c>
      <c r="C5323">
        <v>3.8983600000000003</v>
      </c>
      <c r="D5323">
        <f t="shared" si="166"/>
        <v>3.8983600000000005E-3</v>
      </c>
      <c r="E5323" s="6">
        <f t="shared" si="167"/>
        <v>0.13270017440000001</v>
      </c>
    </row>
    <row r="5324" spans="1:5" x14ac:dyDescent="0.25">
      <c r="A5324" s="1">
        <v>43777.625</v>
      </c>
      <c r="B5324" s="2">
        <v>34.47</v>
      </c>
      <c r="C5324">
        <v>2.559828</v>
      </c>
      <c r="D5324">
        <f t="shared" si="166"/>
        <v>2.5598280000000001E-3</v>
      </c>
      <c r="E5324" s="6">
        <f t="shared" si="167"/>
        <v>8.8237271160000005E-2</v>
      </c>
    </row>
    <row r="5325" spans="1:5" x14ac:dyDescent="0.25">
      <c r="A5325" s="1">
        <v>43777.666666666664</v>
      </c>
      <c r="B5325" s="2">
        <v>39.1</v>
      </c>
      <c r="C5325">
        <v>0.33053699999999997</v>
      </c>
      <c r="D5325">
        <f t="shared" si="166"/>
        <v>3.30537E-4</v>
      </c>
      <c r="E5325" s="6">
        <f t="shared" si="167"/>
        <v>1.2923996700000001E-2</v>
      </c>
    </row>
    <row r="5326" spans="1:5" x14ac:dyDescent="0.25">
      <c r="A5326" s="1">
        <v>43777.708333333336</v>
      </c>
      <c r="B5326" s="2">
        <v>51.69</v>
      </c>
      <c r="C5326">
        <v>0</v>
      </c>
      <c r="D5326">
        <f t="shared" si="166"/>
        <v>0</v>
      </c>
      <c r="E5326" s="6">
        <f t="shared" si="167"/>
        <v>0</v>
      </c>
    </row>
    <row r="5327" spans="1:5" x14ac:dyDescent="0.25">
      <c r="A5327" s="1">
        <v>43777.75</v>
      </c>
      <c r="B5327" s="2">
        <v>46.89</v>
      </c>
      <c r="C5327">
        <v>0</v>
      </c>
      <c r="D5327">
        <f t="shared" si="166"/>
        <v>0</v>
      </c>
      <c r="E5327" s="6">
        <f t="shared" si="167"/>
        <v>0</v>
      </c>
    </row>
    <row r="5328" spans="1:5" x14ac:dyDescent="0.25">
      <c r="A5328" s="1">
        <v>43777.791666666664</v>
      </c>
      <c r="B5328" s="2">
        <v>43.38</v>
      </c>
      <c r="C5328">
        <v>0</v>
      </c>
      <c r="D5328">
        <f t="shared" si="166"/>
        <v>0</v>
      </c>
      <c r="E5328" s="6">
        <f t="shared" si="167"/>
        <v>0</v>
      </c>
    </row>
    <row r="5329" spans="1:5" x14ac:dyDescent="0.25">
      <c r="A5329" s="1">
        <v>43777.833333333336</v>
      </c>
      <c r="B5329" s="2">
        <v>42.94</v>
      </c>
      <c r="C5329">
        <v>0</v>
      </c>
      <c r="D5329">
        <f t="shared" si="166"/>
        <v>0</v>
      </c>
      <c r="E5329" s="6">
        <f t="shared" si="167"/>
        <v>0</v>
      </c>
    </row>
    <row r="5330" spans="1:5" x14ac:dyDescent="0.25">
      <c r="A5330" s="1">
        <v>43777.875</v>
      </c>
      <c r="B5330" s="2">
        <v>41.08</v>
      </c>
      <c r="C5330">
        <v>0</v>
      </c>
      <c r="D5330">
        <f t="shared" si="166"/>
        <v>0</v>
      </c>
      <c r="E5330" s="6">
        <f t="shared" si="167"/>
        <v>0</v>
      </c>
    </row>
    <row r="5331" spans="1:5" x14ac:dyDescent="0.25">
      <c r="A5331" s="1">
        <v>43777.916666666664</v>
      </c>
      <c r="B5331" s="2">
        <v>36.630000000000003</v>
      </c>
      <c r="C5331">
        <v>0</v>
      </c>
      <c r="D5331">
        <f t="shared" si="166"/>
        <v>0</v>
      </c>
      <c r="E5331" s="6">
        <f t="shared" si="167"/>
        <v>0</v>
      </c>
    </row>
    <row r="5332" spans="1:5" x14ac:dyDescent="0.25">
      <c r="A5332" s="1">
        <v>43777.958333333336</v>
      </c>
      <c r="B5332" s="2">
        <v>31.68</v>
      </c>
      <c r="C5332">
        <v>0</v>
      </c>
      <c r="D5332">
        <f t="shared" si="166"/>
        <v>0</v>
      </c>
      <c r="E5332" s="6">
        <f t="shared" si="167"/>
        <v>0</v>
      </c>
    </row>
    <row r="5333" spans="1:5" x14ac:dyDescent="0.25">
      <c r="A5333" s="1">
        <v>43778</v>
      </c>
      <c r="B5333" s="2">
        <v>37.14</v>
      </c>
      <c r="C5333">
        <v>0</v>
      </c>
      <c r="D5333">
        <f t="shared" si="166"/>
        <v>0</v>
      </c>
      <c r="E5333" s="6">
        <f t="shared" si="167"/>
        <v>0</v>
      </c>
    </row>
    <row r="5334" spans="1:5" x14ac:dyDescent="0.25">
      <c r="A5334" s="1">
        <v>43778.041666666664</v>
      </c>
      <c r="B5334" s="2">
        <v>38.020000000000003</v>
      </c>
      <c r="C5334">
        <v>0</v>
      </c>
      <c r="D5334">
        <f t="shared" si="166"/>
        <v>0</v>
      </c>
      <c r="E5334" s="6">
        <f t="shared" si="167"/>
        <v>0</v>
      </c>
    </row>
    <row r="5335" spans="1:5" x14ac:dyDescent="0.25">
      <c r="A5335" s="1">
        <v>43778.083333333336</v>
      </c>
      <c r="B5335" s="2">
        <v>34.24</v>
      </c>
      <c r="C5335">
        <v>0</v>
      </c>
      <c r="D5335">
        <f t="shared" si="166"/>
        <v>0</v>
      </c>
      <c r="E5335" s="6">
        <f t="shared" si="167"/>
        <v>0</v>
      </c>
    </row>
    <row r="5336" spans="1:5" x14ac:dyDescent="0.25">
      <c r="A5336" s="1">
        <v>43778.125</v>
      </c>
      <c r="B5336" s="2">
        <v>34.4</v>
      </c>
      <c r="C5336">
        <v>0</v>
      </c>
      <c r="D5336">
        <f t="shared" si="166"/>
        <v>0</v>
      </c>
      <c r="E5336" s="6">
        <f t="shared" si="167"/>
        <v>0</v>
      </c>
    </row>
    <row r="5337" spans="1:5" x14ac:dyDescent="0.25">
      <c r="A5337" s="1">
        <v>43778.166666666664</v>
      </c>
      <c r="B5337" s="2">
        <v>36.24</v>
      </c>
      <c r="C5337">
        <v>0</v>
      </c>
      <c r="D5337">
        <f t="shared" si="166"/>
        <v>0</v>
      </c>
      <c r="E5337" s="6">
        <f t="shared" si="167"/>
        <v>0</v>
      </c>
    </row>
    <row r="5338" spans="1:5" x14ac:dyDescent="0.25">
      <c r="A5338" s="1">
        <v>43778.208333333336</v>
      </c>
      <c r="B5338" s="2">
        <v>38.299999999999997</v>
      </c>
      <c r="C5338">
        <v>0</v>
      </c>
      <c r="D5338">
        <f t="shared" si="166"/>
        <v>0</v>
      </c>
      <c r="E5338" s="6">
        <f t="shared" si="167"/>
        <v>0</v>
      </c>
    </row>
    <row r="5339" spans="1:5" x14ac:dyDescent="0.25">
      <c r="A5339" s="1">
        <v>43778.25</v>
      </c>
      <c r="B5339" s="2">
        <v>41.48</v>
      </c>
      <c r="C5339">
        <v>0</v>
      </c>
      <c r="D5339">
        <f t="shared" si="166"/>
        <v>0</v>
      </c>
      <c r="E5339" s="6">
        <f t="shared" si="167"/>
        <v>0</v>
      </c>
    </row>
    <row r="5340" spans="1:5" x14ac:dyDescent="0.25">
      <c r="A5340" s="1">
        <v>43778.291666666664</v>
      </c>
      <c r="B5340" s="2">
        <v>43.76</v>
      </c>
      <c r="C5340">
        <v>0.12651999999999999</v>
      </c>
      <c r="D5340">
        <f t="shared" si="166"/>
        <v>1.2652E-4</v>
      </c>
      <c r="E5340" s="6">
        <f t="shared" si="167"/>
        <v>5.5365151999999997E-3</v>
      </c>
    </row>
    <row r="5341" spans="1:5" x14ac:dyDescent="0.25">
      <c r="A5341" s="1">
        <v>43778.333333333336</v>
      </c>
      <c r="B5341" s="2">
        <v>38.909999999999997</v>
      </c>
      <c r="C5341">
        <v>0.30254899999999996</v>
      </c>
      <c r="D5341">
        <f t="shared" si="166"/>
        <v>3.0254899999999994E-4</v>
      </c>
      <c r="E5341" s="6">
        <f t="shared" si="167"/>
        <v>1.1772181589999996E-2</v>
      </c>
    </row>
    <row r="5342" spans="1:5" x14ac:dyDescent="0.25">
      <c r="A5342" s="1">
        <v>43778.375</v>
      </c>
      <c r="B5342" s="2">
        <v>36.479999999999997</v>
      </c>
      <c r="C5342">
        <v>1.0064629999999999</v>
      </c>
      <c r="D5342">
        <f t="shared" si="166"/>
        <v>1.006463E-3</v>
      </c>
      <c r="E5342" s="6">
        <f t="shared" si="167"/>
        <v>3.6715770239999994E-2</v>
      </c>
    </row>
    <row r="5343" spans="1:5" x14ac:dyDescent="0.25">
      <c r="A5343" s="1">
        <v>43778.416666666664</v>
      </c>
      <c r="B5343" s="2">
        <v>31.64</v>
      </c>
      <c r="C5343">
        <v>2.1008279999999999</v>
      </c>
      <c r="D5343">
        <f t="shared" si="166"/>
        <v>2.1008279999999999E-3</v>
      </c>
      <c r="E5343" s="6">
        <f t="shared" si="167"/>
        <v>6.6470197920000001E-2</v>
      </c>
    </row>
    <row r="5344" spans="1:5" x14ac:dyDescent="0.25">
      <c r="A5344" s="1">
        <v>43778.458333333336</v>
      </c>
      <c r="B5344" s="2">
        <v>28.08</v>
      </c>
      <c r="C5344">
        <v>2.1828820000000002</v>
      </c>
      <c r="D5344">
        <f t="shared" si="166"/>
        <v>2.1828820000000001E-3</v>
      </c>
      <c r="E5344" s="6">
        <f t="shared" si="167"/>
        <v>6.1295326560000002E-2</v>
      </c>
    </row>
    <row r="5345" spans="1:5" x14ac:dyDescent="0.25">
      <c r="A5345" s="1">
        <v>43778.5</v>
      </c>
      <c r="B5345" s="2">
        <v>26.85</v>
      </c>
      <c r="C5345">
        <v>1.5602419999999999</v>
      </c>
      <c r="D5345">
        <f t="shared" si="166"/>
        <v>1.5602419999999999E-3</v>
      </c>
      <c r="E5345" s="6">
        <f t="shared" si="167"/>
        <v>4.1892497699999996E-2</v>
      </c>
    </row>
    <row r="5346" spans="1:5" x14ac:dyDescent="0.25">
      <c r="A5346" s="1">
        <v>43778.541666666664</v>
      </c>
      <c r="B5346" s="2">
        <v>26.7</v>
      </c>
      <c r="C5346">
        <v>1.791018</v>
      </c>
      <c r="D5346">
        <f t="shared" si="166"/>
        <v>1.7910179999999999E-3</v>
      </c>
      <c r="E5346" s="6">
        <f t="shared" si="167"/>
        <v>4.7820180599999998E-2</v>
      </c>
    </row>
    <row r="5347" spans="1:5" x14ac:dyDescent="0.25">
      <c r="A5347" s="1">
        <v>43778.583333333336</v>
      </c>
      <c r="B5347" s="2">
        <v>25.71</v>
      </c>
      <c r="C5347">
        <v>1.2205429999999999</v>
      </c>
      <c r="D5347">
        <f t="shared" si="166"/>
        <v>1.2205429999999999E-3</v>
      </c>
      <c r="E5347" s="6">
        <f t="shared" si="167"/>
        <v>3.1380160529999999E-2</v>
      </c>
    </row>
    <row r="5348" spans="1:5" x14ac:dyDescent="0.25">
      <c r="A5348" s="1">
        <v>43778.625</v>
      </c>
      <c r="B5348" s="2">
        <v>25.59</v>
      </c>
      <c r="C5348">
        <v>0.74684600000000001</v>
      </c>
      <c r="D5348">
        <f t="shared" si="166"/>
        <v>7.4684600000000001E-4</v>
      </c>
      <c r="E5348" s="6">
        <f t="shared" si="167"/>
        <v>1.9111789140000002E-2</v>
      </c>
    </row>
    <row r="5349" spans="1:5" x14ac:dyDescent="0.25">
      <c r="A5349" s="1">
        <v>43778.666666666664</v>
      </c>
      <c r="B5349" s="2">
        <v>27.89</v>
      </c>
      <c r="C5349">
        <v>0.14727600000000002</v>
      </c>
      <c r="D5349">
        <f t="shared" si="166"/>
        <v>1.4727600000000003E-4</v>
      </c>
      <c r="E5349" s="6">
        <f t="shared" si="167"/>
        <v>4.1075276400000006E-3</v>
      </c>
    </row>
    <row r="5350" spans="1:5" x14ac:dyDescent="0.25">
      <c r="A5350" s="1">
        <v>43778.708333333336</v>
      </c>
      <c r="B5350" s="2">
        <v>36.28</v>
      </c>
      <c r="C5350">
        <v>0</v>
      </c>
      <c r="D5350">
        <f t="shared" si="166"/>
        <v>0</v>
      </c>
      <c r="E5350" s="6">
        <f t="shared" si="167"/>
        <v>0</v>
      </c>
    </row>
    <row r="5351" spans="1:5" x14ac:dyDescent="0.25">
      <c r="A5351" s="1">
        <v>43778.75</v>
      </c>
      <c r="B5351" s="2">
        <v>35.130000000000003</v>
      </c>
      <c r="C5351">
        <v>0</v>
      </c>
      <c r="D5351">
        <f t="shared" si="166"/>
        <v>0</v>
      </c>
      <c r="E5351" s="6">
        <f t="shared" si="167"/>
        <v>0</v>
      </c>
    </row>
    <row r="5352" spans="1:5" x14ac:dyDescent="0.25">
      <c r="A5352" s="1">
        <v>43778.791666666664</v>
      </c>
      <c r="B5352" s="2">
        <v>32.32</v>
      </c>
      <c r="C5352">
        <v>0</v>
      </c>
      <c r="D5352">
        <f t="shared" si="166"/>
        <v>0</v>
      </c>
      <c r="E5352" s="6">
        <f t="shared" si="167"/>
        <v>0</v>
      </c>
    </row>
    <row r="5353" spans="1:5" x14ac:dyDescent="0.25">
      <c r="A5353" s="1">
        <v>43778.833333333336</v>
      </c>
      <c r="B5353" s="2">
        <v>31.4</v>
      </c>
      <c r="C5353">
        <v>0</v>
      </c>
      <c r="D5353">
        <f t="shared" si="166"/>
        <v>0</v>
      </c>
      <c r="E5353" s="6">
        <f t="shared" si="167"/>
        <v>0</v>
      </c>
    </row>
    <row r="5354" spans="1:5" x14ac:dyDescent="0.25">
      <c r="A5354" s="1">
        <v>43778.875</v>
      </c>
      <c r="B5354" s="2">
        <v>28.62</v>
      </c>
      <c r="C5354">
        <v>0</v>
      </c>
      <c r="D5354">
        <f t="shared" si="166"/>
        <v>0</v>
      </c>
      <c r="E5354" s="6">
        <f t="shared" si="167"/>
        <v>0</v>
      </c>
    </row>
    <row r="5355" spans="1:5" x14ac:dyDescent="0.25">
      <c r="A5355" s="1">
        <v>43778.916666666664</v>
      </c>
      <c r="B5355" s="2">
        <v>26.15</v>
      </c>
      <c r="C5355">
        <v>0</v>
      </c>
      <c r="D5355">
        <f t="shared" si="166"/>
        <v>0</v>
      </c>
      <c r="E5355" s="6">
        <f t="shared" si="167"/>
        <v>0</v>
      </c>
    </row>
    <row r="5356" spans="1:5" x14ac:dyDescent="0.25">
      <c r="A5356" s="1">
        <v>43778.958333333336</v>
      </c>
      <c r="B5356" s="2">
        <v>25.97</v>
      </c>
      <c r="C5356">
        <v>0</v>
      </c>
      <c r="D5356">
        <f t="shared" si="166"/>
        <v>0</v>
      </c>
      <c r="E5356" s="6">
        <f t="shared" si="167"/>
        <v>0</v>
      </c>
    </row>
    <row r="5357" spans="1:5" x14ac:dyDescent="0.25">
      <c r="A5357" s="1">
        <v>43779</v>
      </c>
      <c r="B5357" s="2">
        <v>26.34</v>
      </c>
      <c r="C5357">
        <v>0</v>
      </c>
      <c r="D5357">
        <f t="shared" si="166"/>
        <v>0</v>
      </c>
      <c r="E5357" s="6">
        <f t="shared" si="167"/>
        <v>0</v>
      </c>
    </row>
    <row r="5358" spans="1:5" x14ac:dyDescent="0.25">
      <c r="A5358" s="1">
        <v>43779.041666666664</v>
      </c>
      <c r="B5358" s="2">
        <v>25.44</v>
      </c>
      <c r="C5358">
        <v>0</v>
      </c>
      <c r="D5358">
        <f t="shared" si="166"/>
        <v>0</v>
      </c>
      <c r="E5358" s="6">
        <f t="shared" si="167"/>
        <v>0</v>
      </c>
    </row>
    <row r="5359" spans="1:5" x14ac:dyDescent="0.25">
      <c r="A5359" s="1">
        <v>43779.083333333336</v>
      </c>
      <c r="B5359" s="2">
        <v>24.86</v>
      </c>
      <c r="C5359">
        <v>0</v>
      </c>
      <c r="D5359">
        <f t="shared" si="166"/>
        <v>0</v>
      </c>
      <c r="E5359" s="6">
        <f t="shared" si="167"/>
        <v>0</v>
      </c>
    </row>
    <row r="5360" spans="1:5" x14ac:dyDescent="0.25">
      <c r="A5360" s="1">
        <v>43779.125</v>
      </c>
      <c r="B5360" s="2">
        <v>24.9</v>
      </c>
      <c r="C5360">
        <v>0</v>
      </c>
      <c r="D5360">
        <f t="shared" si="166"/>
        <v>0</v>
      </c>
      <c r="E5360" s="6">
        <f t="shared" si="167"/>
        <v>0</v>
      </c>
    </row>
    <row r="5361" spans="1:5" x14ac:dyDescent="0.25">
      <c r="A5361" s="1">
        <v>43779.166666666664</v>
      </c>
      <c r="B5361" s="2">
        <v>25.61</v>
      </c>
      <c r="C5361">
        <v>0</v>
      </c>
      <c r="D5361">
        <f t="shared" si="166"/>
        <v>0</v>
      </c>
      <c r="E5361" s="6">
        <f t="shared" si="167"/>
        <v>0</v>
      </c>
    </row>
    <row r="5362" spans="1:5" x14ac:dyDescent="0.25">
      <c r="A5362" s="1">
        <v>43779.208333333336</v>
      </c>
      <c r="B5362" s="2">
        <v>26.89</v>
      </c>
      <c r="C5362">
        <v>0</v>
      </c>
      <c r="D5362">
        <f t="shared" si="166"/>
        <v>0</v>
      </c>
      <c r="E5362" s="6">
        <f t="shared" si="167"/>
        <v>0</v>
      </c>
    </row>
    <row r="5363" spans="1:5" x14ac:dyDescent="0.25">
      <c r="A5363" s="1">
        <v>43779.25</v>
      </c>
      <c r="B5363" s="2">
        <v>27.93</v>
      </c>
      <c r="C5363">
        <v>0</v>
      </c>
      <c r="D5363">
        <f t="shared" si="166"/>
        <v>0</v>
      </c>
      <c r="E5363" s="6">
        <f t="shared" si="167"/>
        <v>0</v>
      </c>
    </row>
    <row r="5364" spans="1:5" x14ac:dyDescent="0.25">
      <c r="A5364" s="1">
        <v>43779.291666666664</v>
      </c>
      <c r="B5364" s="2">
        <v>28.22</v>
      </c>
      <c r="C5364">
        <v>0.43413200000000002</v>
      </c>
      <c r="D5364">
        <f t="shared" si="166"/>
        <v>4.34132E-4</v>
      </c>
      <c r="E5364" s="6">
        <f t="shared" si="167"/>
        <v>1.2251205039999999E-2</v>
      </c>
    </row>
    <row r="5365" spans="1:5" x14ac:dyDescent="0.25">
      <c r="A5365" s="1">
        <v>43779.333333333336</v>
      </c>
      <c r="B5365" s="2">
        <v>26.15</v>
      </c>
      <c r="C5365">
        <v>0.569689</v>
      </c>
      <c r="D5365">
        <f t="shared" si="166"/>
        <v>5.6968899999999996E-4</v>
      </c>
      <c r="E5365" s="6">
        <f t="shared" si="167"/>
        <v>1.4897367349999998E-2</v>
      </c>
    </row>
    <row r="5366" spans="1:5" x14ac:dyDescent="0.25">
      <c r="A5366" s="1">
        <v>43779.375</v>
      </c>
      <c r="B5366" s="2">
        <v>25.8</v>
      </c>
      <c r="C5366">
        <v>0.749803</v>
      </c>
      <c r="D5366">
        <f t="shared" si="166"/>
        <v>7.4980299999999995E-4</v>
      </c>
      <c r="E5366" s="6">
        <f t="shared" si="167"/>
        <v>1.9344917399999998E-2</v>
      </c>
    </row>
    <row r="5367" spans="1:5" x14ac:dyDescent="0.25">
      <c r="A5367" s="1">
        <v>43779.416666666664</v>
      </c>
      <c r="B5367" s="2">
        <v>24.64</v>
      </c>
      <c r="C5367">
        <v>2.3582369999999999</v>
      </c>
      <c r="D5367">
        <f t="shared" si="166"/>
        <v>2.358237E-3</v>
      </c>
      <c r="E5367" s="6">
        <f t="shared" si="167"/>
        <v>5.810695968E-2</v>
      </c>
    </row>
    <row r="5368" spans="1:5" x14ac:dyDescent="0.25">
      <c r="A5368" s="1">
        <v>43779.458333333336</v>
      </c>
      <c r="B5368" s="2">
        <v>23.89</v>
      </c>
      <c r="C5368">
        <v>4.5976970000000001</v>
      </c>
      <c r="D5368">
        <f t="shared" si="166"/>
        <v>4.5976970000000004E-3</v>
      </c>
      <c r="E5368" s="6">
        <f t="shared" si="167"/>
        <v>0.10983898133000002</v>
      </c>
    </row>
    <row r="5369" spans="1:5" x14ac:dyDescent="0.25">
      <c r="A5369" s="1">
        <v>43779.5</v>
      </c>
      <c r="B5369" s="2">
        <v>23.55</v>
      </c>
      <c r="C5369">
        <v>5.2548469999999998</v>
      </c>
      <c r="D5369">
        <f t="shared" si="166"/>
        <v>5.254847E-3</v>
      </c>
      <c r="E5369" s="6">
        <f t="shared" si="167"/>
        <v>0.12375164685000001</v>
      </c>
    </row>
    <row r="5370" spans="1:5" x14ac:dyDescent="0.25">
      <c r="A5370" s="1">
        <v>43779.541666666664</v>
      </c>
      <c r="B5370" s="2">
        <v>23.26</v>
      </c>
      <c r="C5370">
        <v>5.1142299999999992</v>
      </c>
      <c r="D5370">
        <f t="shared" si="166"/>
        <v>5.1142299999999991E-3</v>
      </c>
      <c r="E5370" s="6">
        <f t="shared" si="167"/>
        <v>0.11895698979999998</v>
      </c>
    </row>
    <row r="5371" spans="1:5" x14ac:dyDescent="0.25">
      <c r="A5371" s="1">
        <v>43779.583333333336</v>
      </c>
      <c r="B5371" s="2">
        <v>22.8</v>
      </c>
      <c r="C5371">
        <v>3.721079</v>
      </c>
      <c r="D5371">
        <f t="shared" si="166"/>
        <v>3.721079E-3</v>
      </c>
      <c r="E5371" s="6">
        <f t="shared" si="167"/>
        <v>8.4840601200000004E-2</v>
      </c>
    </row>
    <row r="5372" spans="1:5" x14ac:dyDescent="0.25">
      <c r="A5372" s="1">
        <v>43779.625</v>
      </c>
      <c r="B5372" s="2">
        <v>22.87</v>
      </c>
      <c r="C5372">
        <v>2.495968</v>
      </c>
      <c r="D5372">
        <f t="shared" si="166"/>
        <v>2.4959679999999999E-3</v>
      </c>
      <c r="E5372" s="6">
        <f t="shared" si="167"/>
        <v>5.7082788160000002E-2</v>
      </c>
    </row>
    <row r="5373" spans="1:5" x14ac:dyDescent="0.25">
      <c r="A5373" s="1">
        <v>43779.666666666664</v>
      </c>
      <c r="B5373" s="2">
        <v>24.12</v>
      </c>
      <c r="C5373">
        <v>0.74983</v>
      </c>
      <c r="D5373">
        <f t="shared" si="166"/>
        <v>7.4983000000000005E-4</v>
      </c>
      <c r="E5373" s="6">
        <f t="shared" si="167"/>
        <v>1.8085899600000004E-2</v>
      </c>
    </row>
    <row r="5374" spans="1:5" x14ac:dyDescent="0.25">
      <c r="A5374" s="1">
        <v>43779.708333333336</v>
      </c>
      <c r="B5374" s="2">
        <v>31.99</v>
      </c>
      <c r="C5374">
        <v>0</v>
      </c>
      <c r="D5374">
        <f t="shared" si="166"/>
        <v>0</v>
      </c>
      <c r="E5374" s="6">
        <f t="shared" si="167"/>
        <v>0</v>
      </c>
    </row>
    <row r="5375" spans="1:5" x14ac:dyDescent="0.25">
      <c r="A5375" s="1">
        <v>43779.75</v>
      </c>
      <c r="B5375" s="2">
        <v>29.42</v>
      </c>
      <c r="C5375">
        <v>0</v>
      </c>
      <c r="D5375">
        <f t="shared" si="166"/>
        <v>0</v>
      </c>
      <c r="E5375" s="6">
        <f t="shared" si="167"/>
        <v>0</v>
      </c>
    </row>
    <row r="5376" spans="1:5" x14ac:dyDescent="0.25">
      <c r="A5376" s="1">
        <v>43779.791666666664</v>
      </c>
      <c r="B5376" s="2">
        <v>27.75</v>
      </c>
      <c r="C5376">
        <v>0</v>
      </c>
      <c r="D5376">
        <f t="shared" si="166"/>
        <v>0</v>
      </c>
      <c r="E5376" s="6">
        <f t="shared" si="167"/>
        <v>0</v>
      </c>
    </row>
    <row r="5377" spans="1:5" x14ac:dyDescent="0.25">
      <c r="A5377" s="1">
        <v>43779.833333333336</v>
      </c>
      <c r="B5377" s="2">
        <v>27.04</v>
      </c>
      <c r="C5377">
        <v>0</v>
      </c>
      <c r="D5377">
        <f t="shared" si="166"/>
        <v>0</v>
      </c>
      <c r="E5377" s="6">
        <f t="shared" si="167"/>
        <v>0</v>
      </c>
    </row>
    <row r="5378" spans="1:5" x14ac:dyDescent="0.25">
      <c r="A5378" s="1">
        <v>43779.875</v>
      </c>
      <c r="B5378" s="2">
        <v>25.09</v>
      </c>
      <c r="C5378">
        <v>0</v>
      </c>
      <c r="D5378">
        <f t="shared" si="166"/>
        <v>0</v>
      </c>
      <c r="E5378" s="6">
        <f t="shared" si="167"/>
        <v>0</v>
      </c>
    </row>
    <row r="5379" spans="1:5" x14ac:dyDescent="0.25">
      <c r="A5379" s="1">
        <v>43779.916666666664</v>
      </c>
      <c r="B5379" s="2">
        <v>23.63</v>
      </c>
      <c r="C5379">
        <v>0</v>
      </c>
      <c r="D5379">
        <f t="shared" si="166"/>
        <v>0</v>
      </c>
      <c r="E5379" s="6">
        <f t="shared" si="167"/>
        <v>0</v>
      </c>
    </row>
    <row r="5380" spans="1:5" x14ac:dyDescent="0.25">
      <c r="A5380" s="1">
        <v>43779.958333333336</v>
      </c>
      <c r="B5380" s="2">
        <v>22.88</v>
      </c>
      <c r="C5380">
        <v>0</v>
      </c>
      <c r="D5380">
        <f t="shared" si="166"/>
        <v>0</v>
      </c>
      <c r="E5380" s="6">
        <f t="shared" si="167"/>
        <v>0</v>
      </c>
    </row>
    <row r="5381" spans="1:5" x14ac:dyDescent="0.25">
      <c r="A5381" s="1">
        <v>43780</v>
      </c>
      <c r="B5381" s="2">
        <v>22.53</v>
      </c>
      <c r="C5381">
        <v>0</v>
      </c>
      <c r="D5381">
        <f t="shared" si="166"/>
        <v>0</v>
      </c>
      <c r="E5381" s="6">
        <f t="shared" si="167"/>
        <v>0</v>
      </c>
    </row>
    <row r="5382" spans="1:5" x14ac:dyDescent="0.25">
      <c r="A5382" s="1">
        <v>43780.041666666664</v>
      </c>
      <c r="B5382" s="2">
        <v>22.64</v>
      </c>
      <c r="C5382">
        <v>0</v>
      </c>
      <c r="D5382">
        <f t="shared" ref="D5382:D5445" si="168">C5382/1000</f>
        <v>0</v>
      </c>
      <c r="E5382" s="6">
        <f t="shared" ref="E5382:E5445" si="169">D5382*B5382</f>
        <v>0</v>
      </c>
    </row>
    <row r="5383" spans="1:5" x14ac:dyDescent="0.25">
      <c r="A5383" s="1">
        <v>43780.083333333336</v>
      </c>
      <c r="B5383" s="2">
        <v>22.38</v>
      </c>
      <c r="C5383">
        <v>0</v>
      </c>
      <c r="D5383">
        <f t="shared" si="168"/>
        <v>0</v>
      </c>
      <c r="E5383" s="6">
        <f t="shared" si="169"/>
        <v>0</v>
      </c>
    </row>
    <row r="5384" spans="1:5" x14ac:dyDescent="0.25">
      <c r="A5384" s="1">
        <v>43780.125</v>
      </c>
      <c r="B5384" s="2">
        <v>22.52</v>
      </c>
      <c r="C5384">
        <v>0</v>
      </c>
      <c r="D5384">
        <f t="shared" si="168"/>
        <v>0</v>
      </c>
      <c r="E5384" s="6">
        <f t="shared" si="169"/>
        <v>0</v>
      </c>
    </row>
    <row r="5385" spans="1:5" x14ac:dyDescent="0.25">
      <c r="A5385" s="1">
        <v>43780.166666666664</v>
      </c>
      <c r="B5385" s="2">
        <v>23.75</v>
      </c>
      <c r="C5385">
        <v>0</v>
      </c>
      <c r="D5385">
        <f t="shared" si="168"/>
        <v>0</v>
      </c>
      <c r="E5385" s="6">
        <f t="shared" si="169"/>
        <v>0</v>
      </c>
    </row>
    <row r="5386" spans="1:5" x14ac:dyDescent="0.25">
      <c r="A5386" s="1">
        <v>43780.208333333336</v>
      </c>
      <c r="B5386" s="2">
        <v>25.54</v>
      </c>
      <c r="C5386">
        <v>0</v>
      </c>
      <c r="D5386">
        <f t="shared" si="168"/>
        <v>0</v>
      </c>
      <c r="E5386" s="6">
        <f t="shared" si="169"/>
        <v>0</v>
      </c>
    </row>
    <row r="5387" spans="1:5" x14ac:dyDescent="0.25">
      <c r="A5387" s="1">
        <v>43780.25</v>
      </c>
      <c r="B5387" s="2">
        <v>33.409999999999997</v>
      </c>
      <c r="C5387">
        <v>0</v>
      </c>
      <c r="D5387">
        <f t="shared" si="168"/>
        <v>0</v>
      </c>
      <c r="E5387" s="6">
        <f t="shared" si="169"/>
        <v>0</v>
      </c>
    </row>
    <row r="5388" spans="1:5" x14ac:dyDescent="0.25">
      <c r="A5388" s="1">
        <v>43780.291666666664</v>
      </c>
      <c r="B5388" s="2">
        <v>32.909999999999997</v>
      </c>
      <c r="C5388">
        <v>0.65470000000000006</v>
      </c>
      <c r="D5388">
        <f t="shared" si="168"/>
        <v>6.5470000000000003E-4</v>
      </c>
      <c r="E5388" s="6">
        <f t="shared" si="169"/>
        <v>2.1546177E-2</v>
      </c>
    </row>
    <row r="5389" spans="1:5" x14ac:dyDescent="0.25">
      <c r="A5389" s="1">
        <v>43780.333333333336</v>
      </c>
      <c r="B5389" s="2">
        <v>31.64</v>
      </c>
      <c r="C5389">
        <v>2.8399640000000002</v>
      </c>
      <c r="D5389">
        <f t="shared" si="168"/>
        <v>2.8399639999999999E-3</v>
      </c>
      <c r="E5389" s="6">
        <f t="shared" si="169"/>
        <v>8.9856460959999995E-2</v>
      </c>
    </row>
    <row r="5390" spans="1:5" x14ac:dyDescent="0.25">
      <c r="A5390" s="1">
        <v>43780.375</v>
      </c>
      <c r="B5390" s="2">
        <v>30.65</v>
      </c>
      <c r="C5390">
        <v>4.6920820000000001</v>
      </c>
      <c r="D5390">
        <f t="shared" si="168"/>
        <v>4.6920820000000002E-3</v>
      </c>
      <c r="E5390" s="6">
        <f t="shared" si="169"/>
        <v>0.14381231329999999</v>
      </c>
    </row>
    <row r="5391" spans="1:5" x14ac:dyDescent="0.25">
      <c r="A5391" s="1">
        <v>43780.416666666664</v>
      </c>
      <c r="B5391" s="2">
        <v>30.33</v>
      </c>
      <c r="C5391">
        <v>5.9399930000000003</v>
      </c>
      <c r="D5391">
        <f t="shared" si="168"/>
        <v>5.9399930000000002E-3</v>
      </c>
      <c r="E5391" s="6">
        <f t="shared" si="169"/>
        <v>0.18015998769</v>
      </c>
    </row>
    <row r="5392" spans="1:5" x14ac:dyDescent="0.25">
      <c r="A5392" s="1">
        <v>43780.458333333336</v>
      </c>
      <c r="B5392" s="2">
        <v>28.43</v>
      </c>
      <c r="C5392">
        <v>6.51328</v>
      </c>
      <c r="D5392">
        <f t="shared" si="168"/>
        <v>6.5132799999999998E-3</v>
      </c>
      <c r="E5392" s="6">
        <f t="shared" si="169"/>
        <v>0.1851725504</v>
      </c>
    </row>
    <row r="5393" spans="1:5" x14ac:dyDescent="0.25">
      <c r="A5393" s="1">
        <v>43780.5</v>
      </c>
      <c r="B5393" s="2">
        <v>28.58</v>
      </c>
      <c r="C5393">
        <v>6.6204900000000002</v>
      </c>
      <c r="D5393">
        <f t="shared" si="168"/>
        <v>6.6204900000000006E-3</v>
      </c>
      <c r="E5393" s="6">
        <f t="shared" si="169"/>
        <v>0.1892136042</v>
      </c>
    </row>
    <row r="5394" spans="1:5" x14ac:dyDescent="0.25">
      <c r="A5394" s="1">
        <v>43780.541666666664</v>
      </c>
      <c r="B5394" s="2">
        <v>28.48</v>
      </c>
      <c r="C5394">
        <v>6.2184280000000003</v>
      </c>
      <c r="D5394">
        <f t="shared" si="168"/>
        <v>6.2184280000000007E-3</v>
      </c>
      <c r="E5394" s="6">
        <f t="shared" si="169"/>
        <v>0.17710082944000002</v>
      </c>
    </row>
    <row r="5395" spans="1:5" x14ac:dyDescent="0.25">
      <c r="A5395" s="1">
        <v>43780.583333333336</v>
      </c>
      <c r="B5395" s="2">
        <v>26.89</v>
      </c>
      <c r="C5395">
        <v>5.2474979999999993</v>
      </c>
      <c r="D5395">
        <f t="shared" si="168"/>
        <v>5.2474979999999997E-3</v>
      </c>
      <c r="E5395" s="6">
        <f t="shared" si="169"/>
        <v>0.14110522121999999</v>
      </c>
    </row>
    <row r="5396" spans="1:5" x14ac:dyDescent="0.25">
      <c r="A5396" s="1">
        <v>43780.625</v>
      </c>
      <c r="B5396" s="2">
        <v>26.79</v>
      </c>
      <c r="C5396">
        <v>3.70553</v>
      </c>
      <c r="D5396">
        <f t="shared" si="168"/>
        <v>3.7055299999999998E-3</v>
      </c>
      <c r="E5396" s="6">
        <f t="shared" si="169"/>
        <v>9.9271148699999992E-2</v>
      </c>
    </row>
    <row r="5397" spans="1:5" x14ac:dyDescent="0.25">
      <c r="A5397" s="1">
        <v>43780.666666666664</v>
      </c>
      <c r="B5397" s="2">
        <v>30.39</v>
      </c>
      <c r="C5397">
        <v>1.6750860000000001</v>
      </c>
      <c r="D5397">
        <f t="shared" si="168"/>
        <v>1.6750860000000001E-3</v>
      </c>
      <c r="E5397" s="6">
        <f t="shared" si="169"/>
        <v>5.0905863540000006E-2</v>
      </c>
    </row>
    <row r="5398" spans="1:5" x14ac:dyDescent="0.25">
      <c r="A5398" s="1">
        <v>43780.708333333336</v>
      </c>
      <c r="B5398" s="2">
        <v>37.83</v>
      </c>
      <c r="C5398">
        <v>0</v>
      </c>
      <c r="D5398">
        <f t="shared" si="168"/>
        <v>0</v>
      </c>
      <c r="E5398" s="6">
        <f t="shared" si="169"/>
        <v>0</v>
      </c>
    </row>
    <row r="5399" spans="1:5" x14ac:dyDescent="0.25">
      <c r="A5399" s="1">
        <v>43780.75</v>
      </c>
      <c r="B5399" s="2">
        <v>36.619999999999997</v>
      </c>
      <c r="C5399">
        <v>0</v>
      </c>
      <c r="D5399">
        <f t="shared" si="168"/>
        <v>0</v>
      </c>
      <c r="E5399" s="6">
        <f t="shared" si="169"/>
        <v>0</v>
      </c>
    </row>
    <row r="5400" spans="1:5" x14ac:dyDescent="0.25">
      <c r="A5400" s="1">
        <v>43780.791666666664</v>
      </c>
      <c r="B5400" s="2">
        <v>33.72</v>
      </c>
      <c r="C5400">
        <v>0</v>
      </c>
      <c r="D5400">
        <f t="shared" si="168"/>
        <v>0</v>
      </c>
      <c r="E5400" s="6">
        <f t="shared" si="169"/>
        <v>0</v>
      </c>
    </row>
    <row r="5401" spans="1:5" x14ac:dyDescent="0.25">
      <c r="A5401" s="1">
        <v>43780.833333333336</v>
      </c>
      <c r="B5401" s="2">
        <v>32.43</v>
      </c>
      <c r="C5401">
        <v>0</v>
      </c>
      <c r="D5401">
        <f t="shared" si="168"/>
        <v>0</v>
      </c>
      <c r="E5401" s="6">
        <f t="shared" si="169"/>
        <v>0</v>
      </c>
    </row>
    <row r="5402" spans="1:5" x14ac:dyDescent="0.25">
      <c r="A5402" s="1">
        <v>43780.875</v>
      </c>
      <c r="B5402" s="2">
        <v>28.59</v>
      </c>
      <c r="C5402">
        <v>0</v>
      </c>
      <c r="D5402">
        <f t="shared" si="168"/>
        <v>0</v>
      </c>
      <c r="E5402" s="6">
        <f t="shared" si="169"/>
        <v>0</v>
      </c>
    </row>
    <row r="5403" spans="1:5" x14ac:dyDescent="0.25">
      <c r="A5403" s="1">
        <v>43780.916666666664</v>
      </c>
      <c r="B5403" s="2">
        <v>25.18</v>
      </c>
      <c r="C5403">
        <v>0</v>
      </c>
      <c r="D5403">
        <f t="shared" si="168"/>
        <v>0</v>
      </c>
      <c r="E5403" s="6">
        <f t="shared" si="169"/>
        <v>0</v>
      </c>
    </row>
    <row r="5404" spans="1:5" x14ac:dyDescent="0.25">
      <c r="A5404" s="1">
        <v>43780.958333333336</v>
      </c>
      <c r="B5404" s="2">
        <v>24.05</v>
      </c>
      <c r="C5404">
        <v>0</v>
      </c>
      <c r="D5404">
        <f t="shared" si="168"/>
        <v>0</v>
      </c>
      <c r="E5404" s="6">
        <f t="shared" si="169"/>
        <v>0</v>
      </c>
    </row>
    <row r="5405" spans="1:5" x14ac:dyDescent="0.25">
      <c r="A5405" s="1">
        <v>43781</v>
      </c>
      <c r="B5405" s="2">
        <v>22.83</v>
      </c>
      <c r="C5405">
        <v>0</v>
      </c>
      <c r="D5405">
        <f t="shared" si="168"/>
        <v>0</v>
      </c>
      <c r="E5405" s="6">
        <f t="shared" si="169"/>
        <v>0</v>
      </c>
    </row>
    <row r="5406" spans="1:5" x14ac:dyDescent="0.25">
      <c r="A5406" s="1">
        <v>43781.041666666664</v>
      </c>
      <c r="B5406" s="2">
        <v>22.96</v>
      </c>
      <c r="C5406">
        <v>0</v>
      </c>
      <c r="D5406">
        <f t="shared" si="168"/>
        <v>0</v>
      </c>
      <c r="E5406" s="6">
        <f t="shared" si="169"/>
        <v>0</v>
      </c>
    </row>
    <row r="5407" spans="1:5" x14ac:dyDescent="0.25">
      <c r="A5407" s="1">
        <v>43781.083333333336</v>
      </c>
      <c r="B5407" s="2">
        <v>22.75</v>
      </c>
      <c r="C5407">
        <v>0</v>
      </c>
      <c r="D5407">
        <f t="shared" si="168"/>
        <v>0</v>
      </c>
      <c r="E5407" s="6">
        <f t="shared" si="169"/>
        <v>0</v>
      </c>
    </row>
    <row r="5408" spans="1:5" x14ac:dyDescent="0.25">
      <c r="A5408" s="1">
        <v>43781.125</v>
      </c>
      <c r="B5408" s="2">
        <v>23.24</v>
      </c>
      <c r="C5408">
        <v>0</v>
      </c>
      <c r="D5408">
        <f t="shared" si="168"/>
        <v>0</v>
      </c>
      <c r="E5408" s="6">
        <f t="shared" si="169"/>
        <v>0</v>
      </c>
    </row>
    <row r="5409" spans="1:5" x14ac:dyDescent="0.25">
      <c r="A5409" s="1">
        <v>43781.166666666664</v>
      </c>
      <c r="B5409" s="2">
        <v>24.36</v>
      </c>
      <c r="C5409">
        <v>0</v>
      </c>
      <c r="D5409">
        <f t="shared" si="168"/>
        <v>0</v>
      </c>
      <c r="E5409" s="6">
        <f t="shared" si="169"/>
        <v>0</v>
      </c>
    </row>
    <row r="5410" spans="1:5" x14ac:dyDescent="0.25">
      <c r="A5410" s="1">
        <v>43781.208333333336</v>
      </c>
      <c r="B5410" s="2">
        <v>27.86</v>
      </c>
      <c r="C5410">
        <v>0</v>
      </c>
      <c r="D5410">
        <f t="shared" si="168"/>
        <v>0</v>
      </c>
      <c r="E5410" s="6">
        <f t="shared" si="169"/>
        <v>0</v>
      </c>
    </row>
    <row r="5411" spans="1:5" x14ac:dyDescent="0.25">
      <c r="A5411" s="1">
        <v>43781.25</v>
      </c>
      <c r="B5411" s="2">
        <v>35.700000000000003</v>
      </c>
      <c r="C5411">
        <v>0</v>
      </c>
      <c r="D5411">
        <f t="shared" si="168"/>
        <v>0</v>
      </c>
      <c r="E5411" s="6">
        <f t="shared" si="169"/>
        <v>0</v>
      </c>
    </row>
    <row r="5412" spans="1:5" x14ac:dyDescent="0.25">
      <c r="A5412" s="1">
        <v>43781.291666666664</v>
      </c>
      <c r="B5412" s="2">
        <v>40.19</v>
      </c>
      <c r="C5412">
        <v>0.32972699999999999</v>
      </c>
      <c r="D5412">
        <f t="shared" si="168"/>
        <v>3.2972699999999998E-4</v>
      </c>
      <c r="E5412" s="6">
        <f t="shared" si="169"/>
        <v>1.3251728129999998E-2</v>
      </c>
    </row>
    <row r="5413" spans="1:5" x14ac:dyDescent="0.25">
      <c r="A5413" s="1">
        <v>43781.333333333336</v>
      </c>
      <c r="B5413" s="2">
        <v>36.94</v>
      </c>
      <c r="C5413">
        <v>2.273034</v>
      </c>
      <c r="D5413">
        <f t="shared" si="168"/>
        <v>2.2730340000000002E-3</v>
      </c>
      <c r="E5413" s="6">
        <f t="shared" si="169"/>
        <v>8.3965875960000005E-2</v>
      </c>
    </row>
    <row r="5414" spans="1:5" x14ac:dyDescent="0.25">
      <c r="A5414" s="1">
        <v>43781.375</v>
      </c>
      <c r="B5414" s="2">
        <v>37.69</v>
      </c>
      <c r="C5414">
        <v>2.299893</v>
      </c>
      <c r="D5414">
        <f t="shared" si="168"/>
        <v>2.2998929999999999E-3</v>
      </c>
      <c r="E5414" s="6">
        <f t="shared" si="169"/>
        <v>8.6682967169999986E-2</v>
      </c>
    </row>
    <row r="5415" spans="1:5" x14ac:dyDescent="0.25">
      <c r="A5415" s="1">
        <v>43781.416666666664</v>
      </c>
      <c r="B5415" s="2">
        <v>40.380000000000003</v>
      </c>
      <c r="C5415">
        <v>5.4030510000000005</v>
      </c>
      <c r="D5415">
        <f t="shared" si="168"/>
        <v>5.4030510000000007E-3</v>
      </c>
      <c r="E5415" s="6">
        <f t="shared" si="169"/>
        <v>0.21817519938000005</v>
      </c>
    </row>
    <row r="5416" spans="1:5" x14ac:dyDescent="0.25">
      <c r="A5416" s="1">
        <v>43781.458333333336</v>
      </c>
      <c r="B5416" s="2">
        <v>38.79</v>
      </c>
      <c r="C5416">
        <v>3.8301419999999999</v>
      </c>
      <c r="D5416">
        <f t="shared" si="168"/>
        <v>3.8301419999999999E-3</v>
      </c>
      <c r="E5416" s="6">
        <f t="shared" si="169"/>
        <v>0.14857120818</v>
      </c>
    </row>
    <row r="5417" spans="1:5" x14ac:dyDescent="0.25">
      <c r="A5417" s="1">
        <v>43781.5</v>
      </c>
      <c r="B5417" s="2">
        <v>38.56</v>
      </c>
      <c r="C5417">
        <v>3.466113</v>
      </c>
      <c r="D5417">
        <f t="shared" si="168"/>
        <v>3.4661129999999998E-3</v>
      </c>
      <c r="E5417" s="6">
        <f t="shared" si="169"/>
        <v>0.13365331727999999</v>
      </c>
    </row>
    <row r="5418" spans="1:5" x14ac:dyDescent="0.25">
      <c r="A5418" s="1">
        <v>43781.541666666664</v>
      </c>
      <c r="B5418" s="2">
        <v>38.75</v>
      </c>
      <c r="C5418">
        <v>2.1839219999999999</v>
      </c>
      <c r="D5418">
        <f t="shared" si="168"/>
        <v>2.183922E-3</v>
      </c>
      <c r="E5418" s="6">
        <f t="shared" si="169"/>
        <v>8.4626977500000006E-2</v>
      </c>
    </row>
    <row r="5419" spans="1:5" x14ac:dyDescent="0.25">
      <c r="A5419" s="1">
        <v>43781.583333333336</v>
      </c>
      <c r="B5419" s="2">
        <v>36.21</v>
      </c>
      <c r="C5419">
        <v>3.8066999999999998</v>
      </c>
      <c r="D5419">
        <f t="shared" si="168"/>
        <v>3.8066999999999997E-3</v>
      </c>
      <c r="E5419" s="6">
        <f t="shared" si="169"/>
        <v>0.137840607</v>
      </c>
    </row>
    <row r="5420" spans="1:5" x14ac:dyDescent="0.25">
      <c r="A5420" s="1">
        <v>43781.625</v>
      </c>
      <c r="B5420" s="2">
        <v>38.51</v>
      </c>
      <c r="C5420">
        <v>2.601121</v>
      </c>
      <c r="D5420">
        <f t="shared" si="168"/>
        <v>2.6011210000000001E-3</v>
      </c>
      <c r="E5420" s="6">
        <f t="shared" si="169"/>
        <v>0.10016916970999999</v>
      </c>
    </row>
    <row r="5421" spans="1:5" x14ac:dyDescent="0.25">
      <c r="A5421" s="1">
        <v>43781.666666666664</v>
      </c>
      <c r="B5421" s="2">
        <v>41.46</v>
      </c>
      <c r="C5421">
        <v>1.0532699999999999</v>
      </c>
      <c r="D5421">
        <f t="shared" si="168"/>
        <v>1.05327E-3</v>
      </c>
      <c r="E5421" s="6">
        <f t="shared" si="169"/>
        <v>4.3668574200000004E-2</v>
      </c>
    </row>
    <row r="5422" spans="1:5" x14ac:dyDescent="0.25">
      <c r="A5422" s="1">
        <v>43781.708333333336</v>
      </c>
      <c r="B5422" s="2">
        <v>55.32</v>
      </c>
      <c r="C5422">
        <v>0</v>
      </c>
      <c r="D5422">
        <f t="shared" si="168"/>
        <v>0</v>
      </c>
      <c r="E5422" s="6">
        <f t="shared" si="169"/>
        <v>0</v>
      </c>
    </row>
    <row r="5423" spans="1:5" x14ac:dyDescent="0.25">
      <c r="A5423" s="1">
        <v>43781.75</v>
      </c>
      <c r="B5423" s="2">
        <v>60.02</v>
      </c>
      <c r="C5423">
        <v>0</v>
      </c>
      <c r="D5423">
        <f t="shared" si="168"/>
        <v>0</v>
      </c>
      <c r="E5423" s="6">
        <f t="shared" si="169"/>
        <v>0</v>
      </c>
    </row>
    <row r="5424" spans="1:5" x14ac:dyDescent="0.25">
      <c r="A5424" s="1">
        <v>43781.791666666664</v>
      </c>
      <c r="B5424" s="2">
        <v>55.71</v>
      </c>
      <c r="C5424">
        <v>0</v>
      </c>
      <c r="D5424">
        <f t="shared" si="168"/>
        <v>0</v>
      </c>
      <c r="E5424" s="6">
        <f t="shared" si="169"/>
        <v>0</v>
      </c>
    </row>
    <row r="5425" spans="1:5" x14ac:dyDescent="0.25">
      <c r="A5425" s="1">
        <v>43781.833333333336</v>
      </c>
      <c r="B5425" s="2">
        <v>54.83</v>
      </c>
      <c r="C5425">
        <v>0</v>
      </c>
      <c r="D5425">
        <f t="shared" si="168"/>
        <v>0</v>
      </c>
      <c r="E5425" s="6">
        <f t="shared" si="169"/>
        <v>0</v>
      </c>
    </row>
    <row r="5426" spans="1:5" x14ac:dyDescent="0.25">
      <c r="A5426" s="1">
        <v>43781.875</v>
      </c>
      <c r="B5426" s="2">
        <v>48.87</v>
      </c>
      <c r="C5426">
        <v>0</v>
      </c>
      <c r="D5426">
        <f t="shared" si="168"/>
        <v>0</v>
      </c>
      <c r="E5426" s="6">
        <f t="shared" si="169"/>
        <v>0</v>
      </c>
    </row>
    <row r="5427" spans="1:5" x14ac:dyDescent="0.25">
      <c r="A5427" s="1">
        <v>43781.916666666664</v>
      </c>
      <c r="B5427" s="2">
        <v>43.24</v>
      </c>
      <c r="C5427">
        <v>0</v>
      </c>
      <c r="D5427">
        <f t="shared" si="168"/>
        <v>0</v>
      </c>
      <c r="E5427" s="6">
        <f t="shared" si="169"/>
        <v>0</v>
      </c>
    </row>
    <row r="5428" spans="1:5" x14ac:dyDescent="0.25">
      <c r="A5428" s="1">
        <v>43781.958333333336</v>
      </c>
      <c r="B5428" s="2">
        <v>39.83</v>
      </c>
      <c r="C5428">
        <v>0</v>
      </c>
      <c r="D5428">
        <f t="shared" si="168"/>
        <v>0</v>
      </c>
      <c r="E5428" s="6">
        <f t="shared" si="169"/>
        <v>0</v>
      </c>
    </row>
    <row r="5429" spans="1:5" x14ac:dyDescent="0.25">
      <c r="A5429" s="1">
        <v>43782</v>
      </c>
      <c r="B5429" s="2">
        <v>43.5</v>
      </c>
      <c r="C5429">
        <v>0</v>
      </c>
      <c r="D5429">
        <f t="shared" si="168"/>
        <v>0</v>
      </c>
      <c r="E5429" s="6">
        <f t="shared" si="169"/>
        <v>0</v>
      </c>
    </row>
    <row r="5430" spans="1:5" x14ac:dyDescent="0.25">
      <c r="A5430" s="1">
        <v>43782.041666666664</v>
      </c>
      <c r="B5430" s="2">
        <v>42.82</v>
      </c>
      <c r="C5430">
        <v>0</v>
      </c>
      <c r="D5430">
        <f t="shared" si="168"/>
        <v>0</v>
      </c>
      <c r="E5430" s="6">
        <f t="shared" si="169"/>
        <v>0</v>
      </c>
    </row>
    <row r="5431" spans="1:5" x14ac:dyDescent="0.25">
      <c r="A5431" s="1">
        <v>43782.083333333336</v>
      </c>
      <c r="B5431" s="2">
        <v>42.48</v>
      </c>
      <c r="C5431">
        <v>0</v>
      </c>
      <c r="D5431">
        <f t="shared" si="168"/>
        <v>0</v>
      </c>
      <c r="E5431" s="6">
        <f t="shared" si="169"/>
        <v>0</v>
      </c>
    </row>
    <row r="5432" spans="1:5" x14ac:dyDescent="0.25">
      <c r="A5432" s="1">
        <v>43782.125</v>
      </c>
      <c r="B5432" s="2">
        <v>45.33</v>
      </c>
      <c r="C5432">
        <v>0</v>
      </c>
      <c r="D5432">
        <f t="shared" si="168"/>
        <v>0</v>
      </c>
      <c r="E5432" s="6">
        <f t="shared" si="169"/>
        <v>0</v>
      </c>
    </row>
    <row r="5433" spans="1:5" x14ac:dyDescent="0.25">
      <c r="A5433" s="1">
        <v>43782.166666666664</v>
      </c>
      <c r="B5433" s="2">
        <v>50.28</v>
      </c>
      <c r="C5433">
        <v>0</v>
      </c>
      <c r="D5433">
        <f t="shared" si="168"/>
        <v>0</v>
      </c>
      <c r="E5433" s="6">
        <f t="shared" si="169"/>
        <v>0</v>
      </c>
    </row>
    <row r="5434" spans="1:5" x14ac:dyDescent="0.25">
      <c r="A5434" s="1">
        <v>43782.208333333336</v>
      </c>
      <c r="B5434" s="2">
        <v>62.18</v>
      </c>
      <c r="C5434">
        <v>0</v>
      </c>
      <c r="D5434">
        <f t="shared" si="168"/>
        <v>0</v>
      </c>
      <c r="E5434" s="6">
        <f t="shared" si="169"/>
        <v>0</v>
      </c>
    </row>
    <row r="5435" spans="1:5" x14ac:dyDescent="0.25">
      <c r="A5435" s="1">
        <v>43782.25</v>
      </c>
      <c r="B5435" s="2">
        <v>104.89</v>
      </c>
      <c r="C5435">
        <v>0</v>
      </c>
      <c r="D5435">
        <f t="shared" si="168"/>
        <v>0</v>
      </c>
      <c r="E5435" s="6">
        <f t="shared" si="169"/>
        <v>0</v>
      </c>
    </row>
    <row r="5436" spans="1:5" x14ac:dyDescent="0.25">
      <c r="A5436" s="1">
        <v>43782.291666666664</v>
      </c>
      <c r="B5436" s="2">
        <v>94.24</v>
      </c>
      <c r="C5436">
        <v>6.6235000000000002E-2</v>
      </c>
      <c r="D5436">
        <f t="shared" si="168"/>
        <v>6.6235000000000005E-5</v>
      </c>
      <c r="E5436" s="6">
        <f t="shared" si="169"/>
        <v>6.2419863999999999E-3</v>
      </c>
    </row>
    <row r="5437" spans="1:5" x14ac:dyDescent="0.25">
      <c r="A5437" s="1">
        <v>43782.333333333336</v>
      </c>
      <c r="B5437" s="2">
        <v>60.25</v>
      </c>
      <c r="C5437">
        <v>0.91192600000000001</v>
      </c>
      <c r="D5437">
        <f t="shared" si="168"/>
        <v>9.1192599999999997E-4</v>
      </c>
      <c r="E5437" s="6">
        <f t="shared" si="169"/>
        <v>5.4943541499999998E-2</v>
      </c>
    </row>
    <row r="5438" spans="1:5" x14ac:dyDescent="0.25">
      <c r="A5438" s="1">
        <v>43782.375</v>
      </c>
      <c r="B5438" s="2">
        <v>48.78</v>
      </c>
      <c r="C5438">
        <v>0.57768799999999998</v>
      </c>
      <c r="D5438">
        <f t="shared" si="168"/>
        <v>5.7768800000000003E-4</v>
      </c>
      <c r="E5438" s="6">
        <f t="shared" si="169"/>
        <v>2.8179620640000003E-2</v>
      </c>
    </row>
    <row r="5439" spans="1:5" x14ac:dyDescent="0.25">
      <c r="A5439" s="1">
        <v>43782.416666666664</v>
      </c>
      <c r="B5439" s="2">
        <v>47.89</v>
      </c>
      <c r="C5439">
        <v>0.28151199999999998</v>
      </c>
      <c r="D5439">
        <f t="shared" si="168"/>
        <v>2.8151199999999998E-4</v>
      </c>
      <c r="E5439" s="6">
        <f t="shared" si="169"/>
        <v>1.3481609679999999E-2</v>
      </c>
    </row>
    <row r="5440" spans="1:5" x14ac:dyDescent="0.25">
      <c r="A5440" s="1">
        <v>43782.458333333336</v>
      </c>
      <c r="B5440" s="2">
        <v>41.89</v>
      </c>
      <c r="C5440">
        <v>0.27333400000000002</v>
      </c>
      <c r="D5440">
        <f t="shared" si="168"/>
        <v>2.7333400000000002E-4</v>
      </c>
      <c r="E5440" s="6">
        <f t="shared" si="169"/>
        <v>1.1449961260000001E-2</v>
      </c>
    </row>
    <row r="5441" spans="1:5" x14ac:dyDescent="0.25">
      <c r="A5441" s="1">
        <v>43782.5</v>
      </c>
      <c r="B5441" s="2">
        <v>39.61</v>
      </c>
      <c r="C5441">
        <v>0.219108</v>
      </c>
      <c r="D5441">
        <f t="shared" si="168"/>
        <v>2.19108E-4</v>
      </c>
      <c r="E5441" s="6">
        <f t="shared" si="169"/>
        <v>8.6788678799999998E-3</v>
      </c>
    </row>
    <row r="5442" spans="1:5" x14ac:dyDescent="0.25">
      <c r="A5442" s="1">
        <v>43782.541666666664</v>
      </c>
      <c r="B5442" s="2">
        <v>39.61</v>
      </c>
      <c r="C5442">
        <v>2.020108</v>
      </c>
      <c r="D5442">
        <f t="shared" si="168"/>
        <v>2.0201080000000001E-3</v>
      </c>
      <c r="E5442" s="6">
        <f t="shared" si="169"/>
        <v>8.0016477880000006E-2</v>
      </c>
    </row>
    <row r="5443" spans="1:5" x14ac:dyDescent="0.25">
      <c r="A5443" s="1">
        <v>43782.583333333336</v>
      </c>
      <c r="B5443" s="2">
        <v>36.340000000000003</v>
      </c>
      <c r="C5443">
        <v>0.57857799999999993</v>
      </c>
      <c r="D5443">
        <f t="shared" si="168"/>
        <v>5.7857799999999995E-4</v>
      </c>
      <c r="E5443" s="6">
        <f t="shared" si="169"/>
        <v>2.1025524520000002E-2</v>
      </c>
    </row>
    <row r="5444" spans="1:5" x14ac:dyDescent="0.25">
      <c r="A5444" s="1">
        <v>43782.625</v>
      </c>
      <c r="B5444" s="2">
        <v>38.06</v>
      </c>
      <c r="C5444">
        <v>0.77919500000000008</v>
      </c>
      <c r="D5444">
        <f t="shared" si="168"/>
        <v>7.791950000000001E-4</v>
      </c>
      <c r="E5444" s="6">
        <f t="shared" si="169"/>
        <v>2.9656161700000006E-2</v>
      </c>
    </row>
    <row r="5445" spans="1:5" x14ac:dyDescent="0.25">
      <c r="A5445" s="1">
        <v>43782.666666666664</v>
      </c>
      <c r="B5445" s="2">
        <v>43.3</v>
      </c>
      <c r="C5445">
        <v>0.100176</v>
      </c>
      <c r="D5445">
        <f t="shared" si="168"/>
        <v>1.00176E-4</v>
      </c>
      <c r="E5445" s="6">
        <f t="shared" si="169"/>
        <v>4.3376207999999998E-3</v>
      </c>
    </row>
    <row r="5446" spans="1:5" x14ac:dyDescent="0.25">
      <c r="A5446" s="1">
        <v>43782.708333333336</v>
      </c>
      <c r="B5446" s="2">
        <v>57.04</v>
      </c>
      <c r="C5446">
        <v>0</v>
      </c>
      <c r="D5446">
        <f t="shared" ref="D5446:D5509" si="170">C5446/1000</f>
        <v>0</v>
      </c>
      <c r="E5446" s="6">
        <f t="shared" ref="E5446:E5509" si="171">D5446*B5446</f>
        <v>0</v>
      </c>
    </row>
    <row r="5447" spans="1:5" x14ac:dyDescent="0.25">
      <c r="A5447" s="1">
        <v>43782.75</v>
      </c>
      <c r="B5447" s="2">
        <v>54.97</v>
      </c>
      <c r="C5447">
        <v>0</v>
      </c>
      <c r="D5447">
        <f t="shared" si="170"/>
        <v>0</v>
      </c>
      <c r="E5447" s="6">
        <f t="shared" si="171"/>
        <v>0</v>
      </c>
    </row>
    <row r="5448" spans="1:5" x14ac:dyDescent="0.25">
      <c r="A5448" s="1">
        <v>43782.791666666664</v>
      </c>
      <c r="B5448" s="2">
        <v>53.76</v>
      </c>
      <c r="C5448">
        <v>0</v>
      </c>
      <c r="D5448">
        <f t="shared" si="170"/>
        <v>0</v>
      </c>
      <c r="E5448" s="6">
        <f t="shared" si="171"/>
        <v>0</v>
      </c>
    </row>
    <row r="5449" spans="1:5" x14ac:dyDescent="0.25">
      <c r="A5449" s="1">
        <v>43782.833333333336</v>
      </c>
      <c r="B5449" s="2">
        <v>49.78</v>
      </c>
      <c r="C5449">
        <v>0</v>
      </c>
      <c r="D5449">
        <f t="shared" si="170"/>
        <v>0</v>
      </c>
      <c r="E5449" s="6">
        <f t="shared" si="171"/>
        <v>0</v>
      </c>
    </row>
    <row r="5450" spans="1:5" x14ac:dyDescent="0.25">
      <c r="A5450" s="1">
        <v>43782.875</v>
      </c>
      <c r="B5450" s="2">
        <v>45.19</v>
      </c>
      <c r="C5450">
        <v>0</v>
      </c>
      <c r="D5450">
        <f t="shared" si="170"/>
        <v>0</v>
      </c>
      <c r="E5450" s="6">
        <f t="shared" si="171"/>
        <v>0</v>
      </c>
    </row>
    <row r="5451" spans="1:5" x14ac:dyDescent="0.25">
      <c r="A5451" s="1">
        <v>43782.916666666664</v>
      </c>
      <c r="B5451" s="2">
        <v>39.700000000000003</v>
      </c>
      <c r="C5451">
        <v>0</v>
      </c>
      <c r="D5451">
        <f t="shared" si="170"/>
        <v>0</v>
      </c>
      <c r="E5451" s="6">
        <f t="shared" si="171"/>
        <v>0</v>
      </c>
    </row>
    <row r="5452" spans="1:5" x14ac:dyDescent="0.25">
      <c r="A5452" s="1">
        <v>43782.958333333336</v>
      </c>
      <c r="B5452" s="2">
        <v>36.99</v>
      </c>
      <c r="C5452">
        <v>0</v>
      </c>
      <c r="D5452">
        <f t="shared" si="170"/>
        <v>0</v>
      </c>
      <c r="E5452" s="6">
        <f t="shared" si="171"/>
        <v>0</v>
      </c>
    </row>
    <row r="5453" spans="1:5" x14ac:dyDescent="0.25">
      <c r="A5453" s="1">
        <v>43783</v>
      </c>
      <c r="B5453" s="2">
        <v>37.86</v>
      </c>
      <c r="C5453">
        <v>0</v>
      </c>
      <c r="D5453">
        <f t="shared" si="170"/>
        <v>0</v>
      </c>
      <c r="E5453" s="6">
        <f t="shared" si="171"/>
        <v>0</v>
      </c>
    </row>
    <row r="5454" spans="1:5" x14ac:dyDescent="0.25">
      <c r="A5454" s="1">
        <v>43783.041666666664</v>
      </c>
      <c r="B5454" s="2">
        <v>37.75</v>
      </c>
      <c r="C5454">
        <v>0</v>
      </c>
      <c r="D5454">
        <f t="shared" si="170"/>
        <v>0</v>
      </c>
      <c r="E5454" s="6">
        <f t="shared" si="171"/>
        <v>0</v>
      </c>
    </row>
    <row r="5455" spans="1:5" x14ac:dyDescent="0.25">
      <c r="A5455" s="1">
        <v>43783.083333333336</v>
      </c>
      <c r="B5455" s="2">
        <v>36.76</v>
      </c>
      <c r="C5455">
        <v>0</v>
      </c>
      <c r="D5455">
        <f t="shared" si="170"/>
        <v>0</v>
      </c>
      <c r="E5455" s="6">
        <f t="shared" si="171"/>
        <v>0</v>
      </c>
    </row>
    <row r="5456" spans="1:5" x14ac:dyDescent="0.25">
      <c r="A5456" s="1">
        <v>43783.125</v>
      </c>
      <c r="B5456" s="2">
        <v>37.64</v>
      </c>
      <c r="C5456">
        <v>0</v>
      </c>
      <c r="D5456">
        <f t="shared" si="170"/>
        <v>0</v>
      </c>
      <c r="E5456" s="6">
        <f t="shared" si="171"/>
        <v>0</v>
      </c>
    </row>
    <row r="5457" spans="1:5" x14ac:dyDescent="0.25">
      <c r="A5457" s="1">
        <v>43783.166666666664</v>
      </c>
      <c r="B5457" s="2">
        <v>39.28</v>
      </c>
      <c r="C5457">
        <v>0</v>
      </c>
      <c r="D5457">
        <f t="shared" si="170"/>
        <v>0</v>
      </c>
      <c r="E5457" s="6">
        <f t="shared" si="171"/>
        <v>0</v>
      </c>
    </row>
    <row r="5458" spans="1:5" x14ac:dyDescent="0.25">
      <c r="A5458" s="1">
        <v>43783.208333333336</v>
      </c>
      <c r="B5458" s="2">
        <v>47.11</v>
      </c>
      <c r="C5458">
        <v>0</v>
      </c>
      <c r="D5458">
        <f t="shared" si="170"/>
        <v>0</v>
      </c>
      <c r="E5458" s="6">
        <f t="shared" si="171"/>
        <v>0</v>
      </c>
    </row>
    <row r="5459" spans="1:5" x14ac:dyDescent="0.25">
      <c r="A5459" s="1">
        <v>43783.25</v>
      </c>
      <c r="B5459" s="2">
        <v>103.21</v>
      </c>
      <c r="C5459">
        <v>0</v>
      </c>
      <c r="D5459">
        <f t="shared" si="170"/>
        <v>0</v>
      </c>
      <c r="E5459" s="6">
        <f t="shared" si="171"/>
        <v>0</v>
      </c>
    </row>
    <row r="5460" spans="1:5" x14ac:dyDescent="0.25">
      <c r="A5460" s="1">
        <v>43783.291666666664</v>
      </c>
      <c r="B5460" s="2">
        <v>87.23</v>
      </c>
      <c r="C5460">
        <v>0.280804</v>
      </c>
      <c r="D5460">
        <f t="shared" si="170"/>
        <v>2.80804E-4</v>
      </c>
      <c r="E5460" s="6">
        <f t="shared" si="171"/>
        <v>2.4494532920000003E-2</v>
      </c>
    </row>
    <row r="5461" spans="1:5" x14ac:dyDescent="0.25">
      <c r="A5461" s="1">
        <v>43783.333333333336</v>
      </c>
      <c r="B5461" s="2">
        <v>56.7</v>
      </c>
      <c r="C5461">
        <v>3.3500000000000001E-4</v>
      </c>
      <c r="D5461">
        <f t="shared" si="170"/>
        <v>3.3500000000000002E-7</v>
      </c>
      <c r="E5461" s="6">
        <f t="shared" si="171"/>
        <v>1.8994500000000003E-5</v>
      </c>
    </row>
    <row r="5462" spans="1:5" x14ac:dyDescent="0.25">
      <c r="A5462" s="1">
        <v>43783.375</v>
      </c>
      <c r="B5462" s="2">
        <v>44.81</v>
      </c>
      <c r="C5462">
        <v>0.93216700000000008</v>
      </c>
      <c r="D5462">
        <f t="shared" si="170"/>
        <v>9.3216700000000013E-4</v>
      </c>
      <c r="E5462" s="6">
        <f t="shared" si="171"/>
        <v>4.1770403270000006E-2</v>
      </c>
    </row>
    <row r="5463" spans="1:5" x14ac:dyDescent="0.25">
      <c r="A5463" s="1">
        <v>43783.416666666664</v>
      </c>
      <c r="B5463" s="2">
        <v>38.67</v>
      </c>
      <c r="C5463">
        <v>0.84287599999999996</v>
      </c>
      <c r="D5463">
        <f t="shared" si="170"/>
        <v>8.42876E-4</v>
      </c>
      <c r="E5463" s="6">
        <f t="shared" si="171"/>
        <v>3.2594014920000004E-2</v>
      </c>
    </row>
    <row r="5464" spans="1:5" x14ac:dyDescent="0.25">
      <c r="A5464" s="1">
        <v>43783.458333333336</v>
      </c>
      <c r="B5464" s="2">
        <v>34.69</v>
      </c>
      <c r="C5464">
        <v>2.0020500000000001</v>
      </c>
      <c r="D5464">
        <f t="shared" si="170"/>
        <v>2.00205E-3</v>
      </c>
      <c r="E5464" s="6">
        <f t="shared" si="171"/>
        <v>6.9451114499999994E-2</v>
      </c>
    </row>
    <row r="5465" spans="1:5" x14ac:dyDescent="0.25">
      <c r="A5465" s="1">
        <v>43783.5</v>
      </c>
      <c r="B5465" s="2">
        <v>31.12</v>
      </c>
      <c r="C5465">
        <v>2.8405390000000001</v>
      </c>
      <c r="D5465">
        <f t="shared" si="170"/>
        <v>2.840539E-3</v>
      </c>
      <c r="E5465" s="6">
        <f t="shared" si="171"/>
        <v>8.8397573680000008E-2</v>
      </c>
    </row>
    <row r="5466" spans="1:5" x14ac:dyDescent="0.25">
      <c r="A5466" s="1">
        <v>43783.541666666664</v>
      </c>
      <c r="B5466" s="2">
        <v>30.35</v>
      </c>
      <c r="C5466">
        <v>1.566433</v>
      </c>
      <c r="D5466">
        <f t="shared" si="170"/>
        <v>1.5664329999999999E-3</v>
      </c>
      <c r="E5466" s="6">
        <f t="shared" si="171"/>
        <v>4.7541241550000002E-2</v>
      </c>
    </row>
    <row r="5467" spans="1:5" x14ac:dyDescent="0.25">
      <c r="A5467" s="1">
        <v>43783.583333333336</v>
      </c>
      <c r="B5467" s="2">
        <v>29.76</v>
      </c>
      <c r="C5467">
        <v>1.9385790000000001</v>
      </c>
      <c r="D5467">
        <f t="shared" si="170"/>
        <v>1.938579E-3</v>
      </c>
      <c r="E5467" s="6">
        <f t="shared" si="171"/>
        <v>5.7692111040000001E-2</v>
      </c>
    </row>
    <row r="5468" spans="1:5" x14ac:dyDescent="0.25">
      <c r="A5468" s="1">
        <v>43783.625</v>
      </c>
      <c r="B5468" s="2">
        <v>29.64</v>
      </c>
      <c r="C5468">
        <v>3.2462689999999998</v>
      </c>
      <c r="D5468">
        <f t="shared" si="170"/>
        <v>3.246269E-3</v>
      </c>
      <c r="E5468" s="6">
        <f t="shared" si="171"/>
        <v>9.6219413160000003E-2</v>
      </c>
    </row>
    <row r="5469" spans="1:5" x14ac:dyDescent="0.25">
      <c r="A5469" s="1">
        <v>43783.666666666664</v>
      </c>
      <c r="B5469" s="2">
        <v>33.880000000000003</v>
      </c>
      <c r="C5469">
        <v>1.3709789999999999</v>
      </c>
      <c r="D5469">
        <f t="shared" si="170"/>
        <v>1.370979E-3</v>
      </c>
      <c r="E5469" s="6">
        <f t="shared" si="171"/>
        <v>4.6448768520000003E-2</v>
      </c>
    </row>
    <row r="5470" spans="1:5" x14ac:dyDescent="0.25">
      <c r="A5470" s="1">
        <v>43783.708333333336</v>
      </c>
      <c r="B5470" s="2">
        <v>44.9</v>
      </c>
      <c r="C5470">
        <v>0</v>
      </c>
      <c r="D5470">
        <f t="shared" si="170"/>
        <v>0</v>
      </c>
      <c r="E5470" s="6">
        <f t="shared" si="171"/>
        <v>0</v>
      </c>
    </row>
    <row r="5471" spans="1:5" x14ac:dyDescent="0.25">
      <c r="A5471" s="1">
        <v>43783.75</v>
      </c>
      <c r="B5471" s="2">
        <v>40.53</v>
      </c>
      <c r="C5471">
        <v>0</v>
      </c>
      <c r="D5471">
        <f t="shared" si="170"/>
        <v>0</v>
      </c>
      <c r="E5471" s="6">
        <f t="shared" si="171"/>
        <v>0</v>
      </c>
    </row>
    <row r="5472" spans="1:5" x14ac:dyDescent="0.25">
      <c r="A5472" s="1">
        <v>43783.791666666664</v>
      </c>
      <c r="B5472" s="2">
        <v>40.75</v>
      </c>
      <c r="C5472">
        <v>0</v>
      </c>
      <c r="D5472">
        <f t="shared" si="170"/>
        <v>0</v>
      </c>
      <c r="E5472" s="6">
        <f t="shared" si="171"/>
        <v>0</v>
      </c>
    </row>
    <row r="5473" spans="1:5" x14ac:dyDescent="0.25">
      <c r="A5473" s="1">
        <v>43783.833333333336</v>
      </c>
      <c r="B5473" s="2">
        <v>38.340000000000003</v>
      </c>
      <c r="C5473">
        <v>0</v>
      </c>
      <c r="D5473">
        <f t="shared" si="170"/>
        <v>0</v>
      </c>
      <c r="E5473" s="6">
        <f t="shared" si="171"/>
        <v>0</v>
      </c>
    </row>
    <row r="5474" spans="1:5" x14ac:dyDescent="0.25">
      <c r="A5474" s="1">
        <v>43783.875</v>
      </c>
      <c r="B5474" s="2">
        <v>33.130000000000003</v>
      </c>
      <c r="C5474">
        <v>0</v>
      </c>
      <c r="D5474">
        <f t="shared" si="170"/>
        <v>0</v>
      </c>
      <c r="E5474" s="6">
        <f t="shared" si="171"/>
        <v>0</v>
      </c>
    </row>
    <row r="5475" spans="1:5" x14ac:dyDescent="0.25">
      <c r="A5475" s="1">
        <v>43783.916666666664</v>
      </c>
      <c r="B5475" s="2">
        <v>29.32</v>
      </c>
      <c r="C5475">
        <v>0</v>
      </c>
      <c r="D5475">
        <f t="shared" si="170"/>
        <v>0</v>
      </c>
      <c r="E5475" s="6">
        <f t="shared" si="171"/>
        <v>0</v>
      </c>
    </row>
    <row r="5476" spans="1:5" x14ac:dyDescent="0.25">
      <c r="A5476" s="1">
        <v>43783.958333333336</v>
      </c>
      <c r="B5476" s="2">
        <v>28.03</v>
      </c>
      <c r="C5476">
        <v>0</v>
      </c>
      <c r="D5476">
        <f t="shared" si="170"/>
        <v>0</v>
      </c>
      <c r="E5476" s="6">
        <f t="shared" si="171"/>
        <v>0</v>
      </c>
    </row>
    <row r="5477" spans="1:5" x14ac:dyDescent="0.25">
      <c r="A5477" s="1">
        <v>43784</v>
      </c>
      <c r="B5477" s="2">
        <v>27.78</v>
      </c>
      <c r="C5477">
        <v>0</v>
      </c>
      <c r="D5477">
        <f t="shared" si="170"/>
        <v>0</v>
      </c>
      <c r="E5477" s="6">
        <f t="shared" si="171"/>
        <v>0</v>
      </c>
    </row>
    <row r="5478" spans="1:5" x14ac:dyDescent="0.25">
      <c r="A5478" s="1">
        <v>43784.041666666664</v>
      </c>
      <c r="B5478" s="2">
        <v>27.55</v>
      </c>
      <c r="C5478">
        <v>0</v>
      </c>
      <c r="D5478">
        <f t="shared" si="170"/>
        <v>0</v>
      </c>
      <c r="E5478" s="6">
        <f t="shared" si="171"/>
        <v>0</v>
      </c>
    </row>
    <row r="5479" spans="1:5" x14ac:dyDescent="0.25">
      <c r="A5479" s="1">
        <v>43784.083333333336</v>
      </c>
      <c r="B5479" s="2">
        <v>27.64</v>
      </c>
      <c r="C5479">
        <v>0</v>
      </c>
      <c r="D5479">
        <f t="shared" si="170"/>
        <v>0</v>
      </c>
      <c r="E5479" s="6">
        <f t="shared" si="171"/>
        <v>0</v>
      </c>
    </row>
    <row r="5480" spans="1:5" x14ac:dyDescent="0.25">
      <c r="A5480" s="1">
        <v>43784.125</v>
      </c>
      <c r="B5480" s="2">
        <v>27.67</v>
      </c>
      <c r="C5480">
        <v>0</v>
      </c>
      <c r="D5480">
        <f t="shared" si="170"/>
        <v>0</v>
      </c>
      <c r="E5480" s="6">
        <f t="shared" si="171"/>
        <v>0</v>
      </c>
    </row>
    <row r="5481" spans="1:5" x14ac:dyDescent="0.25">
      <c r="A5481" s="1">
        <v>43784.166666666664</v>
      </c>
      <c r="B5481" s="2">
        <v>28.7</v>
      </c>
      <c r="C5481">
        <v>0</v>
      </c>
      <c r="D5481">
        <f t="shared" si="170"/>
        <v>0</v>
      </c>
      <c r="E5481" s="6">
        <f t="shared" si="171"/>
        <v>0</v>
      </c>
    </row>
    <row r="5482" spans="1:5" x14ac:dyDescent="0.25">
      <c r="A5482" s="1">
        <v>43784.208333333336</v>
      </c>
      <c r="B5482" s="2">
        <v>32.46</v>
      </c>
      <c r="C5482">
        <v>0</v>
      </c>
      <c r="D5482">
        <f t="shared" si="170"/>
        <v>0</v>
      </c>
      <c r="E5482" s="6">
        <f t="shared" si="171"/>
        <v>0</v>
      </c>
    </row>
    <row r="5483" spans="1:5" x14ac:dyDescent="0.25">
      <c r="A5483" s="1">
        <v>43784.25</v>
      </c>
      <c r="B5483" s="2">
        <v>49.79</v>
      </c>
      <c r="C5483">
        <v>0</v>
      </c>
      <c r="D5483">
        <f t="shared" si="170"/>
        <v>0</v>
      </c>
      <c r="E5483" s="6">
        <f t="shared" si="171"/>
        <v>0</v>
      </c>
    </row>
    <row r="5484" spans="1:5" x14ac:dyDescent="0.25">
      <c r="A5484" s="1">
        <v>43784.291666666664</v>
      </c>
      <c r="B5484" s="2">
        <v>52.42</v>
      </c>
      <c r="C5484">
        <v>0.55282000000000009</v>
      </c>
      <c r="D5484">
        <f t="shared" si="170"/>
        <v>5.5282000000000009E-4</v>
      </c>
      <c r="E5484" s="6">
        <f t="shared" si="171"/>
        <v>2.8978824400000006E-2</v>
      </c>
    </row>
    <row r="5485" spans="1:5" x14ac:dyDescent="0.25">
      <c r="A5485" s="1">
        <v>43784.333333333336</v>
      </c>
      <c r="B5485" s="2">
        <v>39.85</v>
      </c>
      <c r="C5485">
        <v>0.78494299999999995</v>
      </c>
      <c r="D5485">
        <f t="shared" si="170"/>
        <v>7.8494299999999997E-4</v>
      </c>
      <c r="E5485" s="6">
        <f t="shared" si="171"/>
        <v>3.1279978549999997E-2</v>
      </c>
    </row>
    <row r="5486" spans="1:5" x14ac:dyDescent="0.25">
      <c r="A5486" s="1">
        <v>43784.375</v>
      </c>
      <c r="B5486" s="2">
        <v>35.32</v>
      </c>
      <c r="C5486">
        <v>0.74060999999999999</v>
      </c>
      <c r="D5486">
        <f t="shared" si="170"/>
        <v>7.4060999999999994E-4</v>
      </c>
      <c r="E5486" s="6">
        <f t="shared" si="171"/>
        <v>2.6158345199999999E-2</v>
      </c>
    </row>
    <row r="5487" spans="1:5" x14ac:dyDescent="0.25">
      <c r="A5487" s="1">
        <v>43784.416666666664</v>
      </c>
      <c r="B5487" s="2">
        <v>33.99</v>
      </c>
      <c r="C5487">
        <v>0.38441899999999996</v>
      </c>
      <c r="D5487">
        <f t="shared" si="170"/>
        <v>3.8441899999999994E-4</v>
      </c>
      <c r="E5487" s="6">
        <f t="shared" si="171"/>
        <v>1.3066401809999999E-2</v>
      </c>
    </row>
    <row r="5488" spans="1:5" x14ac:dyDescent="0.25">
      <c r="A5488" s="1">
        <v>43784.458333333336</v>
      </c>
      <c r="B5488" s="2">
        <v>31.9</v>
      </c>
      <c r="C5488">
        <v>0.51540900000000001</v>
      </c>
      <c r="D5488">
        <f t="shared" si="170"/>
        <v>5.1540899999999998E-4</v>
      </c>
      <c r="E5488" s="6">
        <f t="shared" si="171"/>
        <v>1.6441547099999999E-2</v>
      </c>
    </row>
    <row r="5489" spans="1:5" x14ac:dyDescent="0.25">
      <c r="A5489" s="1">
        <v>43784.5</v>
      </c>
      <c r="B5489" s="2">
        <v>29.41</v>
      </c>
      <c r="C5489">
        <v>1.1022590000000001</v>
      </c>
      <c r="D5489">
        <f t="shared" si="170"/>
        <v>1.1022590000000002E-3</v>
      </c>
      <c r="E5489" s="6">
        <f t="shared" si="171"/>
        <v>3.2417437190000002E-2</v>
      </c>
    </row>
    <row r="5490" spans="1:5" x14ac:dyDescent="0.25">
      <c r="A5490" s="1">
        <v>43784.541666666664</v>
      </c>
      <c r="B5490" s="2">
        <v>28.76</v>
      </c>
      <c r="C5490">
        <v>1.04298</v>
      </c>
      <c r="D5490">
        <f t="shared" si="170"/>
        <v>1.04298E-3</v>
      </c>
      <c r="E5490" s="6">
        <f t="shared" si="171"/>
        <v>2.9996104800000003E-2</v>
      </c>
    </row>
    <row r="5491" spans="1:5" x14ac:dyDescent="0.25">
      <c r="A5491" s="1">
        <v>43784.583333333336</v>
      </c>
      <c r="B5491" s="2">
        <v>28.09</v>
      </c>
      <c r="C5491">
        <v>0.48621599999999998</v>
      </c>
      <c r="D5491">
        <f t="shared" si="170"/>
        <v>4.8621599999999998E-4</v>
      </c>
      <c r="E5491" s="6">
        <f t="shared" si="171"/>
        <v>1.3657807439999999E-2</v>
      </c>
    </row>
    <row r="5492" spans="1:5" x14ac:dyDescent="0.25">
      <c r="A5492" s="1">
        <v>43784.625</v>
      </c>
      <c r="B5492" s="2">
        <v>27.91</v>
      </c>
      <c r="C5492">
        <v>0.45430700000000002</v>
      </c>
      <c r="D5492">
        <f t="shared" si="170"/>
        <v>4.5430700000000004E-4</v>
      </c>
      <c r="E5492" s="6">
        <f t="shared" si="171"/>
        <v>1.2679708370000001E-2</v>
      </c>
    </row>
    <row r="5493" spans="1:5" x14ac:dyDescent="0.25">
      <c r="A5493" s="1">
        <v>43784.666666666664</v>
      </c>
      <c r="B5493" s="2">
        <v>30.62</v>
      </c>
      <c r="C5493">
        <v>0.77986100000000003</v>
      </c>
      <c r="D5493">
        <f t="shared" si="170"/>
        <v>7.7986100000000007E-4</v>
      </c>
      <c r="E5493" s="6">
        <f t="shared" si="171"/>
        <v>2.3879343820000003E-2</v>
      </c>
    </row>
    <row r="5494" spans="1:5" x14ac:dyDescent="0.25">
      <c r="A5494" s="1">
        <v>43784.708333333336</v>
      </c>
      <c r="B5494" s="2">
        <v>38.99</v>
      </c>
      <c r="C5494">
        <v>0</v>
      </c>
      <c r="D5494">
        <f t="shared" si="170"/>
        <v>0</v>
      </c>
      <c r="E5494" s="6">
        <f t="shared" si="171"/>
        <v>0</v>
      </c>
    </row>
    <row r="5495" spans="1:5" x14ac:dyDescent="0.25">
      <c r="A5495" s="1">
        <v>43784.75</v>
      </c>
      <c r="B5495" s="2">
        <v>35.020000000000003</v>
      </c>
      <c r="C5495">
        <v>0</v>
      </c>
      <c r="D5495">
        <f t="shared" si="170"/>
        <v>0</v>
      </c>
      <c r="E5495" s="6">
        <f t="shared" si="171"/>
        <v>0</v>
      </c>
    </row>
    <row r="5496" spans="1:5" x14ac:dyDescent="0.25">
      <c r="A5496" s="1">
        <v>43784.791666666664</v>
      </c>
      <c r="B5496" s="2">
        <v>33.61</v>
      </c>
      <c r="C5496">
        <v>0</v>
      </c>
      <c r="D5496">
        <f t="shared" si="170"/>
        <v>0</v>
      </c>
      <c r="E5496" s="6">
        <f t="shared" si="171"/>
        <v>0</v>
      </c>
    </row>
    <row r="5497" spans="1:5" x14ac:dyDescent="0.25">
      <c r="A5497" s="1">
        <v>43784.833333333336</v>
      </c>
      <c r="B5497" s="2">
        <v>31.45</v>
      </c>
      <c r="C5497">
        <v>0</v>
      </c>
      <c r="D5497">
        <f t="shared" si="170"/>
        <v>0</v>
      </c>
      <c r="E5497" s="6">
        <f t="shared" si="171"/>
        <v>0</v>
      </c>
    </row>
    <row r="5498" spans="1:5" x14ac:dyDescent="0.25">
      <c r="A5498" s="1">
        <v>43784.875</v>
      </c>
      <c r="B5498" s="2">
        <v>30.5</v>
      </c>
      <c r="C5498">
        <v>0</v>
      </c>
      <c r="D5498">
        <f t="shared" si="170"/>
        <v>0</v>
      </c>
      <c r="E5498" s="6">
        <f t="shared" si="171"/>
        <v>0</v>
      </c>
    </row>
    <row r="5499" spans="1:5" x14ac:dyDescent="0.25">
      <c r="A5499" s="1">
        <v>43784.916666666664</v>
      </c>
      <c r="B5499" s="2">
        <v>27.91</v>
      </c>
      <c r="C5499">
        <v>0</v>
      </c>
      <c r="D5499">
        <f t="shared" si="170"/>
        <v>0</v>
      </c>
      <c r="E5499" s="6">
        <f t="shared" si="171"/>
        <v>0</v>
      </c>
    </row>
    <row r="5500" spans="1:5" x14ac:dyDescent="0.25">
      <c r="A5500" s="1">
        <v>43784.958333333336</v>
      </c>
      <c r="B5500" s="2">
        <v>27.29</v>
      </c>
      <c r="C5500">
        <v>0</v>
      </c>
      <c r="D5500">
        <f t="shared" si="170"/>
        <v>0</v>
      </c>
      <c r="E5500" s="6">
        <f t="shared" si="171"/>
        <v>0</v>
      </c>
    </row>
    <row r="5501" spans="1:5" x14ac:dyDescent="0.25">
      <c r="A5501" s="1">
        <v>43785</v>
      </c>
      <c r="B5501" s="2">
        <v>26.1</v>
      </c>
      <c r="C5501">
        <v>0</v>
      </c>
      <c r="D5501">
        <f t="shared" si="170"/>
        <v>0</v>
      </c>
      <c r="E5501" s="6">
        <f t="shared" si="171"/>
        <v>0</v>
      </c>
    </row>
    <row r="5502" spans="1:5" x14ac:dyDescent="0.25">
      <c r="A5502" s="1">
        <v>43785.041666666664</v>
      </c>
      <c r="B5502" s="2">
        <v>25.56</v>
      </c>
      <c r="C5502">
        <v>0</v>
      </c>
      <c r="D5502">
        <f t="shared" si="170"/>
        <v>0</v>
      </c>
      <c r="E5502" s="6">
        <f t="shared" si="171"/>
        <v>0</v>
      </c>
    </row>
    <row r="5503" spans="1:5" x14ac:dyDescent="0.25">
      <c r="A5503" s="1">
        <v>43785.083333333336</v>
      </c>
      <c r="B5503" s="2">
        <v>25.73</v>
      </c>
      <c r="C5503">
        <v>0</v>
      </c>
      <c r="D5503">
        <f t="shared" si="170"/>
        <v>0</v>
      </c>
      <c r="E5503" s="6">
        <f t="shared" si="171"/>
        <v>0</v>
      </c>
    </row>
    <row r="5504" spans="1:5" x14ac:dyDescent="0.25">
      <c r="A5504" s="1">
        <v>43785.125</v>
      </c>
      <c r="B5504" s="2">
        <v>25.64</v>
      </c>
      <c r="C5504">
        <v>0</v>
      </c>
      <c r="D5504">
        <f t="shared" si="170"/>
        <v>0</v>
      </c>
      <c r="E5504" s="6">
        <f t="shared" si="171"/>
        <v>0</v>
      </c>
    </row>
    <row r="5505" spans="1:5" x14ac:dyDescent="0.25">
      <c r="A5505" s="1">
        <v>43785.166666666664</v>
      </c>
      <c r="B5505" s="2">
        <v>26.05</v>
      </c>
      <c r="C5505">
        <v>0</v>
      </c>
      <c r="D5505">
        <f t="shared" si="170"/>
        <v>0</v>
      </c>
      <c r="E5505" s="6">
        <f t="shared" si="171"/>
        <v>0</v>
      </c>
    </row>
    <row r="5506" spans="1:5" x14ac:dyDescent="0.25">
      <c r="A5506" s="1">
        <v>43785.208333333336</v>
      </c>
      <c r="B5506" s="2">
        <v>27.19</v>
      </c>
      <c r="C5506">
        <v>0</v>
      </c>
      <c r="D5506">
        <f t="shared" si="170"/>
        <v>0</v>
      </c>
      <c r="E5506" s="6">
        <f t="shared" si="171"/>
        <v>0</v>
      </c>
    </row>
    <row r="5507" spans="1:5" x14ac:dyDescent="0.25">
      <c r="A5507" s="1">
        <v>43785.25</v>
      </c>
      <c r="B5507" s="2">
        <v>30.76</v>
      </c>
      <c r="C5507">
        <v>0</v>
      </c>
      <c r="D5507">
        <f t="shared" si="170"/>
        <v>0</v>
      </c>
      <c r="E5507" s="6">
        <f t="shared" si="171"/>
        <v>0</v>
      </c>
    </row>
    <row r="5508" spans="1:5" x14ac:dyDescent="0.25">
      <c r="A5508" s="1">
        <v>43785.291666666664</v>
      </c>
      <c r="B5508" s="2">
        <v>35.24</v>
      </c>
      <c r="C5508">
        <v>0.59132899999999999</v>
      </c>
      <c r="D5508">
        <f t="shared" si="170"/>
        <v>5.9132900000000003E-4</v>
      </c>
      <c r="E5508" s="6">
        <f t="shared" si="171"/>
        <v>2.0838433960000003E-2</v>
      </c>
    </row>
    <row r="5509" spans="1:5" x14ac:dyDescent="0.25">
      <c r="A5509" s="1">
        <v>43785.333333333336</v>
      </c>
      <c r="B5509" s="2">
        <v>34.78</v>
      </c>
      <c r="C5509">
        <v>2.8059409999999998</v>
      </c>
      <c r="D5509">
        <f t="shared" si="170"/>
        <v>2.8059409999999997E-3</v>
      </c>
      <c r="E5509" s="6">
        <f t="shared" si="171"/>
        <v>9.7590627979999997E-2</v>
      </c>
    </row>
    <row r="5510" spans="1:5" x14ac:dyDescent="0.25">
      <c r="A5510" s="1">
        <v>43785.375</v>
      </c>
      <c r="B5510" s="2">
        <v>33.69</v>
      </c>
      <c r="C5510">
        <v>4.7606859999999998</v>
      </c>
      <c r="D5510">
        <f t="shared" ref="D5510:D5573" si="172">C5510/1000</f>
        <v>4.7606860000000001E-3</v>
      </c>
      <c r="E5510" s="6">
        <f t="shared" ref="E5510:E5573" si="173">D5510*B5510</f>
        <v>0.16038751133999998</v>
      </c>
    </row>
    <row r="5511" spans="1:5" x14ac:dyDescent="0.25">
      <c r="A5511" s="1">
        <v>43785.416666666664</v>
      </c>
      <c r="B5511" s="2">
        <v>31.91</v>
      </c>
      <c r="C5511">
        <v>6.0743260000000001</v>
      </c>
      <c r="D5511">
        <f t="shared" si="172"/>
        <v>6.0743259999999997E-3</v>
      </c>
      <c r="E5511" s="6">
        <f t="shared" si="173"/>
        <v>0.19383174266</v>
      </c>
    </row>
    <row r="5512" spans="1:5" x14ac:dyDescent="0.25">
      <c r="A5512" s="1">
        <v>43785.458333333336</v>
      </c>
      <c r="B5512" s="2">
        <v>29.93</v>
      </c>
      <c r="C5512">
        <v>6.7191369999999999</v>
      </c>
      <c r="D5512">
        <f t="shared" si="172"/>
        <v>6.719137E-3</v>
      </c>
      <c r="E5512" s="6">
        <f t="shared" si="173"/>
        <v>0.20110377040999999</v>
      </c>
    </row>
    <row r="5513" spans="1:5" x14ac:dyDescent="0.25">
      <c r="A5513" s="1">
        <v>43785.5</v>
      </c>
      <c r="B5513" s="2">
        <v>27.99</v>
      </c>
      <c r="C5513">
        <v>6.8074870000000001</v>
      </c>
      <c r="D5513">
        <f t="shared" si="172"/>
        <v>6.8074870000000001E-3</v>
      </c>
      <c r="E5513" s="6">
        <f t="shared" si="173"/>
        <v>0.19054156112999998</v>
      </c>
    </row>
    <row r="5514" spans="1:5" x14ac:dyDescent="0.25">
      <c r="A5514" s="1">
        <v>43785.541666666664</v>
      </c>
      <c r="B5514" s="2">
        <v>27.17</v>
      </c>
      <c r="C5514">
        <v>6.3675110000000004</v>
      </c>
      <c r="D5514">
        <f t="shared" si="172"/>
        <v>6.3675110000000002E-3</v>
      </c>
      <c r="E5514" s="6">
        <f t="shared" si="173"/>
        <v>0.17300527387</v>
      </c>
    </row>
    <row r="5515" spans="1:5" x14ac:dyDescent="0.25">
      <c r="A5515" s="1">
        <v>43785.583333333336</v>
      </c>
      <c r="B5515" s="2">
        <v>26.41</v>
      </c>
      <c r="C5515">
        <v>5.3687769999999997</v>
      </c>
      <c r="D5515">
        <f t="shared" si="172"/>
        <v>5.3687769999999999E-3</v>
      </c>
      <c r="E5515" s="6">
        <f t="shared" si="173"/>
        <v>0.14178940057</v>
      </c>
    </row>
    <row r="5516" spans="1:5" x14ac:dyDescent="0.25">
      <c r="A5516" s="1">
        <v>43785.625</v>
      </c>
      <c r="B5516" s="2">
        <v>26.55</v>
      </c>
      <c r="C5516">
        <v>3.8135759999999999</v>
      </c>
      <c r="D5516">
        <f t="shared" si="172"/>
        <v>3.8135759999999999E-3</v>
      </c>
      <c r="E5516" s="6">
        <f t="shared" si="173"/>
        <v>0.10125044280000001</v>
      </c>
    </row>
    <row r="5517" spans="1:5" x14ac:dyDescent="0.25">
      <c r="A5517" s="1">
        <v>43785.666666666664</v>
      </c>
      <c r="B5517" s="2">
        <v>30.48</v>
      </c>
      <c r="C5517">
        <v>1.7622180000000001</v>
      </c>
      <c r="D5517">
        <f t="shared" si="172"/>
        <v>1.7622180000000001E-3</v>
      </c>
      <c r="E5517" s="6">
        <f t="shared" si="173"/>
        <v>5.3712404640000003E-2</v>
      </c>
    </row>
    <row r="5518" spans="1:5" x14ac:dyDescent="0.25">
      <c r="A5518" s="1">
        <v>43785.708333333336</v>
      </c>
      <c r="B5518" s="2">
        <v>38.520000000000003</v>
      </c>
      <c r="C5518">
        <v>0</v>
      </c>
      <c r="D5518">
        <f t="shared" si="172"/>
        <v>0</v>
      </c>
      <c r="E5518" s="6">
        <f t="shared" si="173"/>
        <v>0</v>
      </c>
    </row>
    <row r="5519" spans="1:5" x14ac:dyDescent="0.25">
      <c r="A5519" s="1">
        <v>43785.75</v>
      </c>
      <c r="B5519" s="2">
        <v>37.979999999999997</v>
      </c>
      <c r="C5519">
        <v>0</v>
      </c>
      <c r="D5519">
        <f t="shared" si="172"/>
        <v>0</v>
      </c>
      <c r="E5519" s="6">
        <f t="shared" si="173"/>
        <v>0</v>
      </c>
    </row>
    <row r="5520" spans="1:5" x14ac:dyDescent="0.25">
      <c r="A5520" s="1">
        <v>43785.791666666664</v>
      </c>
      <c r="B5520" s="2">
        <v>36.630000000000003</v>
      </c>
      <c r="C5520">
        <v>0</v>
      </c>
      <c r="D5520">
        <f t="shared" si="172"/>
        <v>0</v>
      </c>
      <c r="E5520" s="6">
        <f t="shared" si="173"/>
        <v>0</v>
      </c>
    </row>
    <row r="5521" spans="1:5" x14ac:dyDescent="0.25">
      <c r="A5521" s="1">
        <v>43785.833333333336</v>
      </c>
      <c r="B5521" s="2">
        <v>34.42</v>
      </c>
      <c r="C5521">
        <v>0</v>
      </c>
      <c r="D5521">
        <f t="shared" si="172"/>
        <v>0</v>
      </c>
      <c r="E5521" s="6">
        <f t="shared" si="173"/>
        <v>0</v>
      </c>
    </row>
    <row r="5522" spans="1:5" x14ac:dyDescent="0.25">
      <c r="A5522" s="1">
        <v>43785.875</v>
      </c>
      <c r="B5522" s="2">
        <v>31.61</v>
      </c>
      <c r="C5522">
        <v>0</v>
      </c>
      <c r="D5522">
        <f t="shared" si="172"/>
        <v>0</v>
      </c>
      <c r="E5522" s="6">
        <f t="shared" si="173"/>
        <v>0</v>
      </c>
    </row>
    <row r="5523" spans="1:5" x14ac:dyDescent="0.25">
      <c r="A5523" s="1">
        <v>43785.916666666664</v>
      </c>
      <c r="B5523" s="2">
        <v>28.33</v>
      </c>
      <c r="C5523">
        <v>0</v>
      </c>
      <c r="D5523">
        <f t="shared" si="172"/>
        <v>0</v>
      </c>
      <c r="E5523" s="6">
        <f t="shared" si="173"/>
        <v>0</v>
      </c>
    </row>
    <row r="5524" spans="1:5" x14ac:dyDescent="0.25">
      <c r="A5524" s="1">
        <v>43785.958333333336</v>
      </c>
      <c r="B5524" s="2">
        <v>26.96</v>
      </c>
      <c r="C5524">
        <v>0</v>
      </c>
      <c r="D5524">
        <f t="shared" si="172"/>
        <v>0</v>
      </c>
      <c r="E5524" s="6">
        <f t="shared" si="173"/>
        <v>0</v>
      </c>
    </row>
    <row r="5525" spans="1:5" x14ac:dyDescent="0.25">
      <c r="A5525" s="1">
        <v>43786</v>
      </c>
      <c r="B5525" s="2">
        <v>27.37</v>
      </c>
      <c r="C5525">
        <v>0</v>
      </c>
      <c r="D5525">
        <f t="shared" si="172"/>
        <v>0</v>
      </c>
      <c r="E5525" s="6">
        <f t="shared" si="173"/>
        <v>0</v>
      </c>
    </row>
    <row r="5526" spans="1:5" x14ac:dyDescent="0.25">
      <c r="A5526" s="1">
        <v>43786.041666666664</v>
      </c>
      <c r="B5526" s="2">
        <v>26.15</v>
      </c>
      <c r="C5526">
        <v>0</v>
      </c>
      <c r="D5526">
        <f t="shared" si="172"/>
        <v>0</v>
      </c>
      <c r="E5526" s="6">
        <f t="shared" si="173"/>
        <v>0</v>
      </c>
    </row>
    <row r="5527" spans="1:5" x14ac:dyDescent="0.25">
      <c r="A5527" s="1">
        <v>43786.083333333336</v>
      </c>
      <c r="B5527" s="2">
        <v>26.44</v>
      </c>
      <c r="C5527">
        <v>0</v>
      </c>
      <c r="D5527">
        <f t="shared" si="172"/>
        <v>0</v>
      </c>
      <c r="E5527" s="6">
        <f t="shared" si="173"/>
        <v>0</v>
      </c>
    </row>
    <row r="5528" spans="1:5" x14ac:dyDescent="0.25">
      <c r="A5528" s="1">
        <v>43786.125</v>
      </c>
      <c r="B5528" s="2">
        <v>26.76</v>
      </c>
      <c r="C5528">
        <v>0</v>
      </c>
      <c r="D5528">
        <f t="shared" si="172"/>
        <v>0</v>
      </c>
      <c r="E5528" s="6">
        <f t="shared" si="173"/>
        <v>0</v>
      </c>
    </row>
    <row r="5529" spans="1:5" x14ac:dyDescent="0.25">
      <c r="A5529" s="1">
        <v>43786.166666666664</v>
      </c>
      <c r="B5529" s="2">
        <v>26.91</v>
      </c>
      <c r="C5529">
        <v>0</v>
      </c>
      <c r="D5529">
        <f t="shared" si="172"/>
        <v>0</v>
      </c>
      <c r="E5529" s="6">
        <f t="shared" si="173"/>
        <v>0</v>
      </c>
    </row>
    <row r="5530" spans="1:5" x14ac:dyDescent="0.25">
      <c r="A5530" s="1">
        <v>43786.208333333336</v>
      </c>
      <c r="B5530" s="2">
        <v>28.21</v>
      </c>
      <c r="C5530">
        <v>0</v>
      </c>
      <c r="D5530">
        <f t="shared" si="172"/>
        <v>0</v>
      </c>
      <c r="E5530" s="6">
        <f t="shared" si="173"/>
        <v>0</v>
      </c>
    </row>
    <row r="5531" spans="1:5" x14ac:dyDescent="0.25">
      <c r="A5531" s="1">
        <v>43786.25</v>
      </c>
      <c r="B5531" s="2">
        <v>29.99</v>
      </c>
      <c r="C5531">
        <v>0</v>
      </c>
      <c r="D5531">
        <f t="shared" si="172"/>
        <v>0</v>
      </c>
      <c r="E5531" s="6">
        <f t="shared" si="173"/>
        <v>0</v>
      </c>
    </row>
    <row r="5532" spans="1:5" x14ac:dyDescent="0.25">
      <c r="A5532" s="1">
        <v>43786.291666666664</v>
      </c>
      <c r="B5532" s="2">
        <v>34.04</v>
      </c>
      <c r="C5532">
        <v>0.50426799999999994</v>
      </c>
      <c r="D5532">
        <f t="shared" si="172"/>
        <v>5.0426799999999999E-4</v>
      </c>
      <c r="E5532" s="6">
        <f t="shared" si="173"/>
        <v>1.7165282719999998E-2</v>
      </c>
    </row>
    <row r="5533" spans="1:5" x14ac:dyDescent="0.25">
      <c r="A5533" s="1">
        <v>43786.333333333336</v>
      </c>
      <c r="B5533" s="2">
        <v>33.04</v>
      </c>
      <c r="C5533">
        <v>2.6400579999999998</v>
      </c>
      <c r="D5533">
        <f t="shared" si="172"/>
        <v>2.6400579999999998E-3</v>
      </c>
      <c r="E5533" s="6">
        <f t="shared" si="173"/>
        <v>8.722751631999999E-2</v>
      </c>
    </row>
    <row r="5534" spans="1:5" x14ac:dyDescent="0.25">
      <c r="A5534" s="1">
        <v>43786.375</v>
      </c>
      <c r="B5534" s="2">
        <v>30.12</v>
      </c>
      <c r="C5534">
        <v>4.5165959999999998</v>
      </c>
      <c r="D5534">
        <f t="shared" si="172"/>
        <v>4.5165959999999995E-3</v>
      </c>
      <c r="E5534" s="6">
        <f t="shared" si="173"/>
        <v>0.13603987151999999</v>
      </c>
    </row>
    <row r="5535" spans="1:5" x14ac:dyDescent="0.25">
      <c r="A5535" s="1">
        <v>43786.416666666664</v>
      </c>
      <c r="B5535" s="2">
        <v>27.43</v>
      </c>
      <c r="C5535">
        <v>4.4693590000000007</v>
      </c>
      <c r="D5535">
        <f t="shared" si="172"/>
        <v>4.4693590000000009E-3</v>
      </c>
      <c r="E5535" s="6">
        <f t="shared" si="173"/>
        <v>0.12259451737000002</v>
      </c>
    </row>
    <row r="5536" spans="1:5" x14ac:dyDescent="0.25">
      <c r="A5536" s="1">
        <v>43786.458333333336</v>
      </c>
      <c r="B5536" s="2">
        <v>25.86</v>
      </c>
      <c r="C5536">
        <v>6.4560339999999998</v>
      </c>
      <c r="D5536">
        <f t="shared" si="172"/>
        <v>6.4560340000000003E-3</v>
      </c>
      <c r="E5536" s="6">
        <f t="shared" si="173"/>
        <v>0.16695303923999999</v>
      </c>
    </row>
    <row r="5537" spans="1:5" x14ac:dyDescent="0.25">
      <c r="A5537" s="1">
        <v>43786.5</v>
      </c>
      <c r="B5537" s="2">
        <v>25.25</v>
      </c>
      <c r="C5537">
        <v>5.3935249999999995</v>
      </c>
      <c r="D5537">
        <f t="shared" si="172"/>
        <v>5.3935249999999997E-3</v>
      </c>
      <c r="E5537" s="6">
        <f t="shared" si="173"/>
        <v>0.13618650625000001</v>
      </c>
    </row>
    <row r="5538" spans="1:5" x14ac:dyDescent="0.25">
      <c r="A5538" s="1">
        <v>43786.541666666664</v>
      </c>
      <c r="B5538" s="2">
        <v>24.86</v>
      </c>
      <c r="C5538">
        <v>2.6384850000000002</v>
      </c>
      <c r="D5538">
        <f t="shared" si="172"/>
        <v>2.6384850000000003E-3</v>
      </c>
      <c r="E5538" s="6">
        <f t="shared" si="173"/>
        <v>6.5592737100000006E-2</v>
      </c>
    </row>
    <row r="5539" spans="1:5" x14ac:dyDescent="0.25">
      <c r="A5539" s="1">
        <v>43786.583333333336</v>
      </c>
      <c r="B5539" s="2">
        <v>24.37</v>
      </c>
      <c r="C5539">
        <v>3.037185</v>
      </c>
      <c r="D5539">
        <f t="shared" si="172"/>
        <v>3.037185E-3</v>
      </c>
      <c r="E5539" s="6">
        <f t="shared" si="173"/>
        <v>7.4016198450000001E-2</v>
      </c>
    </row>
    <row r="5540" spans="1:5" x14ac:dyDescent="0.25">
      <c r="A5540" s="1">
        <v>43786.625</v>
      </c>
      <c r="B5540" s="2">
        <v>24.51</v>
      </c>
      <c r="C5540">
        <v>2.9479189999999997</v>
      </c>
      <c r="D5540">
        <f t="shared" si="172"/>
        <v>2.9479189999999998E-3</v>
      </c>
      <c r="E5540" s="6">
        <f t="shared" si="173"/>
        <v>7.2253494690000003E-2</v>
      </c>
    </row>
    <row r="5541" spans="1:5" x14ac:dyDescent="0.25">
      <c r="A5541" s="1">
        <v>43786.666666666664</v>
      </c>
      <c r="B5541" s="2">
        <v>27.61</v>
      </c>
      <c r="C5541">
        <v>1.5866179999999999</v>
      </c>
      <c r="D5541">
        <f t="shared" si="172"/>
        <v>1.5866179999999999E-3</v>
      </c>
      <c r="E5541" s="6">
        <f t="shared" si="173"/>
        <v>4.3806522979999998E-2</v>
      </c>
    </row>
    <row r="5542" spans="1:5" x14ac:dyDescent="0.25">
      <c r="A5542" s="1">
        <v>43786.708333333336</v>
      </c>
      <c r="B5542" s="2">
        <v>34.520000000000003</v>
      </c>
      <c r="C5542">
        <v>0</v>
      </c>
      <c r="D5542">
        <f t="shared" si="172"/>
        <v>0</v>
      </c>
      <c r="E5542" s="6">
        <f t="shared" si="173"/>
        <v>0</v>
      </c>
    </row>
    <row r="5543" spans="1:5" x14ac:dyDescent="0.25">
      <c r="A5543" s="1">
        <v>43786.75</v>
      </c>
      <c r="B5543" s="2">
        <v>34.229999999999997</v>
      </c>
      <c r="C5543">
        <v>0</v>
      </c>
      <c r="D5543">
        <f t="shared" si="172"/>
        <v>0</v>
      </c>
      <c r="E5543" s="6">
        <f t="shared" si="173"/>
        <v>0</v>
      </c>
    </row>
    <row r="5544" spans="1:5" x14ac:dyDescent="0.25">
      <c r="A5544" s="1">
        <v>43786.791666666664</v>
      </c>
      <c r="B5544" s="2">
        <v>31.77</v>
      </c>
      <c r="C5544">
        <v>0</v>
      </c>
      <c r="D5544">
        <f t="shared" si="172"/>
        <v>0</v>
      </c>
      <c r="E5544" s="6">
        <f t="shared" si="173"/>
        <v>0</v>
      </c>
    </row>
    <row r="5545" spans="1:5" x14ac:dyDescent="0.25">
      <c r="A5545" s="1">
        <v>43786.833333333336</v>
      </c>
      <c r="B5545" s="2">
        <v>29.9</v>
      </c>
      <c r="C5545">
        <v>0</v>
      </c>
      <c r="D5545">
        <f t="shared" si="172"/>
        <v>0</v>
      </c>
      <c r="E5545" s="6">
        <f t="shared" si="173"/>
        <v>0</v>
      </c>
    </row>
    <row r="5546" spans="1:5" x14ac:dyDescent="0.25">
      <c r="A5546" s="1">
        <v>43786.875</v>
      </c>
      <c r="B5546" s="2">
        <v>27.03</v>
      </c>
      <c r="C5546">
        <v>0</v>
      </c>
      <c r="D5546">
        <f t="shared" si="172"/>
        <v>0</v>
      </c>
      <c r="E5546" s="6">
        <f t="shared" si="173"/>
        <v>0</v>
      </c>
    </row>
    <row r="5547" spans="1:5" x14ac:dyDescent="0.25">
      <c r="A5547" s="1">
        <v>43786.916666666664</v>
      </c>
      <c r="B5547" s="2">
        <v>24.77</v>
      </c>
      <c r="C5547">
        <v>0</v>
      </c>
      <c r="D5547">
        <f t="shared" si="172"/>
        <v>0</v>
      </c>
      <c r="E5547" s="6">
        <f t="shared" si="173"/>
        <v>0</v>
      </c>
    </row>
    <row r="5548" spans="1:5" x14ac:dyDescent="0.25">
      <c r="A5548" s="1">
        <v>43786.958333333336</v>
      </c>
      <c r="B5548" s="2">
        <v>23.95</v>
      </c>
      <c r="C5548">
        <v>0</v>
      </c>
      <c r="D5548">
        <f t="shared" si="172"/>
        <v>0</v>
      </c>
      <c r="E5548" s="6">
        <f t="shared" si="173"/>
        <v>0</v>
      </c>
    </row>
    <row r="5549" spans="1:5" x14ac:dyDescent="0.25">
      <c r="A5549" s="1">
        <v>43787</v>
      </c>
      <c r="B5549" s="2">
        <v>24.37</v>
      </c>
      <c r="C5549">
        <v>0</v>
      </c>
      <c r="D5549">
        <f t="shared" si="172"/>
        <v>0</v>
      </c>
      <c r="E5549" s="6">
        <f t="shared" si="173"/>
        <v>0</v>
      </c>
    </row>
    <row r="5550" spans="1:5" x14ac:dyDescent="0.25">
      <c r="A5550" s="1">
        <v>43787.041666666664</v>
      </c>
      <c r="B5550" s="2">
        <v>24.23</v>
      </c>
      <c r="C5550">
        <v>0</v>
      </c>
      <c r="D5550">
        <f t="shared" si="172"/>
        <v>0</v>
      </c>
      <c r="E5550" s="6">
        <f t="shared" si="173"/>
        <v>0</v>
      </c>
    </row>
    <row r="5551" spans="1:5" x14ac:dyDescent="0.25">
      <c r="A5551" s="1">
        <v>43787.083333333336</v>
      </c>
      <c r="B5551" s="2">
        <v>24.21</v>
      </c>
      <c r="C5551">
        <v>0</v>
      </c>
      <c r="D5551">
        <f t="shared" si="172"/>
        <v>0</v>
      </c>
      <c r="E5551" s="6">
        <f t="shared" si="173"/>
        <v>0</v>
      </c>
    </row>
    <row r="5552" spans="1:5" x14ac:dyDescent="0.25">
      <c r="A5552" s="1">
        <v>43787.125</v>
      </c>
      <c r="B5552" s="2">
        <v>24.28</v>
      </c>
      <c r="C5552">
        <v>0</v>
      </c>
      <c r="D5552">
        <f t="shared" si="172"/>
        <v>0</v>
      </c>
      <c r="E5552" s="6">
        <f t="shared" si="173"/>
        <v>0</v>
      </c>
    </row>
    <row r="5553" spans="1:5" x14ac:dyDescent="0.25">
      <c r="A5553" s="1">
        <v>43787.166666666664</v>
      </c>
      <c r="B5553" s="2">
        <v>25.64</v>
      </c>
      <c r="C5553">
        <v>0</v>
      </c>
      <c r="D5553">
        <f t="shared" si="172"/>
        <v>0</v>
      </c>
      <c r="E5553" s="6">
        <f t="shared" si="173"/>
        <v>0</v>
      </c>
    </row>
    <row r="5554" spans="1:5" x14ac:dyDescent="0.25">
      <c r="A5554" s="1">
        <v>43787.208333333336</v>
      </c>
      <c r="B5554" s="2">
        <v>28.38</v>
      </c>
      <c r="C5554">
        <v>0</v>
      </c>
      <c r="D5554">
        <f t="shared" si="172"/>
        <v>0</v>
      </c>
      <c r="E5554" s="6">
        <f t="shared" si="173"/>
        <v>0</v>
      </c>
    </row>
    <row r="5555" spans="1:5" x14ac:dyDescent="0.25">
      <c r="A5555" s="1">
        <v>43787.25</v>
      </c>
      <c r="B5555" s="2">
        <v>39.619999999999997</v>
      </c>
      <c r="C5555">
        <v>0</v>
      </c>
      <c r="D5555">
        <f t="shared" si="172"/>
        <v>0</v>
      </c>
      <c r="E5555" s="6">
        <f t="shared" si="173"/>
        <v>0</v>
      </c>
    </row>
    <row r="5556" spans="1:5" x14ac:dyDescent="0.25">
      <c r="A5556" s="1">
        <v>43787.291666666664</v>
      </c>
      <c r="B5556" s="2">
        <v>41.82</v>
      </c>
      <c r="C5556">
        <v>0.402281</v>
      </c>
      <c r="D5556">
        <f t="shared" si="172"/>
        <v>4.0228099999999999E-4</v>
      </c>
      <c r="E5556" s="6">
        <f t="shared" si="173"/>
        <v>1.682339142E-2</v>
      </c>
    </row>
    <row r="5557" spans="1:5" x14ac:dyDescent="0.25">
      <c r="A5557" s="1">
        <v>43787.333333333336</v>
      </c>
      <c r="B5557" s="2">
        <v>37.96</v>
      </c>
      <c r="C5557">
        <v>2.4864169999999999</v>
      </c>
      <c r="D5557">
        <f t="shared" si="172"/>
        <v>2.4864169999999999E-3</v>
      </c>
      <c r="E5557" s="6">
        <f t="shared" si="173"/>
        <v>9.4384389319999998E-2</v>
      </c>
    </row>
    <row r="5558" spans="1:5" x14ac:dyDescent="0.25">
      <c r="A5558" s="1">
        <v>43787.375</v>
      </c>
      <c r="B5558" s="2">
        <v>40.58</v>
      </c>
      <c r="C5558">
        <v>4.3588909999999998</v>
      </c>
      <c r="D5558">
        <f t="shared" si="172"/>
        <v>4.3588910000000002E-3</v>
      </c>
      <c r="E5558" s="6">
        <f t="shared" si="173"/>
        <v>0.17688379677999999</v>
      </c>
    </row>
    <row r="5559" spans="1:5" x14ac:dyDescent="0.25">
      <c r="A5559" s="1">
        <v>43787.416666666664</v>
      </c>
      <c r="B5559" s="2">
        <v>41.6</v>
      </c>
      <c r="C5559">
        <v>5.6792169999999995</v>
      </c>
      <c r="D5559">
        <f t="shared" si="172"/>
        <v>5.6792169999999994E-3</v>
      </c>
      <c r="E5559" s="6">
        <f t="shared" si="173"/>
        <v>0.23625542719999998</v>
      </c>
    </row>
    <row r="5560" spans="1:5" x14ac:dyDescent="0.25">
      <c r="A5560" s="1">
        <v>43787.458333333336</v>
      </c>
      <c r="B5560" s="2">
        <v>35.68</v>
      </c>
      <c r="C5560">
        <v>6.2880039999999999</v>
      </c>
      <c r="D5560">
        <f t="shared" si="172"/>
        <v>6.2880039999999998E-3</v>
      </c>
      <c r="E5560" s="6">
        <f t="shared" si="173"/>
        <v>0.22435598271999999</v>
      </c>
    </row>
    <row r="5561" spans="1:5" x14ac:dyDescent="0.25">
      <c r="A5561" s="1">
        <v>43787.5</v>
      </c>
      <c r="B5561" s="2">
        <v>32.770000000000003</v>
      </c>
      <c r="C5561">
        <v>6.3673969999999995</v>
      </c>
      <c r="D5561">
        <f t="shared" si="172"/>
        <v>6.3673969999999995E-3</v>
      </c>
      <c r="E5561" s="6">
        <f t="shared" si="173"/>
        <v>0.20865959969</v>
      </c>
    </row>
    <row r="5562" spans="1:5" x14ac:dyDescent="0.25">
      <c r="A5562" s="1">
        <v>43787.541666666664</v>
      </c>
      <c r="B5562" s="2">
        <v>31.76</v>
      </c>
      <c r="C5562">
        <v>5.8769390000000001</v>
      </c>
      <c r="D5562">
        <f t="shared" si="172"/>
        <v>5.8769390000000003E-3</v>
      </c>
      <c r="E5562" s="6">
        <f t="shared" si="173"/>
        <v>0.18665158264000001</v>
      </c>
    </row>
    <row r="5563" spans="1:5" x14ac:dyDescent="0.25">
      <c r="A5563" s="1">
        <v>43787.583333333336</v>
      </c>
      <c r="B5563" s="2">
        <v>29.85</v>
      </c>
      <c r="C5563">
        <v>3.739541</v>
      </c>
      <c r="D5563">
        <f t="shared" si="172"/>
        <v>3.7395409999999999E-3</v>
      </c>
      <c r="E5563" s="6">
        <f t="shared" si="173"/>
        <v>0.11162529885</v>
      </c>
    </row>
    <row r="5564" spans="1:5" x14ac:dyDescent="0.25">
      <c r="A5564" s="1">
        <v>43787.625</v>
      </c>
      <c r="B5564" s="2">
        <v>29.45</v>
      </c>
      <c r="C5564">
        <v>2.0351400000000002</v>
      </c>
      <c r="D5564">
        <f t="shared" si="172"/>
        <v>2.0351400000000004E-3</v>
      </c>
      <c r="E5564" s="6">
        <f t="shared" si="173"/>
        <v>5.9934873000000007E-2</v>
      </c>
    </row>
    <row r="5565" spans="1:5" x14ac:dyDescent="0.25">
      <c r="A5565" s="1">
        <v>43787.666666666664</v>
      </c>
      <c r="B5565" s="2">
        <v>35</v>
      </c>
      <c r="C5565">
        <v>0.47491300000000003</v>
      </c>
      <c r="D5565">
        <f t="shared" si="172"/>
        <v>4.7491300000000004E-4</v>
      </c>
      <c r="E5565" s="6">
        <f t="shared" si="173"/>
        <v>1.6621955000000001E-2</v>
      </c>
    </row>
    <row r="5566" spans="1:5" x14ac:dyDescent="0.25">
      <c r="A5566" s="1">
        <v>43787.708333333336</v>
      </c>
      <c r="B5566" s="2">
        <v>42.79</v>
      </c>
      <c r="C5566">
        <v>0</v>
      </c>
      <c r="D5566">
        <f t="shared" si="172"/>
        <v>0</v>
      </c>
      <c r="E5566" s="6">
        <f t="shared" si="173"/>
        <v>0</v>
      </c>
    </row>
    <row r="5567" spans="1:5" x14ac:dyDescent="0.25">
      <c r="A5567" s="1">
        <v>43787.75</v>
      </c>
      <c r="B5567" s="2">
        <v>38.549999999999997</v>
      </c>
      <c r="C5567">
        <v>0</v>
      </c>
      <c r="D5567">
        <f t="shared" si="172"/>
        <v>0</v>
      </c>
      <c r="E5567" s="6">
        <f t="shared" si="173"/>
        <v>0</v>
      </c>
    </row>
    <row r="5568" spans="1:5" x14ac:dyDescent="0.25">
      <c r="A5568" s="1">
        <v>43787.791666666664</v>
      </c>
      <c r="B5568" s="2">
        <v>36.880000000000003</v>
      </c>
      <c r="C5568">
        <v>0</v>
      </c>
      <c r="D5568">
        <f t="shared" si="172"/>
        <v>0</v>
      </c>
      <c r="E5568" s="6">
        <f t="shared" si="173"/>
        <v>0</v>
      </c>
    </row>
    <row r="5569" spans="1:5" x14ac:dyDescent="0.25">
      <c r="A5569" s="1">
        <v>43787.833333333336</v>
      </c>
      <c r="B5569" s="2">
        <v>36</v>
      </c>
      <c r="C5569">
        <v>0</v>
      </c>
      <c r="D5569">
        <f t="shared" si="172"/>
        <v>0</v>
      </c>
      <c r="E5569" s="6">
        <f t="shared" si="173"/>
        <v>0</v>
      </c>
    </row>
    <row r="5570" spans="1:5" x14ac:dyDescent="0.25">
      <c r="A5570" s="1">
        <v>43787.875</v>
      </c>
      <c r="B5570" s="2">
        <v>32.4</v>
      </c>
      <c r="C5570">
        <v>0</v>
      </c>
      <c r="D5570">
        <f t="shared" si="172"/>
        <v>0</v>
      </c>
      <c r="E5570" s="6">
        <f t="shared" si="173"/>
        <v>0</v>
      </c>
    </row>
    <row r="5571" spans="1:5" x14ac:dyDescent="0.25">
      <c r="A5571" s="1">
        <v>43787.916666666664</v>
      </c>
      <c r="B5571" s="2">
        <v>28.43</v>
      </c>
      <c r="C5571">
        <v>0</v>
      </c>
      <c r="D5571">
        <f t="shared" si="172"/>
        <v>0</v>
      </c>
      <c r="E5571" s="6">
        <f t="shared" si="173"/>
        <v>0</v>
      </c>
    </row>
    <row r="5572" spans="1:5" x14ac:dyDescent="0.25">
      <c r="A5572" s="1">
        <v>43787.958333333336</v>
      </c>
      <c r="B5572" s="2">
        <v>26.35</v>
      </c>
      <c r="C5572">
        <v>0</v>
      </c>
      <c r="D5572">
        <f t="shared" si="172"/>
        <v>0</v>
      </c>
      <c r="E5572" s="6">
        <f t="shared" si="173"/>
        <v>0</v>
      </c>
    </row>
    <row r="5573" spans="1:5" x14ac:dyDescent="0.25">
      <c r="A5573" s="1">
        <v>43788</v>
      </c>
      <c r="B5573" s="2">
        <v>26.04</v>
      </c>
      <c r="C5573">
        <v>0</v>
      </c>
      <c r="D5573">
        <f t="shared" si="172"/>
        <v>0</v>
      </c>
      <c r="E5573" s="6">
        <f t="shared" si="173"/>
        <v>0</v>
      </c>
    </row>
    <row r="5574" spans="1:5" x14ac:dyDescent="0.25">
      <c r="A5574" s="1">
        <v>43788.041666666664</v>
      </c>
      <c r="B5574" s="2">
        <v>25.63</v>
      </c>
      <c r="C5574">
        <v>0</v>
      </c>
      <c r="D5574">
        <f t="shared" ref="D5574:D5637" si="174">C5574/1000</f>
        <v>0</v>
      </c>
      <c r="E5574" s="6">
        <f t="shared" ref="E5574:E5637" si="175">D5574*B5574</f>
        <v>0</v>
      </c>
    </row>
    <row r="5575" spans="1:5" x14ac:dyDescent="0.25">
      <c r="A5575" s="1">
        <v>43788.083333333336</v>
      </c>
      <c r="B5575" s="2">
        <v>25.49</v>
      </c>
      <c r="C5575">
        <v>0</v>
      </c>
      <c r="D5575">
        <f t="shared" si="174"/>
        <v>0</v>
      </c>
      <c r="E5575" s="6">
        <f t="shared" si="175"/>
        <v>0</v>
      </c>
    </row>
    <row r="5576" spans="1:5" x14ac:dyDescent="0.25">
      <c r="A5576" s="1">
        <v>43788.125</v>
      </c>
      <c r="B5576" s="2">
        <v>25.77</v>
      </c>
      <c r="C5576">
        <v>0</v>
      </c>
      <c r="D5576">
        <f t="shared" si="174"/>
        <v>0</v>
      </c>
      <c r="E5576" s="6">
        <f t="shared" si="175"/>
        <v>0</v>
      </c>
    </row>
    <row r="5577" spans="1:5" x14ac:dyDescent="0.25">
      <c r="A5577" s="1">
        <v>43788.166666666664</v>
      </c>
      <c r="B5577" s="2">
        <v>26.15</v>
      </c>
      <c r="C5577">
        <v>0</v>
      </c>
      <c r="D5577">
        <f t="shared" si="174"/>
        <v>0</v>
      </c>
      <c r="E5577" s="6">
        <f t="shared" si="175"/>
        <v>0</v>
      </c>
    </row>
    <row r="5578" spans="1:5" x14ac:dyDescent="0.25">
      <c r="A5578" s="1">
        <v>43788.208333333336</v>
      </c>
      <c r="B5578" s="2">
        <v>31.5</v>
      </c>
      <c r="C5578">
        <v>0</v>
      </c>
      <c r="D5578">
        <f t="shared" si="174"/>
        <v>0</v>
      </c>
      <c r="E5578" s="6">
        <f t="shared" si="175"/>
        <v>0</v>
      </c>
    </row>
    <row r="5579" spans="1:5" x14ac:dyDescent="0.25">
      <c r="A5579" s="1">
        <v>43788.25</v>
      </c>
      <c r="B5579" s="2">
        <v>44.6</v>
      </c>
      <c r="C5579">
        <v>0</v>
      </c>
      <c r="D5579">
        <f t="shared" si="174"/>
        <v>0</v>
      </c>
      <c r="E5579" s="6">
        <f t="shared" si="175"/>
        <v>0</v>
      </c>
    </row>
    <row r="5580" spans="1:5" x14ac:dyDescent="0.25">
      <c r="A5580" s="1">
        <v>43788.291666666664</v>
      </c>
      <c r="B5580" s="2">
        <v>48.71</v>
      </c>
      <c r="C5580">
        <v>7.7882999999999994E-2</v>
      </c>
      <c r="D5580">
        <f t="shared" si="174"/>
        <v>7.7883E-5</v>
      </c>
      <c r="E5580" s="6">
        <f t="shared" si="175"/>
        <v>3.79368093E-3</v>
      </c>
    </row>
    <row r="5581" spans="1:5" x14ac:dyDescent="0.25">
      <c r="A5581" s="1">
        <v>43788.333333333336</v>
      </c>
      <c r="B5581" s="2">
        <v>41.17</v>
      </c>
      <c r="C5581">
        <v>7.6541999999999999E-2</v>
      </c>
      <c r="D5581">
        <f t="shared" si="174"/>
        <v>7.6542E-5</v>
      </c>
      <c r="E5581" s="6">
        <f t="shared" si="175"/>
        <v>3.15123414E-3</v>
      </c>
    </row>
    <row r="5582" spans="1:5" x14ac:dyDescent="0.25">
      <c r="A5582" s="1">
        <v>43788.375</v>
      </c>
      <c r="B5582" s="2">
        <v>40.14</v>
      </c>
      <c r="C5582">
        <v>0.19531999999999999</v>
      </c>
      <c r="D5582">
        <f t="shared" si="174"/>
        <v>1.9531999999999999E-4</v>
      </c>
      <c r="E5582" s="6">
        <f t="shared" si="175"/>
        <v>7.8401448000000006E-3</v>
      </c>
    </row>
    <row r="5583" spans="1:5" x14ac:dyDescent="0.25">
      <c r="A5583" s="1">
        <v>43788.416666666664</v>
      </c>
      <c r="B5583" s="2">
        <v>40.93</v>
      </c>
      <c r="C5583">
        <v>0.74549599999999994</v>
      </c>
      <c r="D5583">
        <f t="shared" si="174"/>
        <v>7.454959999999999E-4</v>
      </c>
      <c r="E5583" s="6">
        <f t="shared" si="175"/>
        <v>3.0513151279999994E-2</v>
      </c>
    </row>
    <row r="5584" spans="1:5" x14ac:dyDescent="0.25">
      <c r="A5584" s="1">
        <v>43788.458333333336</v>
      </c>
      <c r="B5584" s="2">
        <v>36.89</v>
      </c>
      <c r="C5584">
        <v>1.3605849999999999</v>
      </c>
      <c r="D5584">
        <f t="shared" si="174"/>
        <v>1.3605849999999999E-3</v>
      </c>
      <c r="E5584" s="6">
        <f t="shared" si="175"/>
        <v>5.0191980649999995E-2</v>
      </c>
    </row>
    <row r="5585" spans="1:5" x14ac:dyDescent="0.25">
      <c r="A5585" s="1">
        <v>43788.5</v>
      </c>
      <c r="B5585" s="2">
        <v>32.31</v>
      </c>
      <c r="C5585">
        <v>2.2331889999999999</v>
      </c>
      <c r="D5585">
        <f t="shared" si="174"/>
        <v>2.233189E-3</v>
      </c>
      <c r="E5585" s="6">
        <f t="shared" si="175"/>
        <v>7.2154336590000007E-2</v>
      </c>
    </row>
    <row r="5586" spans="1:5" x14ac:dyDescent="0.25">
      <c r="A5586" s="1">
        <v>43788.541666666664</v>
      </c>
      <c r="B5586" s="2">
        <v>29.54</v>
      </c>
      <c r="C5586">
        <v>1.159171</v>
      </c>
      <c r="D5586">
        <f t="shared" si="174"/>
        <v>1.1591709999999999E-3</v>
      </c>
      <c r="E5586" s="6">
        <f t="shared" si="175"/>
        <v>3.4241911339999993E-2</v>
      </c>
    </row>
    <row r="5587" spans="1:5" x14ac:dyDescent="0.25">
      <c r="A5587" s="1">
        <v>43788.583333333336</v>
      </c>
      <c r="B5587" s="2">
        <v>29.19</v>
      </c>
      <c r="C5587">
        <v>1.5504549999999999</v>
      </c>
      <c r="D5587">
        <f t="shared" si="174"/>
        <v>1.5504549999999998E-3</v>
      </c>
      <c r="E5587" s="6">
        <f t="shared" si="175"/>
        <v>4.5257781449999999E-2</v>
      </c>
    </row>
    <row r="5588" spans="1:5" x14ac:dyDescent="0.25">
      <c r="A5588" s="1">
        <v>43788.625</v>
      </c>
      <c r="B5588" s="2">
        <v>28.72</v>
      </c>
      <c r="C5588">
        <v>0.87385799999999991</v>
      </c>
      <c r="D5588">
        <f t="shared" si="174"/>
        <v>8.7385799999999993E-4</v>
      </c>
      <c r="E5588" s="6">
        <f t="shared" si="175"/>
        <v>2.5097201759999997E-2</v>
      </c>
    </row>
    <row r="5589" spans="1:5" x14ac:dyDescent="0.25">
      <c r="A5589" s="1">
        <v>43788.666666666664</v>
      </c>
      <c r="B5589" s="2">
        <v>37.39</v>
      </c>
      <c r="C5589">
        <v>0.75498199999999993</v>
      </c>
      <c r="D5589">
        <f t="shared" si="174"/>
        <v>7.5498199999999996E-4</v>
      </c>
      <c r="E5589" s="6">
        <f t="shared" si="175"/>
        <v>2.8228776979999998E-2</v>
      </c>
    </row>
    <row r="5590" spans="1:5" x14ac:dyDescent="0.25">
      <c r="A5590" s="1">
        <v>43788.708333333336</v>
      </c>
      <c r="B5590" s="2">
        <v>43.16</v>
      </c>
      <c r="C5590">
        <v>0</v>
      </c>
      <c r="D5590">
        <f t="shared" si="174"/>
        <v>0</v>
      </c>
      <c r="E5590" s="6">
        <f t="shared" si="175"/>
        <v>0</v>
      </c>
    </row>
    <row r="5591" spans="1:5" x14ac:dyDescent="0.25">
      <c r="A5591" s="1">
        <v>43788.75</v>
      </c>
      <c r="B5591" s="2">
        <v>40.090000000000003</v>
      </c>
      <c r="C5591">
        <v>0</v>
      </c>
      <c r="D5591">
        <f t="shared" si="174"/>
        <v>0</v>
      </c>
      <c r="E5591" s="6">
        <f t="shared" si="175"/>
        <v>0</v>
      </c>
    </row>
    <row r="5592" spans="1:5" x14ac:dyDescent="0.25">
      <c r="A5592" s="1">
        <v>43788.791666666664</v>
      </c>
      <c r="B5592" s="2">
        <v>38.19</v>
      </c>
      <c r="C5592">
        <v>0</v>
      </c>
      <c r="D5592">
        <f t="shared" si="174"/>
        <v>0</v>
      </c>
      <c r="E5592" s="6">
        <f t="shared" si="175"/>
        <v>0</v>
      </c>
    </row>
    <row r="5593" spans="1:5" x14ac:dyDescent="0.25">
      <c r="A5593" s="1">
        <v>43788.833333333336</v>
      </c>
      <c r="B5593" s="2">
        <v>37.340000000000003</v>
      </c>
      <c r="C5593">
        <v>0</v>
      </c>
      <c r="D5593">
        <f t="shared" si="174"/>
        <v>0</v>
      </c>
      <c r="E5593" s="6">
        <f t="shared" si="175"/>
        <v>0</v>
      </c>
    </row>
    <row r="5594" spans="1:5" x14ac:dyDescent="0.25">
      <c r="A5594" s="1">
        <v>43788.875</v>
      </c>
      <c r="B5594" s="2">
        <v>32.020000000000003</v>
      </c>
      <c r="C5594">
        <v>0</v>
      </c>
      <c r="D5594">
        <f t="shared" si="174"/>
        <v>0</v>
      </c>
      <c r="E5594" s="6">
        <f t="shared" si="175"/>
        <v>0</v>
      </c>
    </row>
    <row r="5595" spans="1:5" x14ac:dyDescent="0.25">
      <c r="A5595" s="1">
        <v>43788.916666666664</v>
      </c>
      <c r="B5595" s="2">
        <v>28.65</v>
      </c>
      <c r="C5595">
        <v>0</v>
      </c>
      <c r="D5595">
        <f t="shared" si="174"/>
        <v>0</v>
      </c>
      <c r="E5595" s="6">
        <f t="shared" si="175"/>
        <v>0</v>
      </c>
    </row>
    <row r="5596" spans="1:5" x14ac:dyDescent="0.25">
      <c r="A5596" s="1">
        <v>43788.958333333336</v>
      </c>
      <c r="B5596" s="2">
        <v>25.92</v>
      </c>
      <c r="C5596">
        <v>0</v>
      </c>
      <c r="D5596">
        <f t="shared" si="174"/>
        <v>0</v>
      </c>
      <c r="E5596" s="6">
        <f t="shared" si="175"/>
        <v>0</v>
      </c>
    </row>
    <row r="5597" spans="1:5" x14ac:dyDescent="0.25">
      <c r="A5597" s="1">
        <v>43789</v>
      </c>
      <c r="B5597" s="2">
        <v>25.74</v>
      </c>
      <c r="C5597">
        <v>0</v>
      </c>
      <c r="D5597">
        <f t="shared" si="174"/>
        <v>0</v>
      </c>
      <c r="E5597" s="6">
        <f t="shared" si="175"/>
        <v>0</v>
      </c>
    </row>
    <row r="5598" spans="1:5" x14ac:dyDescent="0.25">
      <c r="A5598" s="1">
        <v>43789.041666666664</v>
      </c>
      <c r="B5598" s="2">
        <v>25.5</v>
      </c>
      <c r="C5598">
        <v>0</v>
      </c>
      <c r="D5598">
        <f t="shared" si="174"/>
        <v>0</v>
      </c>
      <c r="E5598" s="6">
        <f t="shared" si="175"/>
        <v>0</v>
      </c>
    </row>
    <row r="5599" spans="1:5" x14ac:dyDescent="0.25">
      <c r="A5599" s="1">
        <v>43789.083333333336</v>
      </c>
      <c r="B5599" s="2">
        <v>24.96</v>
      </c>
      <c r="C5599">
        <v>0</v>
      </c>
      <c r="D5599">
        <f t="shared" si="174"/>
        <v>0</v>
      </c>
      <c r="E5599" s="6">
        <f t="shared" si="175"/>
        <v>0</v>
      </c>
    </row>
    <row r="5600" spans="1:5" x14ac:dyDescent="0.25">
      <c r="A5600" s="1">
        <v>43789.125</v>
      </c>
      <c r="B5600" s="2">
        <v>24.81</v>
      </c>
      <c r="C5600">
        <v>0</v>
      </c>
      <c r="D5600">
        <f t="shared" si="174"/>
        <v>0</v>
      </c>
      <c r="E5600" s="6">
        <f t="shared" si="175"/>
        <v>0</v>
      </c>
    </row>
    <row r="5601" spans="1:5" x14ac:dyDescent="0.25">
      <c r="A5601" s="1">
        <v>43789.166666666664</v>
      </c>
      <c r="B5601" s="2">
        <v>25.69</v>
      </c>
      <c r="C5601">
        <v>0</v>
      </c>
      <c r="D5601">
        <f t="shared" si="174"/>
        <v>0</v>
      </c>
      <c r="E5601" s="6">
        <f t="shared" si="175"/>
        <v>0</v>
      </c>
    </row>
    <row r="5602" spans="1:5" x14ac:dyDescent="0.25">
      <c r="A5602" s="1">
        <v>43789.208333333336</v>
      </c>
      <c r="B5602" s="2">
        <v>29.38</v>
      </c>
      <c r="C5602">
        <v>0</v>
      </c>
      <c r="D5602">
        <f t="shared" si="174"/>
        <v>0</v>
      </c>
      <c r="E5602" s="6">
        <f t="shared" si="175"/>
        <v>0</v>
      </c>
    </row>
    <row r="5603" spans="1:5" x14ac:dyDescent="0.25">
      <c r="A5603" s="1">
        <v>43789.25</v>
      </c>
      <c r="B5603" s="2">
        <v>42.85</v>
      </c>
      <c r="C5603">
        <v>0</v>
      </c>
      <c r="D5603">
        <f t="shared" si="174"/>
        <v>0</v>
      </c>
      <c r="E5603" s="6">
        <f t="shared" si="175"/>
        <v>0</v>
      </c>
    </row>
    <row r="5604" spans="1:5" x14ac:dyDescent="0.25">
      <c r="A5604" s="1">
        <v>43789.291666666664</v>
      </c>
      <c r="B5604" s="2">
        <v>42.95</v>
      </c>
      <c r="C5604">
        <v>0.34132400000000002</v>
      </c>
      <c r="D5604">
        <f t="shared" si="174"/>
        <v>3.41324E-4</v>
      </c>
      <c r="E5604" s="6">
        <f t="shared" si="175"/>
        <v>1.4659865800000001E-2</v>
      </c>
    </row>
    <row r="5605" spans="1:5" x14ac:dyDescent="0.25">
      <c r="A5605" s="1">
        <v>43789.333333333336</v>
      </c>
      <c r="B5605" s="2">
        <v>39.11</v>
      </c>
      <c r="C5605">
        <v>2.339626</v>
      </c>
      <c r="D5605">
        <f t="shared" si="174"/>
        <v>2.339626E-3</v>
      </c>
      <c r="E5605" s="6">
        <f t="shared" si="175"/>
        <v>9.1502772859999998E-2</v>
      </c>
    </row>
    <row r="5606" spans="1:5" x14ac:dyDescent="0.25">
      <c r="A5606" s="1">
        <v>43789.375</v>
      </c>
      <c r="B5606" s="2">
        <v>36.380000000000003</v>
      </c>
      <c r="C5606">
        <v>4.1310969999999996</v>
      </c>
      <c r="D5606">
        <f t="shared" si="174"/>
        <v>4.1310969999999994E-3</v>
      </c>
      <c r="E5606" s="6">
        <f t="shared" si="175"/>
        <v>0.15028930886</v>
      </c>
    </row>
    <row r="5607" spans="1:5" x14ac:dyDescent="0.25">
      <c r="A5607" s="1">
        <v>43789.416666666664</v>
      </c>
      <c r="B5607" s="2">
        <v>37.35</v>
      </c>
      <c r="C5607">
        <v>5.3767670000000001</v>
      </c>
      <c r="D5607">
        <f t="shared" si="174"/>
        <v>5.3767670000000002E-3</v>
      </c>
      <c r="E5607" s="6">
        <f t="shared" si="175"/>
        <v>0.20082224745000002</v>
      </c>
    </row>
    <row r="5608" spans="1:5" x14ac:dyDescent="0.25">
      <c r="A5608" s="1">
        <v>43789.458333333336</v>
      </c>
      <c r="B5608" s="2">
        <v>33.53</v>
      </c>
      <c r="C5608">
        <v>6.0375050000000003</v>
      </c>
      <c r="D5608">
        <f t="shared" si="174"/>
        <v>6.0375050000000003E-3</v>
      </c>
      <c r="E5608" s="6">
        <f t="shared" si="175"/>
        <v>0.20243754265000002</v>
      </c>
    </row>
    <row r="5609" spans="1:5" x14ac:dyDescent="0.25">
      <c r="A5609" s="1">
        <v>43789.5</v>
      </c>
      <c r="B5609" s="2">
        <v>30.4</v>
      </c>
      <c r="C5609">
        <v>6.1535339999999996</v>
      </c>
      <c r="D5609">
        <f t="shared" si="174"/>
        <v>6.1535339999999996E-3</v>
      </c>
      <c r="E5609" s="6">
        <f t="shared" si="175"/>
        <v>0.18706743359999997</v>
      </c>
    </row>
    <row r="5610" spans="1:5" x14ac:dyDescent="0.25">
      <c r="A5610" s="1">
        <v>43789.541666666664</v>
      </c>
      <c r="B5610" s="2">
        <v>29.58</v>
      </c>
      <c r="C5610">
        <v>5.7568410000000005</v>
      </c>
      <c r="D5610">
        <f t="shared" si="174"/>
        <v>5.7568410000000004E-3</v>
      </c>
      <c r="E5610" s="6">
        <f t="shared" si="175"/>
        <v>0.17028735678000001</v>
      </c>
    </row>
    <row r="5611" spans="1:5" x14ac:dyDescent="0.25">
      <c r="A5611" s="1">
        <v>43789.583333333336</v>
      </c>
      <c r="B5611" s="2">
        <v>29.52</v>
      </c>
      <c r="C5611">
        <v>4.8388329999999993</v>
      </c>
      <c r="D5611">
        <f t="shared" si="174"/>
        <v>4.838832999999999E-3</v>
      </c>
      <c r="E5611" s="6">
        <f t="shared" si="175"/>
        <v>0.14284235015999996</v>
      </c>
    </row>
    <row r="5612" spans="1:5" x14ac:dyDescent="0.25">
      <c r="A5612" s="1">
        <v>43789.625</v>
      </c>
      <c r="B5612" s="2">
        <v>28.87</v>
      </c>
      <c r="C5612">
        <v>3.3772199999999999</v>
      </c>
      <c r="D5612">
        <f t="shared" si="174"/>
        <v>3.3772199999999998E-3</v>
      </c>
      <c r="E5612" s="6">
        <f t="shared" si="175"/>
        <v>9.7500341399999996E-2</v>
      </c>
    </row>
    <row r="5613" spans="1:5" x14ac:dyDescent="0.25">
      <c r="A5613" s="1">
        <v>43789.666666666664</v>
      </c>
      <c r="B5613" s="2">
        <v>34.03</v>
      </c>
      <c r="C5613">
        <v>1.491546</v>
      </c>
      <c r="D5613">
        <f t="shared" si="174"/>
        <v>1.4915460000000001E-3</v>
      </c>
      <c r="E5613" s="6">
        <f t="shared" si="175"/>
        <v>5.0757310380000004E-2</v>
      </c>
    </row>
    <row r="5614" spans="1:5" x14ac:dyDescent="0.25">
      <c r="A5614" s="1">
        <v>43789.708333333336</v>
      </c>
      <c r="B5614" s="2">
        <v>41.41</v>
      </c>
      <c r="C5614">
        <v>0</v>
      </c>
      <c r="D5614">
        <f t="shared" si="174"/>
        <v>0</v>
      </c>
      <c r="E5614" s="6">
        <f t="shared" si="175"/>
        <v>0</v>
      </c>
    </row>
    <row r="5615" spans="1:5" x14ac:dyDescent="0.25">
      <c r="A5615" s="1">
        <v>43789.75</v>
      </c>
      <c r="B5615" s="2">
        <v>36.85</v>
      </c>
      <c r="C5615">
        <v>0</v>
      </c>
      <c r="D5615">
        <f t="shared" si="174"/>
        <v>0</v>
      </c>
      <c r="E5615" s="6">
        <f t="shared" si="175"/>
        <v>0</v>
      </c>
    </row>
    <row r="5616" spans="1:5" x14ac:dyDescent="0.25">
      <c r="A5616" s="1">
        <v>43789.791666666664</v>
      </c>
      <c r="B5616" s="2">
        <v>34.39</v>
      </c>
      <c r="C5616">
        <v>0</v>
      </c>
      <c r="D5616">
        <f t="shared" si="174"/>
        <v>0</v>
      </c>
      <c r="E5616" s="6">
        <f t="shared" si="175"/>
        <v>0</v>
      </c>
    </row>
    <row r="5617" spans="1:5" x14ac:dyDescent="0.25">
      <c r="A5617" s="1">
        <v>43789.833333333336</v>
      </c>
      <c r="B5617" s="2">
        <v>34.21</v>
      </c>
      <c r="C5617">
        <v>0</v>
      </c>
      <c r="D5617">
        <f t="shared" si="174"/>
        <v>0</v>
      </c>
      <c r="E5617" s="6">
        <f t="shared" si="175"/>
        <v>0</v>
      </c>
    </row>
    <row r="5618" spans="1:5" x14ac:dyDescent="0.25">
      <c r="A5618" s="1">
        <v>43789.875</v>
      </c>
      <c r="B5618" s="2">
        <v>27.8</v>
      </c>
      <c r="C5618">
        <v>0</v>
      </c>
      <c r="D5618">
        <f t="shared" si="174"/>
        <v>0</v>
      </c>
      <c r="E5618" s="6">
        <f t="shared" si="175"/>
        <v>0</v>
      </c>
    </row>
    <row r="5619" spans="1:5" x14ac:dyDescent="0.25">
      <c r="A5619" s="1">
        <v>43789.916666666664</v>
      </c>
      <c r="B5619" s="2">
        <v>25.42</v>
      </c>
      <c r="C5619">
        <v>0</v>
      </c>
      <c r="D5619">
        <f t="shared" si="174"/>
        <v>0</v>
      </c>
      <c r="E5619" s="6">
        <f t="shared" si="175"/>
        <v>0</v>
      </c>
    </row>
    <row r="5620" spans="1:5" x14ac:dyDescent="0.25">
      <c r="A5620" s="1">
        <v>43789.958333333336</v>
      </c>
      <c r="B5620" s="2">
        <v>24.63</v>
      </c>
      <c r="C5620">
        <v>0</v>
      </c>
      <c r="D5620">
        <f t="shared" si="174"/>
        <v>0</v>
      </c>
      <c r="E5620" s="6">
        <f t="shared" si="175"/>
        <v>0</v>
      </c>
    </row>
    <row r="5621" spans="1:5" x14ac:dyDescent="0.25">
      <c r="A5621" s="1">
        <v>43790</v>
      </c>
      <c r="B5621" s="2">
        <v>23.11</v>
      </c>
      <c r="C5621">
        <v>0</v>
      </c>
      <c r="D5621">
        <f t="shared" si="174"/>
        <v>0</v>
      </c>
      <c r="E5621" s="6">
        <f t="shared" si="175"/>
        <v>0</v>
      </c>
    </row>
    <row r="5622" spans="1:5" x14ac:dyDescent="0.25">
      <c r="A5622" s="1">
        <v>43790.041666666664</v>
      </c>
      <c r="B5622" s="2">
        <v>22.45</v>
      </c>
      <c r="C5622">
        <v>0</v>
      </c>
      <c r="D5622">
        <f t="shared" si="174"/>
        <v>0</v>
      </c>
      <c r="E5622" s="6">
        <f t="shared" si="175"/>
        <v>0</v>
      </c>
    </row>
    <row r="5623" spans="1:5" x14ac:dyDescent="0.25">
      <c r="A5623" s="1">
        <v>43790.083333333336</v>
      </c>
      <c r="B5623" s="2">
        <v>22.08</v>
      </c>
      <c r="C5623">
        <v>0</v>
      </c>
      <c r="D5623">
        <f t="shared" si="174"/>
        <v>0</v>
      </c>
      <c r="E5623" s="6">
        <f t="shared" si="175"/>
        <v>0</v>
      </c>
    </row>
    <row r="5624" spans="1:5" x14ac:dyDescent="0.25">
      <c r="A5624" s="1">
        <v>43790.125</v>
      </c>
      <c r="B5624" s="2">
        <v>22.61</v>
      </c>
      <c r="C5624">
        <v>0</v>
      </c>
      <c r="D5624">
        <f t="shared" si="174"/>
        <v>0</v>
      </c>
      <c r="E5624" s="6">
        <f t="shared" si="175"/>
        <v>0</v>
      </c>
    </row>
    <row r="5625" spans="1:5" x14ac:dyDescent="0.25">
      <c r="A5625" s="1">
        <v>43790.166666666664</v>
      </c>
      <c r="B5625" s="2">
        <v>23.61</v>
      </c>
      <c r="C5625">
        <v>0</v>
      </c>
      <c r="D5625">
        <f t="shared" si="174"/>
        <v>0</v>
      </c>
      <c r="E5625" s="6">
        <f t="shared" si="175"/>
        <v>0</v>
      </c>
    </row>
    <row r="5626" spans="1:5" x14ac:dyDescent="0.25">
      <c r="A5626" s="1">
        <v>43790.208333333336</v>
      </c>
      <c r="B5626" s="2">
        <v>25.89</v>
      </c>
      <c r="C5626">
        <v>0</v>
      </c>
      <c r="D5626">
        <f t="shared" si="174"/>
        <v>0</v>
      </c>
      <c r="E5626" s="6">
        <f t="shared" si="175"/>
        <v>0</v>
      </c>
    </row>
    <row r="5627" spans="1:5" x14ac:dyDescent="0.25">
      <c r="A5627" s="1">
        <v>43790.25</v>
      </c>
      <c r="B5627" s="2">
        <v>40.81</v>
      </c>
      <c r="C5627">
        <v>0</v>
      </c>
      <c r="D5627">
        <f t="shared" si="174"/>
        <v>0</v>
      </c>
      <c r="E5627" s="6">
        <f t="shared" si="175"/>
        <v>0</v>
      </c>
    </row>
    <row r="5628" spans="1:5" x14ac:dyDescent="0.25">
      <c r="A5628" s="1">
        <v>43790.291666666664</v>
      </c>
      <c r="B5628" s="2">
        <v>36.880000000000003</v>
      </c>
      <c r="C5628">
        <v>6.5761E-2</v>
      </c>
      <c r="D5628">
        <f t="shared" si="174"/>
        <v>6.5760999999999996E-5</v>
      </c>
      <c r="E5628" s="6">
        <f t="shared" si="175"/>
        <v>2.4252656800000001E-3</v>
      </c>
    </row>
    <row r="5629" spans="1:5" x14ac:dyDescent="0.25">
      <c r="A5629" s="1">
        <v>43790.333333333336</v>
      </c>
      <c r="B5629" s="2">
        <v>32.28</v>
      </c>
      <c r="C5629">
        <v>1.711992</v>
      </c>
      <c r="D5629">
        <f t="shared" si="174"/>
        <v>1.7119919999999999E-3</v>
      </c>
      <c r="E5629" s="6">
        <f t="shared" si="175"/>
        <v>5.5263101759999995E-2</v>
      </c>
    </row>
    <row r="5630" spans="1:5" x14ac:dyDescent="0.25">
      <c r="A5630" s="1">
        <v>43790.375</v>
      </c>
      <c r="B5630" s="2">
        <v>30.19</v>
      </c>
      <c r="C5630">
        <v>3.1718169999999999</v>
      </c>
      <c r="D5630">
        <f t="shared" si="174"/>
        <v>3.171817E-3</v>
      </c>
      <c r="E5630" s="6">
        <f t="shared" si="175"/>
        <v>9.5757155230000002E-2</v>
      </c>
    </row>
    <row r="5631" spans="1:5" x14ac:dyDescent="0.25">
      <c r="A5631" s="1">
        <v>43790.416666666664</v>
      </c>
      <c r="B5631" s="2">
        <v>28.34</v>
      </c>
      <c r="C5631">
        <v>5.3560179999999997</v>
      </c>
      <c r="D5631">
        <f t="shared" si="174"/>
        <v>5.3560179999999997E-3</v>
      </c>
      <c r="E5631" s="6">
        <f t="shared" si="175"/>
        <v>0.15178955011999998</v>
      </c>
    </row>
    <row r="5632" spans="1:5" x14ac:dyDescent="0.25">
      <c r="A5632" s="1">
        <v>43790.458333333336</v>
      </c>
      <c r="B5632" s="2">
        <v>26.51</v>
      </c>
      <c r="C5632">
        <v>6.0030150000000004</v>
      </c>
      <c r="D5632">
        <f t="shared" si="174"/>
        <v>6.0030150000000004E-3</v>
      </c>
      <c r="E5632" s="6">
        <f t="shared" si="175"/>
        <v>0.15913992765000001</v>
      </c>
    </row>
    <row r="5633" spans="1:5" x14ac:dyDescent="0.25">
      <c r="A5633" s="1">
        <v>43790.5</v>
      </c>
      <c r="B5633" s="2">
        <v>25.54</v>
      </c>
      <c r="C5633">
        <v>4.9895060000000004</v>
      </c>
      <c r="D5633">
        <f t="shared" si="174"/>
        <v>4.9895060000000003E-3</v>
      </c>
      <c r="E5633" s="6">
        <f t="shared" si="175"/>
        <v>0.12743198323999999</v>
      </c>
    </row>
    <row r="5634" spans="1:5" x14ac:dyDescent="0.25">
      <c r="A5634" s="1">
        <v>43790.541666666664</v>
      </c>
      <c r="B5634" s="2">
        <v>24.85</v>
      </c>
      <c r="C5634">
        <v>4.7384329999999997</v>
      </c>
      <c r="D5634">
        <f t="shared" si="174"/>
        <v>4.7384329999999994E-3</v>
      </c>
      <c r="E5634" s="6">
        <f t="shared" si="175"/>
        <v>0.11775006004999999</v>
      </c>
    </row>
    <row r="5635" spans="1:5" x14ac:dyDescent="0.25">
      <c r="A5635" s="1">
        <v>43790.583333333336</v>
      </c>
      <c r="B5635" s="2">
        <v>24.31</v>
      </c>
      <c r="C5635">
        <v>4.0780880000000002</v>
      </c>
      <c r="D5635">
        <f t="shared" si="174"/>
        <v>4.0780880000000005E-3</v>
      </c>
      <c r="E5635" s="6">
        <f t="shared" si="175"/>
        <v>9.9138319280000012E-2</v>
      </c>
    </row>
    <row r="5636" spans="1:5" x14ac:dyDescent="0.25">
      <c r="A5636" s="1">
        <v>43790.625</v>
      </c>
      <c r="B5636" s="2">
        <v>24.17</v>
      </c>
      <c r="C5636">
        <v>2.4548760000000001</v>
      </c>
      <c r="D5636">
        <f t="shared" si="174"/>
        <v>2.4548759999999999E-3</v>
      </c>
      <c r="E5636" s="6">
        <f t="shared" si="175"/>
        <v>5.933435292E-2</v>
      </c>
    </row>
    <row r="5637" spans="1:5" x14ac:dyDescent="0.25">
      <c r="A5637" s="1">
        <v>43790.666666666664</v>
      </c>
      <c r="B5637" s="2">
        <v>25.56</v>
      </c>
      <c r="C5637">
        <v>0.51869699999999996</v>
      </c>
      <c r="D5637">
        <f t="shared" si="174"/>
        <v>5.1869699999999993E-4</v>
      </c>
      <c r="E5637" s="6">
        <f t="shared" si="175"/>
        <v>1.3257895319999997E-2</v>
      </c>
    </row>
    <row r="5638" spans="1:5" x14ac:dyDescent="0.25">
      <c r="A5638" s="1">
        <v>43790.708333333336</v>
      </c>
      <c r="B5638" s="2">
        <v>29.35</v>
      </c>
      <c r="C5638">
        <v>0</v>
      </c>
      <c r="D5638">
        <f t="shared" ref="D5638:D5701" si="176">C5638/1000</f>
        <v>0</v>
      </c>
      <c r="E5638" s="6">
        <f t="shared" ref="E5638:E5701" si="177">D5638*B5638</f>
        <v>0</v>
      </c>
    </row>
    <row r="5639" spans="1:5" x14ac:dyDescent="0.25">
      <c r="A5639" s="1">
        <v>43790.75</v>
      </c>
      <c r="B5639" s="2">
        <v>28.28</v>
      </c>
      <c r="C5639">
        <v>0</v>
      </c>
      <c r="D5639">
        <f t="shared" si="176"/>
        <v>0</v>
      </c>
      <c r="E5639" s="6">
        <f t="shared" si="177"/>
        <v>0</v>
      </c>
    </row>
    <row r="5640" spans="1:5" x14ac:dyDescent="0.25">
      <c r="A5640" s="1">
        <v>43790.791666666664</v>
      </c>
      <c r="B5640" s="2">
        <v>27.6</v>
      </c>
      <c r="C5640">
        <v>0</v>
      </c>
      <c r="D5640">
        <f t="shared" si="176"/>
        <v>0</v>
      </c>
      <c r="E5640" s="6">
        <f t="shared" si="177"/>
        <v>0</v>
      </c>
    </row>
    <row r="5641" spans="1:5" x14ac:dyDescent="0.25">
      <c r="A5641" s="1">
        <v>43790.833333333336</v>
      </c>
      <c r="B5641" s="2">
        <v>26.07</v>
      </c>
      <c r="C5641">
        <v>0</v>
      </c>
      <c r="D5641">
        <f t="shared" si="176"/>
        <v>0</v>
      </c>
      <c r="E5641" s="6">
        <f t="shared" si="177"/>
        <v>0</v>
      </c>
    </row>
    <row r="5642" spans="1:5" x14ac:dyDescent="0.25">
      <c r="A5642" s="1">
        <v>43790.875</v>
      </c>
      <c r="B5642" s="2">
        <v>24.21</v>
      </c>
      <c r="C5642">
        <v>0</v>
      </c>
      <c r="D5642">
        <f t="shared" si="176"/>
        <v>0</v>
      </c>
      <c r="E5642" s="6">
        <f t="shared" si="177"/>
        <v>0</v>
      </c>
    </row>
    <row r="5643" spans="1:5" x14ac:dyDescent="0.25">
      <c r="A5643" s="1">
        <v>43790.916666666664</v>
      </c>
      <c r="B5643" s="2">
        <v>22.08</v>
      </c>
      <c r="C5643">
        <v>0</v>
      </c>
      <c r="D5643">
        <f t="shared" si="176"/>
        <v>0</v>
      </c>
      <c r="E5643" s="6">
        <f t="shared" si="177"/>
        <v>0</v>
      </c>
    </row>
    <row r="5644" spans="1:5" x14ac:dyDescent="0.25">
      <c r="A5644" s="1">
        <v>43790.958333333336</v>
      </c>
      <c r="B5644" s="2">
        <v>20.309999999999999</v>
      </c>
      <c r="C5644">
        <v>0</v>
      </c>
      <c r="D5644">
        <f t="shared" si="176"/>
        <v>0</v>
      </c>
      <c r="E5644" s="6">
        <f t="shared" si="177"/>
        <v>0</v>
      </c>
    </row>
    <row r="5645" spans="1:5" x14ac:dyDescent="0.25">
      <c r="A5645" s="1">
        <v>43791</v>
      </c>
      <c r="B5645" s="2">
        <v>19.32</v>
      </c>
      <c r="C5645">
        <v>0</v>
      </c>
      <c r="D5645">
        <f t="shared" si="176"/>
        <v>0</v>
      </c>
      <c r="E5645" s="6">
        <f t="shared" si="177"/>
        <v>0</v>
      </c>
    </row>
    <row r="5646" spans="1:5" x14ac:dyDescent="0.25">
      <c r="A5646" s="1">
        <v>43791.041666666664</v>
      </c>
      <c r="B5646" s="2">
        <v>19.18</v>
      </c>
      <c r="C5646">
        <v>0</v>
      </c>
      <c r="D5646">
        <f t="shared" si="176"/>
        <v>0</v>
      </c>
      <c r="E5646" s="6">
        <f t="shared" si="177"/>
        <v>0</v>
      </c>
    </row>
    <row r="5647" spans="1:5" x14ac:dyDescent="0.25">
      <c r="A5647" s="1">
        <v>43791.083333333336</v>
      </c>
      <c r="B5647" s="2">
        <v>18.75</v>
      </c>
      <c r="C5647">
        <v>0</v>
      </c>
      <c r="D5647">
        <f t="shared" si="176"/>
        <v>0</v>
      </c>
      <c r="E5647" s="6">
        <f t="shared" si="177"/>
        <v>0</v>
      </c>
    </row>
    <row r="5648" spans="1:5" x14ac:dyDescent="0.25">
      <c r="A5648" s="1">
        <v>43791.125</v>
      </c>
      <c r="B5648" s="2">
        <v>19.07</v>
      </c>
      <c r="C5648">
        <v>0</v>
      </c>
      <c r="D5648">
        <f t="shared" si="176"/>
        <v>0</v>
      </c>
      <c r="E5648" s="6">
        <f t="shared" si="177"/>
        <v>0</v>
      </c>
    </row>
    <row r="5649" spans="1:5" x14ac:dyDescent="0.25">
      <c r="A5649" s="1">
        <v>43791.166666666664</v>
      </c>
      <c r="B5649" s="2">
        <v>20.59</v>
      </c>
      <c r="C5649">
        <v>0</v>
      </c>
      <c r="D5649">
        <f t="shared" si="176"/>
        <v>0</v>
      </c>
      <c r="E5649" s="6">
        <f t="shared" si="177"/>
        <v>0</v>
      </c>
    </row>
    <row r="5650" spans="1:5" x14ac:dyDescent="0.25">
      <c r="A5650" s="1">
        <v>43791.208333333336</v>
      </c>
      <c r="B5650" s="2">
        <v>22.62</v>
      </c>
      <c r="C5650">
        <v>0</v>
      </c>
      <c r="D5650">
        <f t="shared" si="176"/>
        <v>0</v>
      </c>
      <c r="E5650" s="6">
        <f t="shared" si="177"/>
        <v>0</v>
      </c>
    </row>
    <row r="5651" spans="1:5" x14ac:dyDescent="0.25">
      <c r="A5651" s="1">
        <v>43791.25</v>
      </c>
      <c r="B5651" s="2">
        <v>30.87</v>
      </c>
      <c r="C5651">
        <v>0</v>
      </c>
      <c r="D5651">
        <f t="shared" si="176"/>
        <v>0</v>
      </c>
      <c r="E5651" s="6">
        <f t="shared" si="177"/>
        <v>0</v>
      </c>
    </row>
    <row r="5652" spans="1:5" x14ac:dyDescent="0.25">
      <c r="A5652" s="1">
        <v>43791.291666666664</v>
      </c>
      <c r="B5652" s="2">
        <v>29.55</v>
      </c>
      <c r="C5652">
        <v>0</v>
      </c>
      <c r="D5652">
        <f t="shared" si="176"/>
        <v>0</v>
      </c>
      <c r="E5652" s="6">
        <f t="shared" si="177"/>
        <v>0</v>
      </c>
    </row>
    <row r="5653" spans="1:5" x14ac:dyDescent="0.25">
      <c r="A5653" s="1">
        <v>43791.333333333336</v>
      </c>
      <c r="B5653" s="2">
        <v>27.43</v>
      </c>
      <c r="C5653">
        <v>0</v>
      </c>
      <c r="D5653">
        <f t="shared" si="176"/>
        <v>0</v>
      </c>
      <c r="E5653" s="6">
        <f t="shared" si="177"/>
        <v>0</v>
      </c>
    </row>
    <row r="5654" spans="1:5" x14ac:dyDescent="0.25">
      <c r="A5654" s="1">
        <v>43791.375</v>
      </c>
      <c r="B5654" s="2">
        <v>27.16</v>
      </c>
      <c r="C5654">
        <v>0.10465300000000001</v>
      </c>
      <c r="D5654">
        <f t="shared" si="176"/>
        <v>1.0465300000000002E-4</v>
      </c>
      <c r="E5654" s="6">
        <f t="shared" si="177"/>
        <v>2.8423754800000005E-3</v>
      </c>
    </row>
    <row r="5655" spans="1:5" x14ac:dyDescent="0.25">
      <c r="A5655" s="1">
        <v>43791.416666666664</v>
      </c>
      <c r="B5655" s="2">
        <v>27.53</v>
      </c>
      <c r="C5655">
        <v>1.973732</v>
      </c>
      <c r="D5655">
        <f t="shared" si="176"/>
        <v>1.9737320000000002E-3</v>
      </c>
      <c r="E5655" s="6">
        <f t="shared" si="177"/>
        <v>5.4336841960000007E-2</v>
      </c>
    </row>
    <row r="5656" spans="1:5" x14ac:dyDescent="0.25">
      <c r="A5656" s="1">
        <v>43791.458333333336</v>
      </c>
      <c r="B5656" s="2">
        <v>26.68</v>
      </c>
      <c r="C5656">
        <v>0.312415</v>
      </c>
      <c r="D5656">
        <f t="shared" si="176"/>
        <v>3.1241500000000002E-4</v>
      </c>
      <c r="E5656" s="6">
        <f t="shared" si="177"/>
        <v>8.3352322000000006E-3</v>
      </c>
    </row>
    <row r="5657" spans="1:5" x14ac:dyDescent="0.25">
      <c r="A5657" s="1">
        <v>43791.5</v>
      </c>
      <c r="B5657" s="2">
        <v>25.93</v>
      </c>
      <c r="C5657">
        <v>1.819024</v>
      </c>
      <c r="D5657">
        <f t="shared" si="176"/>
        <v>1.819024E-3</v>
      </c>
      <c r="E5657" s="6">
        <f t="shared" si="177"/>
        <v>4.7167292319999998E-2</v>
      </c>
    </row>
    <row r="5658" spans="1:5" x14ac:dyDescent="0.25">
      <c r="A5658" s="1">
        <v>43791.541666666664</v>
      </c>
      <c r="B5658" s="2">
        <v>25.49</v>
      </c>
      <c r="C5658">
        <v>2.2970109999999999</v>
      </c>
      <c r="D5658">
        <f t="shared" si="176"/>
        <v>2.2970109999999998E-3</v>
      </c>
      <c r="E5658" s="6">
        <f t="shared" si="177"/>
        <v>5.8550810389999992E-2</v>
      </c>
    </row>
    <row r="5659" spans="1:5" x14ac:dyDescent="0.25">
      <c r="A5659" s="1">
        <v>43791.583333333336</v>
      </c>
      <c r="B5659" s="2">
        <v>24.91</v>
      </c>
      <c r="C5659">
        <v>2.7866489999999997</v>
      </c>
      <c r="D5659">
        <f t="shared" si="176"/>
        <v>2.7866489999999995E-3</v>
      </c>
      <c r="E5659" s="6">
        <f t="shared" si="177"/>
        <v>6.9415426589999996E-2</v>
      </c>
    </row>
    <row r="5660" spans="1:5" x14ac:dyDescent="0.25">
      <c r="A5660" s="1">
        <v>43791.625</v>
      </c>
      <c r="B5660" s="2">
        <v>24.88</v>
      </c>
      <c r="C5660">
        <v>0.72006300000000001</v>
      </c>
      <c r="D5660">
        <f t="shared" si="176"/>
        <v>7.2006300000000006E-4</v>
      </c>
      <c r="E5660" s="6">
        <f t="shared" si="177"/>
        <v>1.7915167440000001E-2</v>
      </c>
    </row>
    <row r="5661" spans="1:5" x14ac:dyDescent="0.25">
      <c r="A5661" s="1">
        <v>43791.666666666664</v>
      </c>
      <c r="B5661" s="2">
        <v>27.44</v>
      </c>
      <c r="C5661">
        <v>1.4761040000000001</v>
      </c>
      <c r="D5661">
        <f t="shared" si="176"/>
        <v>1.476104E-3</v>
      </c>
      <c r="E5661" s="6">
        <f t="shared" si="177"/>
        <v>4.0504293760000004E-2</v>
      </c>
    </row>
    <row r="5662" spans="1:5" x14ac:dyDescent="0.25">
      <c r="A5662" s="1">
        <v>43791.708333333336</v>
      </c>
      <c r="B5662" s="2">
        <v>33.450000000000003</v>
      </c>
      <c r="C5662">
        <v>0</v>
      </c>
      <c r="D5662">
        <f t="shared" si="176"/>
        <v>0</v>
      </c>
      <c r="E5662" s="6">
        <f t="shared" si="177"/>
        <v>0</v>
      </c>
    </row>
    <row r="5663" spans="1:5" x14ac:dyDescent="0.25">
      <c r="A5663" s="1">
        <v>43791.75</v>
      </c>
      <c r="B5663" s="2">
        <v>31.32</v>
      </c>
      <c r="C5663">
        <v>0</v>
      </c>
      <c r="D5663">
        <f t="shared" si="176"/>
        <v>0</v>
      </c>
      <c r="E5663" s="6">
        <f t="shared" si="177"/>
        <v>0</v>
      </c>
    </row>
    <row r="5664" spans="1:5" x14ac:dyDescent="0.25">
      <c r="A5664" s="1">
        <v>43791.791666666664</v>
      </c>
      <c r="B5664" s="2">
        <v>31.17</v>
      </c>
      <c r="C5664">
        <v>0</v>
      </c>
      <c r="D5664">
        <f t="shared" si="176"/>
        <v>0</v>
      </c>
      <c r="E5664" s="6">
        <f t="shared" si="177"/>
        <v>0</v>
      </c>
    </row>
    <row r="5665" spans="1:5" x14ac:dyDescent="0.25">
      <c r="A5665" s="1">
        <v>43791.833333333336</v>
      </c>
      <c r="B5665" s="2">
        <v>29.84</v>
      </c>
      <c r="C5665">
        <v>0</v>
      </c>
      <c r="D5665">
        <f t="shared" si="176"/>
        <v>0</v>
      </c>
      <c r="E5665" s="6">
        <f t="shared" si="177"/>
        <v>0</v>
      </c>
    </row>
    <row r="5666" spans="1:5" x14ac:dyDescent="0.25">
      <c r="A5666" s="1">
        <v>43791.875</v>
      </c>
      <c r="B5666" s="2">
        <v>27.08</v>
      </c>
      <c r="C5666">
        <v>0</v>
      </c>
      <c r="D5666">
        <f t="shared" si="176"/>
        <v>0</v>
      </c>
      <c r="E5666" s="6">
        <f t="shared" si="177"/>
        <v>0</v>
      </c>
    </row>
    <row r="5667" spans="1:5" x14ac:dyDescent="0.25">
      <c r="A5667" s="1">
        <v>43791.916666666664</v>
      </c>
      <c r="B5667" s="2">
        <v>24.36</v>
      </c>
      <c r="C5667">
        <v>0</v>
      </c>
      <c r="D5667">
        <f t="shared" si="176"/>
        <v>0</v>
      </c>
      <c r="E5667" s="6">
        <f t="shared" si="177"/>
        <v>0</v>
      </c>
    </row>
    <row r="5668" spans="1:5" x14ac:dyDescent="0.25">
      <c r="A5668" s="1">
        <v>43791.958333333336</v>
      </c>
      <c r="B5668" s="2">
        <v>23.32</v>
      </c>
      <c r="C5668">
        <v>0</v>
      </c>
      <c r="D5668">
        <f t="shared" si="176"/>
        <v>0</v>
      </c>
      <c r="E5668" s="6">
        <f t="shared" si="177"/>
        <v>0</v>
      </c>
    </row>
    <row r="5669" spans="1:5" x14ac:dyDescent="0.25">
      <c r="A5669" s="1">
        <v>43792</v>
      </c>
      <c r="B5669" s="2">
        <v>23.69</v>
      </c>
      <c r="C5669">
        <v>0</v>
      </c>
      <c r="D5669">
        <f t="shared" si="176"/>
        <v>0</v>
      </c>
      <c r="E5669" s="6">
        <f t="shared" si="177"/>
        <v>0</v>
      </c>
    </row>
    <row r="5670" spans="1:5" x14ac:dyDescent="0.25">
      <c r="A5670" s="1">
        <v>43792.041666666664</v>
      </c>
      <c r="B5670" s="2">
        <v>23.37</v>
      </c>
      <c r="C5670">
        <v>0</v>
      </c>
      <c r="D5670">
        <f t="shared" si="176"/>
        <v>0</v>
      </c>
      <c r="E5670" s="6">
        <f t="shared" si="177"/>
        <v>0</v>
      </c>
    </row>
    <row r="5671" spans="1:5" x14ac:dyDescent="0.25">
      <c r="A5671" s="1">
        <v>43792.083333333336</v>
      </c>
      <c r="B5671" s="2">
        <v>23.39</v>
      </c>
      <c r="C5671">
        <v>0</v>
      </c>
      <c r="D5671">
        <f t="shared" si="176"/>
        <v>0</v>
      </c>
      <c r="E5671" s="6">
        <f t="shared" si="177"/>
        <v>0</v>
      </c>
    </row>
    <row r="5672" spans="1:5" x14ac:dyDescent="0.25">
      <c r="A5672" s="1">
        <v>43792.125</v>
      </c>
      <c r="B5672" s="2">
        <v>23.49</v>
      </c>
      <c r="C5672">
        <v>0</v>
      </c>
      <c r="D5672">
        <f t="shared" si="176"/>
        <v>0</v>
      </c>
      <c r="E5672" s="6">
        <f t="shared" si="177"/>
        <v>0</v>
      </c>
    </row>
    <row r="5673" spans="1:5" x14ac:dyDescent="0.25">
      <c r="A5673" s="1">
        <v>43792.166666666664</v>
      </c>
      <c r="B5673" s="2">
        <v>23.7</v>
      </c>
      <c r="C5673">
        <v>0</v>
      </c>
      <c r="D5673">
        <f t="shared" si="176"/>
        <v>0</v>
      </c>
      <c r="E5673" s="6">
        <f t="shared" si="177"/>
        <v>0</v>
      </c>
    </row>
    <row r="5674" spans="1:5" x14ac:dyDescent="0.25">
      <c r="A5674" s="1">
        <v>43792.208333333336</v>
      </c>
      <c r="B5674" s="2">
        <v>25.84</v>
      </c>
      <c r="C5674">
        <v>0</v>
      </c>
      <c r="D5674">
        <f t="shared" si="176"/>
        <v>0</v>
      </c>
      <c r="E5674" s="6">
        <f t="shared" si="177"/>
        <v>0</v>
      </c>
    </row>
    <row r="5675" spans="1:5" x14ac:dyDescent="0.25">
      <c r="A5675" s="1">
        <v>43792.25</v>
      </c>
      <c r="B5675" s="2">
        <v>29.92</v>
      </c>
      <c r="C5675">
        <v>0</v>
      </c>
      <c r="D5675">
        <f t="shared" si="176"/>
        <v>0</v>
      </c>
      <c r="E5675" s="6">
        <f t="shared" si="177"/>
        <v>0</v>
      </c>
    </row>
    <row r="5676" spans="1:5" x14ac:dyDescent="0.25">
      <c r="A5676" s="1">
        <v>43792.291666666664</v>
      </c>
      <c r="B5676" s="2">
        <v>31.52</v>
      </c>
      <c r="C5676">
        <v>0</v>
      </c>
      <c r="D5676">
        <f t="shared" si="176"/>
        <v>0</v>
      </c>
      <c r="E5676" s="6">
        <f t="shared" si="177"/>
        <v>0</v>
      </c>
    </row>
    <row r="5677" spans="1:5" x14ac:dyDescent="0.25">
      <c r="A5677" s="1">
        <v>43792.333333333336</v>
      </c>
      <c r="B5677" s="2">
        <v>31.28</v>
      </c>
      <c r="C5677">
        <v>0.78234400000000004</v>
      </c>
      <c r="D5677">
        <f t="shared" si="176"/>
        <v>7.8234400000000003E-4</v>
      </c>
      <c r="E5677" s="6">
        <f t="shared" si="177"/>
        <v>2.4471720320000001E-2</v>
      </c>
    </row>
    <row r="5678" spans="1:5" x14ac:dyDescent="0.25">
      <c r="A5678" s="1">
        <v>43792.375</v>
      </c>
      <c r="B5678" s="2">
        <v>28.98</v>
      </c>
      <c r="C5678">
        <v>4.2896679999999998</v>
      </c>
      <c r="D5678">
        <f t="shared" si="176"/>
        <v>4.289668E-3</v>
      </c>
      <c r="E5678" s="6">
        <f t="shared" si="177"/>
        <v>0.12431457864000001</v>
      </c>
    </row>
    <row r="5679" spans="1:5" x14ac:dyDescent="0.25">
      <c r="A5679" s="1">
        <v>43792.416666666664</v>
      </c>
      <c r="B5679" s="2">
        <v>29.05</v>
      </c>
      <c r="C5679">
        <v>1.1524719999999999</v>
      </c>
      <c r="D5679">
        <f t="shared" si="176"/>
        <v>1.1524719999999999E-3</v>
      </c>
      <c r="E5679" s="6">
        <f t="shared" si="177"/>
        <v>3.3479311599999999E-2</v>
      </c>
    </row>
    <row r="5680" spans="1:5" x14ac:dyDescent="0.25">
      <c r="A5680" s="1">
        <v>43792.458333333336</v>
      </c>
      <c r="B5680" s="2">
        <v>26.38</v>
      </c>
      <c r="C5680">
        <v>0.75523800000000008</v>
      </c>
      <c r="D5680">
        <f t="shared" si="176"/>
        <v>7.5523800000000009E-4</v>
      </c>
      <c r="E5680" s="6">
        <f t="shared" si="177"/>
        <v>1.9923178440000001E-2</v>
      </c>
    </row>
    <row r="5681" spans="1:5" x14ac:dyDescent="0.25">
      <c r="A5681" s="1">
        <v>43792.5</v>
      </c>
      <c r="B5681" s="2">
        <v>24.9</v>
      </c>
      <c r="C5681">
        <v>1.971498</v>
      </c>
      <c r="D5681">
        <f t="shared" si="176"/>
        <v>1.9714979999999999E-3</v>
      </c>
      <c r="E5681" s="6">
        <f t="shared" si="177"/>
        <v>4.9090300199999992E-2</v>
      </c>
    </row>
    <row r="5682" spans="1:5" x14ac:dyDescent="0.25">
      <c r="A5682" s="1">
        <v>43792.541666666664</v>
      </c>
      <c r="B5682" s="2">
        <v>24.5</v>
      </c>
      <c r="C5682">
        <v>1.083315</v>
      </c>
      <c r="D5682">
        <f t="shared" si="176"/>
        <v>1.0833150000000001E-3</v>
      </c>
      <c r="E5682" s="6">
        <f t="shared" si="177"/>
        <v>2.6541217500000002E-2</v>
      </c>
    </row>
    <row r="5683" spans="1:5" x14ac:dyDescent="0.25">
      <c r="A5683" s="1">
        <v>43792.583333333336</v>
      </c>
      <c r="B5683" s="2">
        <v>23.93</v>
      </c>
      <c r="C5683">
        <v>1.4760630000000001</v>
      </c>
      <c r="D5683">
        <f t="shared" si="176"/>
        <v>1.4760630000000001E-3</v>
      </c>
      <c r="E5683" s="6">
        <f t="shared" si="177"/>
        <v>3.5322187590000005E-2</v>
      </c>
    </row>
    <row r="5684" spans="1:5" x14ac:dyDescent="0.25">
      <c r="A5684" s="1">
        <v>43792.625</v>
      </c>
      <c r="B5684" s="2">
        <v>23.99</v>
      </c>
      <c r="C5684">
        <v>2.3433950000000001</v>
      </c>
      <c r="D5684">
        <f t="shared" si="176"/>
        <v>2.3433950000000003E-3</v>
      </c>
      <c r="E5684" s="6">
        <f t="shared" si="177"/>
        <v>5.6218046050000005E-2</v>
      </c>
    </row>
    <row r="5685" spans="1:5" x14ac:dyDescent="0.25">
      <c r="A5685" s="1">
        <v>43792.666666666664</v>
      </c>
      <c r="B5685" s="2">
        <v>25.41</v>
      </c>
      <c r="C5685">
        <v>1.6218009999999998</v>
      </c>
      <c r="D5685">
        <f t="shared" si="176"/>
        <v>1.6218009999999998E-3</v>
      </c>
      <c r="E5685" s="6">
        <f t="shared" si="177"/>
        <v>4.1209963409999995E-2</v>
      </c>
    </row>
    <row r="5686" spans="1:5" x14ac:dyDescent="0.25">
      <c r="A5686" s="1">
        <v>43792.708333333336</v>
      </c>
      <c r="B5686" s="2">
        <v>31.2</v>
      </c>
      <c r="C5686">
        <v>0</v>
      </c>
      <c r="D5686">
        <f t="shared" si="176"/>
        <v>0</v>
      </c>
      <c r="E5686" s="6">
        <f t="shared" si="177"/>
        <v>0</v>
      </c>
    </row>
    <row r="5687" spans="1:5" x14ac:dyDescent="0.25">
      <c r="A5687" s="1">
        <v>43792.75</v>
      </c>
      <c r="B5687" s="2">
        <v>28.14</v>
      </c>
      <c r="C5687">
        <v>0</v>
      </c>
      <c r="D5687">
        <f t="shared" si="176"/>
        <v>0</v>
      </c>
      <c r="E5687" s="6">
        <f t="shared" si="177"/>
        <v>0</v>
      </c>
    </row>
    <row r="5688" spans="1:5" x14ac:dyDescent="0.25">
      <c r="A5688" s="1">
        <v>43792.791666666664</v>
      </c>
      <c r="B5688" s="2">
        <v>26.3</v>
      </c>
      <c r="C5688">
        <v>0</v>
      </c>
      <c r="D5688">
        <f t="shared" si="176"/>
        <v>0</v>
      </c>
      <c r="E5688" s="6">
        <f t="shared" si="177"/>
        <v>0</v>
      </c>
    </row>
    <row r="5689" spans="1:5" x14ac:dyDescent="0.25">
      <c r="A5689" s="1">
        <v>43792.833333333336</v>
      </c>
      <c r="B5689" s="2">
        <v>25.11</v>
      </c>
      <c r="C5689">
        <v>0</v>
      </c>
      <c r="D5689">
        <f t="shared" si="176"/>
        <v>0</v>
      </c>
      <c r="E5689" s="6">
        <f t="shared" si="177"/>
        <v>0</v>
      </c>
    </row>
    <row r="5690" spans="1:5" x14ac:dyDescent="0.25">
      <c r="A5690" s="1">
        <v>43792.875</v>
      </c>
      <c r="B5690" s="2">
        <v>23.84</v>
      </c>
      <c r="C5690">
        <v>0</v>
      </c>
      <c r="D5690">
        <f t="shared" si="176"/>
        <v>0</v>
      </c>
      <c r="E5690" s="6">
        <f t="shared" si="177"/>
        <v>0</v>
      </c>
    </row>
    <row r="5691" spans="1:5" x14ac:dyDescent="0.25">
      <c r="A5691" s="1">
        <v>43792.916666666664</v>
      </c>
      <c r="B5691" s="2">
        <v>23.04</v>
      </c>
      <c r="C5691">
        <v>0</v>
      </c>
      <c r="D5691">
        <f t="shared" si="176"/>
        <v>0</v>
      </c>
      <c r="E5691" s="6">
        <f t="shared" si="177"/>
        <v>0</v>
      </c>
    </row>
    <row r="5692" spans="1:5" x14ac:dyDescent="0.25">
      <c r="A5692" s="1">
        <v>43792.958333333336</v>
      </c>
      <c r="B5692" s="2">
        <v>22.73</v>
      </c>
      <c r="C5692">
        <v>0</v>
      </c>
      <c r="D5692">
        <f t="shared" si="176"/>
        <v>0</v>
      </c>
      <c r="E5692" s="6">
        <f t="shared" si="177"/>
        <v>0</v>
      </c>
    </row>
    <row r="5693" spans="1:5" x14ac:dyDescent="0.25">
      <c r="A5693" s="1">
        <v>43793</v>
      </c>
      <c r="B5693" s="2">
        <v>20.03</v>
      </c>
      <c r="C5693">
        <v>0</v>
      </c>
      <c r="D5693">
        <f t="shared" si="176"/>
        <v>0</v>
      </c>
      <c r="E5693" s="6">
        <f t="shared" si="177"/>
        <v>0</v>
      </c>
    </row>
    <row r="5694" spans="1:5" x14ac:dyDescent="0.25">
      <c r="A5694" s="1">
        <v>43793.041666666664</v>
      </c>
      <c r="B5694" s="2">
        <v>20.46</v>
      </c>
      <c r="C5694">
        <v>0</v>
      </c>
      <c r="D5694">
        <f t="shared" si="176"/>
        <v>0</v>
      </c>
      <c r="E5694" s="6">
        <f t="shared" si="177"/>
        <v>0</v>
      </c>
    </row>
    <row r="5695" spans="1:5" x14ac:dyDescent="0.25">
      <c r="A5695" s="1">
        <v>43793.083333333336</v>
      </c>
      <c r="B5695" s="2">
        <v>19.96</v>
      </c>
      <c r="C5695">
        <v>0</v>
      </c>
      <c r="D5695">
        <f t="shared" si="176"/>
        <v>0</v>
      </c>
      <c r="E5695" s="6">
        <f t="shared" si="177"/>
        <v>0</v>
      </c>
    </row>
    <row r="5696" spans="1:5" x14ac:dyDescent="0.25">
      <c r="A5696" s="1">
        <v>43793.125</v>
      </c>
      <c r="B5696" s="2">
        <v>19.91</v>
      </c>
      <c r="C5696">
        <v>0</v>
      </c>
      <c r="D5696">
        <f t="shared" si="176"/>
        <v>0</v>
      </c>
      <c r="E5696" s="6">
        <f t="shared" si="177"/>
        <v>0</v>
      </c>
    </row>
    <row r="5697" spans="1:5" x14ac:dyDescent="0.25">
      <c r="A5697" s="1">
        <v>43793.166666666664</v>
      </c>
      <c r="B5697" s="2">
        <v>20.29</v>
      </c>
      <c r="C5697">
        <v>0</v>
      </c>
      <c r="D5697">
        <f t="shared" si="176"/>
        <v>0</v>
      </c>
      <c r="E5697" s="6">
        <f t="shared" si="177"/>
        <v>0</v>
      </c>
    </row>
    <row r="5698" spans="1:5" x14ac:dyDescent="0.25">
      <c r="A5698" s="1">
        <v>43793.208333333336</v>
      </c>
      <c r="B5698" s="2">
        <v>19.89</v>
      </c>
      <c r="C5698">
        <v>0</v>
      </c>
      <c r="D5698">
        <f t="shared" si="176"/>
        <v>0</v>
      </c>
      <c r="E5698" s="6">
        <f t="shared" si="177"/>
        <v>0</v>
      </c>
    </row>
    <row r="5699" spans="1:5" x14ac:dyDescent="0.25">
      <c r="A5699" s="1">
        <v>43793.25</v>
      </c>
      <c r="B5699" s="2">
        <v>21.16</v>
      </c>
      <c r="C5699">
        <v>0</v>
      </c>
      <c r="D5699">
        <f t="shared" si="176"/>
        <v>0</v>
      </c>
      <c r="E5699" s="6">
        <f t="shared" si="177"/>
        <v>0</v>
      </c>
    </row>
    <row r="5700" spans="1:5" x14ac:dyDescent="0.25">
      <c r="A5700" s="1">
        <v>43793.291666666664</v>
      </c>
      <c r="B5700" s="2">
        <v>22.72</v>
      </c>
      <c r="C5700">
        <v>0</v>
      </c>
      <c r="D5700">
        <f t="shared" si="176"/>
        <v>0</v>
      </c>
      <c r="E5700" s="6">
        <f t="shared" si="177"/>
        <v>0</v>
      </c>
    </row>
    <row r="5701" spans="1:5" x14ac:dyDescent="0.25">
      <c r="A5701" s="1">
        <v>43793.333333333336</v>
      </c>
      <c r="B5701" s="2">
        <v>24.21</v>
      </c>
      <c r="C5701">
        <v>2.5689380000000002</v>
      </c>
      <c r="D5701">
        <f t="shared" si="176"/>
        <v>2.5689380000000002E-3</v>
      </c>
      <c r="E5701" s="6">
        <f t="shared" si="177"/>
        <v>6.219398898000001E-2</v>
      </c>
    </row>
    <row r="5702" spans="1:5" x14ac:dyDescent="0.25">
      <c r="A5702" s="1">
        <v>43793.375</v>
      </c>
      <c r="B5702" s="2">
        <v>23.83</v>
      </c>
      <c r="C5702">
        <v>4.5276679999999994</v>
      </c>
      <c r="D5702">
        <f t="shared" ref="D5702:D5765" si="178">C5702/1000</f>
        <v>4.5276679999999994E-3</v>
      </c>
      <c r="E5702" s="6">
        <f t="shared" ref="E5702:E5765" si="179">D5702*B5702</f>
        <v>0.10789432843999998</v>
      </c>
    </row>
    <row r="5703" spans="1:5" x14ac:dyDescent="0.25">
      <c r="A5703" s="1">
        <v>43793.416666666664</v>
      </c>
      <c r="B5703" s="2">
        <v>23.67</v>
      </c>
      <c r="C5703">
        <v>4.4530119999999993</v>
      </c>
      <c r="D5703">
        <f t="shared" si="178"/>
        <v>4.4530119999999992E-3</v>
      </c>
      <c r="E5703" s="6">
        <f t="shared" si="179"/>
        <v>0.10540279403999998</v>
      </c>
    </row>
    <row r="5704" spans="1:5" x14ac:dyDescent="0.25">
      <c r="A5704" s="1">
        <v>43793.458333333336</v>
      </c>
      <c r="B5704" s="2">
        <v>22.65</v>
      </c>
      <c r="C5704">
        <v>5.1332129999999996</v>
      </c>
      <c r="D5704">
        <f t="shared" si="178"/>
        <v>5.1332129999999993E-3</v>
      </c>
      <c r="E5704" s="6">
        <f t="shared" si="179"/>
        <v>0.11626727444999997</v>
      </c>
    </row>
    <row r="5705" spans="1:5" x14ac:dyDescent="0.25">
      <c r="A5705" s="1">
        <v>43793.5</v>
      </c>
      <c r="B5705" s="2">
        <v>21.95</v>
      </c>
      <c r="C5705">
        <v>4.7658569999999996</v>
      </c>
      <c r="D5705">
        <f t="shared" si="178"/>
        <v>4.7658569999999992E-3</v>
      </c>
      <c r="E5705" s="6">
        <f t="shared" si="179"/>
        <v>0.10461056114999998</v>
      </c>
    </row>
    <row r="5706" spans="1:5" x14ac:dyDescent="0.25">
      <c r="A5706" s="1">
        <v>43793.541666666664</v>
      </c>
      <c r="B5706" s="2">
        <v>21.43</v>
      </c>
      <c r="C5706">
        <v>4.9859499999999999</v>
      </c>
      <c r="D5706">
        <f t="shared" si="178"/>
        <v>4.9859500000000003E-3</v>
      </c>
      <c r="E5706" s="6">
        <f t="shared" si="179"/>
        <v>0.10684890850000001</v>
      </c>
    </row>
    <row r="5707" spans="1:5" x14ac:dyDescent="0.25">
      <c r="A5707" s="1">
        <v>43793.583333333336</v>
      </c>
      <c r="B5707" s="2">
        <v>20.51</v>
      </c>
      <c r="C5707">
        <v>3.2589119999999996</v>
      </c>
      <c r="D5707">
        <f t="shared" si="178"/>
        <v>3.2589119999999997E-3</v>
      </c>
      <c r="E5707" s="6">
        <f t="shared" si="179"/>
        <v>6.6840285119999995E-2</v>
      </c>
    </row>
    <row r="5708" spans="1:5" x14ac:dyDescent="0.25">
      <c r="A5708" s="1">
        <v>43793.625</v>
      </c>
      <c r="B5708" s="2">
        <v>20.67</v>
      </c>
      <c r="C5708">
        <v>2.337005</v>
      </c>
      <c r="D5708">
        <f t="shared" si="178"/>
        <v>2.3370050000000001E-3</v>
      </c>
      <c r="E5708" s="6">
        <f t="shared" si="179"/>
        <v>4.8305893350000004E-2</v>
      </c>
    </row>
    <row r="5709" spans="1:5" x14ac:dyDescent="0.25">
      <c r="A5709" s="1">
        <v>43793.666666666664</v>
      </c>
      <c r="B5709" s="2">
        <v>23.42</v>
      </c>
      <c r="C5709">
        <v>0.72666700000000006</v>
      </c>
      <c r="D5709">
        <f t="shared" si="178"/>
        <v>7.2666700000000007E-4</v>
      </c>
      <c r="E5709" s="6">
        <f t="shared" si="179"/>
        <v>1.7018541140000003E-2</v>
      </c>
    </row>
    <row r="5710" spans="1:5" x14ac:dyDescent="0.25">
      <c r="A5710" s="1">
        <v>43793.708333333336</v>
      </c>
      <c r="B5710" s="2">
        <v>29.42</v>
      </c>
      <c r="C5710">
        <v>0</v>
      </c>
      <c r="D5710">
        <f t="shared" si="178"/>
        <v>0</v>
      </c>
      <c r="E5710" s="6">
        <f t="shared" si="179"/>
        <v>0</v>
      </c>
    </row>
    <row r="5711" spans="1:5" x14ac:dyDescent="0.25">
      <c r="A5711" s="1">
        <v>43793.75</v>
      </c>
      <c r="B5711" s="2">
        <v>27.17</v>
      </c>
      <c r="C5711">
        <v>0</v>
      </c>
      <c r="D5711">
        <f t="shared" si="178"/>
        <v>0</v>
      </c>
      <c r="E5711" s="6">
        <f t="shared" si="179"/>
        <v>0</v>
      </c>
    </row>
    <row r="5712" spans="1:5" x14ac:dyDescent="0.25">
      <c r="A5712" s="1">
        <v>43793.791666666664</v>
      </c>
      <c r="B5712" s="2">
        <v>27.58</v>
      </c>
      <c r="C5712">
        <v>0</v>
      </c>
      <c r="D5712">
        <f t="shared" si="178"/>
        <v>0</v>
      </c>
      <c r="E5712" s="6">
        <f t="shared" si="179"/>
        <v>0</v>
      </c>
    </row>
    <row r="5713" spans="1:5" x14ac:dyDescent="0.25">
      <c r="A5713" s="1">
        <v>43793.833333333336</v>
      </c>
      <c r="B5713" s="2">
        <v>26.53</v>
      </c>
      <c r="C5713">
        <v>0</v>
      </c>
      <c r="D5713">
        <f t="shared" si="178"/>
        <v>0</v>
      </c>
      <c r="E5713" s="6">
        <f t="shared" si="179"/>
        <v>0</v>
      </c>
    </row>
    <row r="5714" spans="1:5" x14ac:dyDescent="0.25">
      <c r="A5714" s="1">
        <v>43793.875</v>
      </c>
      <c r="B5714" s="2">
        <v>23.84</v>
      </c>
      <c r="C5714">
        <v>0</v>
      </c>
      <c r="D5714">
        <f t="shared" si="178"/>
        <v>0</v>
      </c>
      <c r="E5714" s="6">
        <f t="shared" si="179"/>
        <v>0</v>
      </c>
    </row>
    <row r="5715" spans="1:5" x14ac:dyDescent="0.25">
      <c r="A5715" s="1">
        <v>43793.916666666664</v>
      </c>
      <c r="B5715" s="2">
        <v>23.2</v>
      </c>
      <c r="C5715">
        <v>0</v>
      </c>
      <c r="D5715">
        <f t="shared" si="178"/>
        <v>0</v>
      </c>
      <c r="E5715" s="6">
        <f t="shared" si="179"/>
        <v>0</v>
      </c>
    </row>
    <row r="5716" spans="1:5" x14ac:dyDescent="0.25">
      <c r="A5716" s="1">
        <v>43793.958333333336</v>
      </c>
      <c r="B5716" s="2">
        <v>21.12</v>
      </c>
      <c r="C5716">
        <v>0</v>
      </c>
      <c r="D5716">
        <f t="shared" si="178"/>
        <v>0</v>
      </c>
      <c r="E5716" s="6">
        <f t="shared" si="179"/>
        <v>0</v>
      </c>
    </row>
    <row r="5717" spans="1:5" x14ac:dyDescent="0.25">
      <c r="A5717" s="1">
        <v>43794</v>
      </c>
      <c r="B5717" s="2">
        <v>19.88</v>
      </c>
      <c r="C5717">
        <v>0</v>
      </c>
      <c r="D5717">
        <f t="shared" si="178"/>
        <v>0</v>
      </c>
      <c r="E5717" s="6">
        <f t="shared" si="179"/>
        <v>0</v>
      </c>
    </row>
    <row r="5718" spans="1:5" x14ac:dyDescent="0.25">
      <c r="A5718" s="1">
        <v>43794.041666666664</v>
      </c>
      <c r="B5718" s="2">
        <v>20.010000000000002</v>
      </c>
      <c r="C5718">
        <v>0</v>
      </c>
      <c r="D5718">
        <f t="shared" si="178"/>
        <v>0</v>
      </c>
      <c r="E5718" s="6">
        <f t="shared" si="179"/>
        <v>0</v>
      </c>
    </row>
    <row r="5719" spans="1:5" x14ac:dyDescent="0.25">
      <c r="A5719" s="1">
        <v>43794.083333333336</v>
      </c>
      <c r="B5719" s="2">
        <v>19.88</v>
      </c>
      <c r="C5719">
        <v>0</v>
      </c>
      <c r="D5719">
        <f t="shared" si="178"/>
        <v>0</v>
      </c>
      <c r="E5719" s="6">
        <f t="shared" si="179"/>
        <v>0</v>
      </c>
    </row>
    <row r="5720" spans="1:5" x14ac:dyDescent="0.25">
      <c r="A5720" s="1">
        <v>43794.125</v>
      </c>
      <c r="B5720" s="2">
        <v>19.95</v>
      </c>
      <c r="C5720">
        <v>0</v>
      </c>
      <c r="D5720">
        <f t="shared" si="178"/>
        <v>0</v>
      </c>
      <c r="E5720" s="6">
        <f t="shared" si="179"/>
        <v>0</v>
      </c>
    </row>
    <row r="5721" spans="1:5" x14ac:dyDescent="0.25">
      <c r="A5721" s="1">
        <v>43794.166666666664</v>
      </c>
      <c r="B5721" s="2">
        <v>22.47</v>
      </c>
      <c r="C5721">
        <v>0</v>
      </c>
      <c r="D5721">
        <f t="shared" si="178"/>
        <v>0</v>
      </c>
      <c r="E5721" s="6">
        <f t="shared" si="179"/>
        <v>0</v>
      </c>
    </row>
    <row r="5722" spans="1:5" x14ac:dyDescent="0.25">
      <c r="A5722" s="1">
        <v>43794.208333333336</v>
      </c>
      <c r="B5722" s="2">
        <v>26.1</v>
      </c>
      <c r="C5722">
        <v>0</v>
      </c>
      <c r="D5722">
        <f t="shared" si="178"/>
        <v>0</v>
      </c>
      <c r="E5722" s="6">
        <f t="shared" si="179"/>
        <v>0</v>
      </c>
    </row>
    <row r="5723" spans="1:5" x14ac:dyDescent="0.25">
      <c r="A5723" s="1">
        <v>43794.25</v>
      </c>
      <c r="B5723" s="2">
        <v>39.049999999999997</v>
      </c>
      <c r="C5723">
        <v>0</v>
      </c>
      <c r="D5723">
        <f t="shared" si="178"/>
        <v>0</v>
      </c>
      <c r="E5723" s="6">
        <f t="shared" si="179"/>
        <v>0</v>
      </c>
    </row>
    <row r="5724" spans="1:5" x14ac:dyDescent="0.25">
      <c r="A5724" s="1">
        <v>43794.291666666664</v>
      </c>
      <c r="B5724" s="2">
        <v>41.32</v>
      </c>
      <c r="C5724">
        <v>0</v>
      </c>
      <c r="D5724">
        <f t="shared" si="178"/>
        <v>0</v>
      </c>
      <c r="E5724" s="6">
        <f t="shared" si="179"/>
        <v>0</v>
      </c>
    </row>
    <row r="5725" spans="1:5" x14ac:dyDescent="0.25">
      <c r="A5725" s="1">
        <v>43794.333333333336</v>
      </c>
      <c r="B5725" s="2">
        <v>30.6</v>
      </c>
      <c r="C5725">
        <v>0.50591799999999998</v>
      </c>
      <c r="D5725">
        <f t="shared" si="178"/>
        <v>5.0591799999999995E-4</v>
      </c>
      <c r="E5725" s="6">
        <f t="shared" si="179"/>
        <v>1.54810908E-2</v>
      </c>
    </row>
    <row r="5726" spans="1:5" x14ac:dyDescent="0.25">
      <c r="A5726" s="1">
        <v>43794.375</v>
      </c>
      <c r="B5726" s="2">
        <v>27.89</v>
      </c>
      <c r="C5726">
        <v>0.52403099999999991</v>
      </c>
      <c r="D5726">
        <f t="shared" si="178"/>
        <v>5.2403099999999989E-4</v>
      </c>
      <c r="E5726" s="6">
        <f t="shared" si="179"/>
        <v>1.4615224589999996E-2</v>
      </c>
    </row>
    <row r="5727" spans="1:5" x14ac:dyDescent="0.25">
      <c r="A5727" s="1">
        <v>43794.416666666664</v>
      </c>
      <c r="B5727" s="2">
        <v>26.57</v>
      </c>
      <c r="C5727">
        <v>0.72978399999999999</v>
      </c>
      <c r="D5727">
        <f t="shared" si="178"/>
        <v>7.2978400000000003E-4</v>
      </c>
      <c r="E5727" s="6">
        <f t="shared" si="179"/>
        <v>1.9390360880000002E-2</v>
      </c>
    </row>
    <row r="5728" spans="1:5" x14ac:dyDescent="0.25">
      <c r="A5728" s="1">
        <v>43794.458333333336</v>
      </c>
      <c r="B5728" s="2">
        <v>25.02</v>
      </c>
      <c r="C5728">
        <v>1.485387</v>
      </c>
      <c r="D5728">
        <f t="shared" si="178"/>
        <v>1.4853869999999999E-3</v>
      </c>
      <c r="E5728" s="6">
        <f t="shared" si="179"/>
        <v>3.7164382739999995E-2</v>
      </c>
    </row>
    <row r="5729" spans="1:5" x14ac:dyDescent="0.25">
      <c r="A5729" s="1">
        <v>43794.5</v>
      </c>
      <c r="B5729" s="2">
        <v>24.26</v>
      </c>
      <c r="C5729">
        <v>4.2175130000000003</v>
      </c>
      <c r="D5729">
        <f t="shared" si="178"/>
        <v>4.217513E-3</v>
      </c>
      <c r="E5729" s="6">
        <f t="shared" si="179"/>
        <v>0.10231686538000001</v>
      </c>
    </row>
    <row r="5730" spans="1:5" x14ac:dyDescent="0.25">
      <c r="A5730" s="1">
        <v>43794.541666666664</v>
      </c>
      <c r="B5730" s="2">
        <v>24</v>
      </c>
      <c r="C5730">
        <v>2.5028239999999999</v>
      </c>
      <c r="D5730">
        <f t="shared" si="178"/>
        <v>2.5028239999999998E-3</v>
      </c>
      <c r="E5730" s="6">
        <f t="shared" si="179"/>
        <v>6.0067775999999996E-2</v>
      </c>
    </row>
    <row r="5731" spans="1:5" x14ac:dyDescent="0.25">
      <c r="A5731" s="1">
        <v>43794.583333333336</v>
      </c>
      <c r="B5731" s="2">
        <v>23.7</v>
      </c>
      <c r="C5731">
        <v>1.1534190000000002</v>
      </c>
      <c r="D5731">
        <f t="shared" si="178"/>
        <v>1.1534190000000001E-3</v>
      </c>
      <c r="E5731" s="6">
        <f t="shared" si="179"/>
        <v>2.7336030300000001E-2</v>
      </c>
    </row>
    <row r="5732" spans="1:5" x14ac:dyDescent="0.25">
      <c r="A5732" s="1">
        <v>43794.625</v>
      </c>
      <c r="B5732" s="2">
        <v>23.39</v>
      </c>
      <c r="C5732">
        <v>0.39533800000000002</v>
      </c>
      <c r="D5732">
        <f t="shared" si="178"/>
        <v>3.9533800000000002E-4</v>
      </c>
      <c r="E5732" s="6">
        <f t="shared" si="179"/>
        <v>9.2469558200000013E-3</v>
      </c>
    </row>
    <row r="5733" spans="1:5" x14ac:dyDescent="0.25">
      <c r="A5733" s="1">
        <v>43794.666666666664</v>
      </c>
      <c r="B5733" s="2">
        <v>24.6</v>
      </c>
      <c r="C5733">
        <v>0</v>
      </c>
      <c r="D5733">
        <f t="shared" si="178"/>
        <v>0</v>
      </c>
      <c r="E5733" s="6">
        <f t="shared" si="179"/>
        <v>0</v>
      </c>
    </row>
    <row r="5734" spans="1:5" x14ac:dyDescent="0.25">
      <c r="A5734" s="1">
        <v>43794.708333333336</v>
      </c>
      <c r="B5734" s="2">
        <v>30.6</v>
      </c>
      <c r="C5734">
        <v>0</v>
      </c>
      <c r="D5734">
        <f t="shared" si="178"/>
        <v>0</v>
      </c>
      <c r="E5734" s="6">
        <f t="shared" si="179"/>
        <v>0</v>
      </c>
    </row>
    <row r="5735" spans="1:5" x14ac:dyDescent="0.25">
      <c r="A5735" s="1">
        <v>43794.75</v>
      </c>
      <c r="B5735" s="2">
        <v>29.62</v>
      </c>
      <c r="C5735">
        <v>0</v>
      </c>
      <c r="D5735">
        <f t="shared" si="178"/>
        <v>0</v>
      </c>
      <c r="E5735" s="6">
        <f t="shared" si="179"/>
        <v>0</v>
      </c>
    </row>
    <row r="5736" spans="1:5" x14ac:dyDescent="0.25">
      <c r="A5736" s="1">
        <v>43794.791666666664</v>
      </c>
      <c r="B5736" s="2">
        <v>28.33</v>
      </c>
      <c r="C5736">
        <v>0</v>
      </c>
      <c r="D5736">
        <f t="shared" si="178"/>
        <v>0</v>
      </c>
      <c r="E5736" s="6">
        <f t="shared" si="179"/>
        <v>0</v>
      </c>
    </row>
    <row r="5737" spans="1:5" x14ac:dyDescent="0.25">
      <c r="A5737" s="1">
        <v>43794.833333333336</v>
      </c>
      <c r="B5737" s="2">
        <v>26.03</v>
      </c>
      <c r="C5737">
        <v>0</v>
      </c>
      <c r="D5737">
        <f t="shared" si="178"/>
        <v>0</v>
      </c>
      <c r="E5737" s="6">
        <f t="shared" si="179"/>
        <v>0</v>
      </c>
    </row>
    <row r="5738" spans="1:5" x14ac:dyDescent="0.25">
      <c r="A5738" s="1">
        <v>43794.875</v>
      </c>
      <c r="B5738" s="2">
        <v>24.28</v>
      </c>
      <c r="C5738">
        <v>0</v>
      </c>
      <c r="D5738">
        <f t="shared" si="178"/>
        <v>0</v>
      </c>
      <c r="E5738" s="6">
        <f t="shared" si="179"/>
        <v>0</v>
      </c>
    </row>
    <row r="5739" spans="1:5" x14ac:dyDescent="0.25">
      <c r="A5739" s="1">
        <v>43794.916666666664</v>
      </c>
      <c r="B5739" s="2">
        <v>23.51</v>
      </c>
      <c r="C5739">
        <v>0</v>
      </c>
      <c r="D5739">
        <f t="shared" si="178"/>
        <v>0</v>
      </c>
      <c r="E5739" s="6">
        <f t="shared" si="179"/>
        <v>0</v>
      </c>
    </row>
    <row r="5740" spans="1:5" x14ac:dyDescent="0.25">
      <c r="A5740" s="1">
        <v>43794.958333333336</v>
      </c>
      <c r="B5740" s="2">
        <v>21.9</v>
      </c>
      <c r="C5740">
        <v>0</v>
      </c>
      <c r="D5740">
        <f t="shared" si="178"/>
        <v>0</v>
      </c>
      <c r="E5740" s="6">
        <f t="shared" si="179"/>
        <v>0</v>
      </c>
    </row>
    <row r="5741" spans="1:5" x14ac:dyDescent="0.25">
      <c r="A5741" s="1">
        <v>43795</v>
      </c>
      <c r="B5741" s="2">
        <v>20.37</v>
      </c>
      <c r="C5741">
        <v>0</v>
      </c>
      <c r="D5741">
        <f t="shared" si="178"/>
        <v>0</v>
      </c>
      <c r="E5741" s="6">
        <f t="shared" si="179"/>
        <v>0</v>
      </c>
    </row>
    <row r="5742" spans="1:5" x14ac:dyDescent="0.25">
      <c r="A5742" s="1">
        <v>43795.041666666664</v>
      </c>
      <c r="B5742" s="2">
        <v>20.5</v>
      </c>
      <c r="C5742">
        <v>0</v>
      </c>
      <c r="D5742">
        <f t="shared" si="178"/>
        <v>0</v>
      </c>
      <c r="E5742" s="6">
        <f t="shared" si="179"/>
        <v>0</v>
      </c>
    </row>
    <row r="5743" spans="1:5" x14ac:dyDescent="0.25">
      <c r="A5743" s="1">
        <v>43795.083333333336</v>
      </c>
      <c r="B5743" s="2">
        <v>20.55</v>
      </c>
      <c r="C5743">
        <v>0</v>
      </c>
      <c r="D5743">
        <f t="shared" si="178"/>
        <v>0</v>
      </c>
      <c r="E5743" s="6">
        <f t="shared" si="179"/>
        <v>0</v>
      </c>
    </row>
    <row r="5744" spans="1:5" x14ac:dyDescent="0.25">
      <c r="A5744" s="1">
        <v>43795.125</v>
      </c>
      <c r="B5744" s="2">
        <v>20.71</v>
      </c>
      <c r="C5744">
        <v>0</v>
      </c>
      <c r="D5744">
        <f t="shared" si="178"/>
        <v>0</v>
      </c>
      <c r="E5744" s="6">
        <f t="shared" si="179"/>
        <v>0</v>
      </c>
    </row>
    <row r="5745" spans="1:5" x14ac:dyDescent="0.25">
      <c r="A5745" s="1">
        <v>43795.166666666664</v>
      </c>
      <c r="B5745" s="2">
        <v>22.31</v>
      </c>
      <c r="C5745">
        <v>0</v>
      </c>
      <c r="D5745">
        <f t="shared" si="178"/>
        <v>0</v>
      </c>
      <c r="E5745" s="6">
        <f t="shared" si="179"/>
        <v>0</v>
      </c>
    </row>
    <row r="5746" spans="1:5" x14ac:dyDescent="0.25">
      <c r="A5746" s="1">
        <v>43795.208333333336</v>
      </c>
      <c r="B5746" s="2">
        <v>24.69</v>
      </c>
      <c r="C5746">
        <v>0</v>
      </c>
      <c r="D5746">
        <f t="shared" si="178"/>
        <v>0</v>
      </c>
      <c r="E5746" s="6">
        <f t="shared" si="179"/>
        <v>0</v>
      </c>
    </row>
    <row r="5747" spans="1:5" x14ac:dyDescent="0.25">
      <c r="A5747" s="1">
        <v>43795.25</v>
      </c>
      <c r="B5747" s="2">
        <v>36.4</v>
      </c>
      <c r="C5747">
        <v>0</v>
      </c>
      <c r="D5747">
        <f t="shared" si="178"/>
        <v>0</v>
      </c>
      <c r="E5747" s="6">
        <f t="shared" si="179"/>
        <v>0</v>
      </c>
    </row>
    <row r="5748" spans="1:5" x14ac:dyDescent="0.25">
      <c r="A5748" s="1">
        <v>43795.291666666664</v>
      </c>
      <c r="B5748" s="2">
        <v>37.56</v>
      </c>
      <c r="C5748">
        <v>0</v>
      </c>
      <c r="D5748">
        <f t="shared" si="178"/>
        <v>0</v>
      </c>
      <c r="E5748" s="6">
        <f t="shared" si="179"/>
        <v>0</v>
      </c>
    </row>
    <row r="5749" spans="1:5" x14ac:dyDescent="0.25">
      <c r="A5749" s="1">
        <v>43795.333333333336</v>
      </c>
      <c r="B5749" s="2">
        <v>30.15</v>
      </c>
      <c r="C5749">
        <v>9.3246999999999997E-2</v>
      </c>
      <c r="D5749">
        <f t="shared" si="178"/>
        <v>9.3246999999999997E-5</v>
      </c>
      <c r="E5749" s="6">
        <f t="shared" si="179"/>
        <v>2.8113970499999996E-3</v>
      </c>
    </row>
    <row r="5750" spans="1:5" x14ac:dyDescent="0.25">
      <c r="A5750" s="1">
        <v>43795.375</v>
      </c>
      <c r="B5750" s="2">
        <v>27.99</v>
      </c>
      <c r="C5750">
        <v>0.33672600000000003</v>
      </c>
      <c r="D5750">
        <f t="shared" si="178"/>
        <v>3.3672600000000003E-4</v>
      </c>
      <c r="E5750" s="6">
        <f t="shared" si="179"/>
        <v>9.4249607400000001E-3</v>
      </c>
    </row>
    <row r="5751" spans="1:5" x14ac:dyDescent="0.25">
      <c r="A5751" s="1">
        <v>43795.416666666664</v>
      </c>
      <c r="B5751" s="2">
        <v>25.76</v>
      </c>
      <c r="C5751">
        <v>1.0959510000000001</v>
      </c>
      <c r="D5751">
        <f t="shared" si="178"/>
        <v>1.0959510000000002E-3</v>
      </c>
      <c r="E5751" s="6">
        <f t="shared" si="179"/>
        <v>2.8231697760000007E-2</v>
      </c>
    </row>
    <row r="5752" spans="1:5" x14ac:dyDescent="0.25">
      <c r="A5752" s="1">
        <v>43795.458333333336</v>
      </c>
      <c r="B5752" s="2">
        <v>24.59</v>
      </c>
      <c r="C5752">
        <v>1.3250170000000001</v>
      </c>
      <c r="D5752">
        <f t="shared" si="178"/>
        <v>1.3250170000000002E-3</v>
      </c>
      <c r="E5752" s="6">
        <f t="shared" si="179"/>
        <v>3.2582168030000004E-2</v>
      </c>
    </row>
    <row r="5753" spans="1:5" x14ac:dyDescent="0.25">
      <c r="A5753" s="1">
        <v>43795.5</v>
      </c>
      <c r="B5753" s="2">
        <v>23.65</v>
      </c>
      <c r="C5753">
        <v>1.4240039999999998</v>
      </c>
      <c r="D5753">
        <f t="shared" si="178"/>
        <v>1.4240039999999998E-3</v>
      </c>
      <c r="E5753" s="6">
        <f t="shared" si="179"/>
        <v>3.3677694599999995E-2</v>
      </c>
    </row>
    <row r="5754" spans="1:5" x14ac:dyDescent="0.25">
      <c r="A5754" s="1">
        <v>43795.541666666664</v>
      </c>
      <c r="B5754" s="2">
        <v>23.18</v>
      </c>
      <c r="C5754">
        <v>0.871475</v>
      </c>
      <c r="D5754">
        <f t="shared" si="178"/>
        <v>8.7147500000000003E-4</v>
      </c>
      <c r="E5754" s="6">
        <f t="shared" si="179"/>
        <v>2.0200790499999999E-2</v>
      </c>
    </row>
    <row r="5755" spans="1:5" x14ac:dyDescent="0.25">
      <c r="A5755" s="1">
        <v>43795.583333333336</v>
      </c>
      <c r="B5755" s="2">
        <v>22.87</v>
      </c>
      <c r="C5755">
        <v>0.78497799999999995</v>
      </c>
      <c r="D5755">
        <f t="shared" si="178"/>
        <v>7.8497799999999998E-4</v>
      </c>
      <c r="E5755" s="6">
        <f t="shared" si="179"/>
        <v>1.7952446859999999E-2</v>
      </c>
    </row>
    <row r="5756" spans="1:5" x14ac:dyDescent="0.25">
      <c r="A5756" s="1">
        <v>43795.625</v>
      </c>
      <c r="B5756" s="2">
        <v>22.72</v>
      </c>
      <c r="C5756">
        <v>0.94459000000000004</v>
      </c>
      <c r="D5756">
        <f t="shared" si="178"/>
        <v>9.4459000000000003E-4</v>
      </c>
      <c r="E5756" s="6">
        <f t="shared" si="179"/>
        <v>2.1461084799999999E-2</v>
      </c>
    </row>
    <row r="5757" spans="1:5" x14ac:dyDescent="0.25">
      <c r="A5757" s="1">
        <v>43795.666666666664</v>
      </c>
      <c r="B5757" s="2">
        <v>23.2</v>
      </c>
      <c r="C5757">
        <v>8.8040000000000011E-3</v>
      </c>
      <c r="D5757">
        <f t="shared" si="178"/>
        <v>8.8040000000000007E-6</v>
      </c>
      <c r="E5757" s="6">
        <f t="shared" si="179"/>
        <v>2.0425280000000001E-4</v>
      </c>
    </row>
    <row r="5758" spans="1:5" x14ac:dyDescent="0.25">
      <c r="A5758" s="1">
        <v>43795.708333333336</v>
      </c>
      <c r="B5758" s="2">
        <v>28.31</v>
      </c>
      <c r="C5758">
        <v>0</v>
      </c>
      <c r="D5758">
        <f t="shared" si="178"/>
        <v>0</v>
      </c>
      <c r="E5758" s="6">
        <f t="shared" si="179"/>
        <v>0</v>
      </c>
    </row>
    <row r="5759" spans="1:5" x14ac:dyDescent="0.25">
      <c r="A5759" s="1">
        <v>43795.75</v>
      </c>
      <c r="B5759" s="2">
        <v>26.25</v>
      </c>
      <c r="C5759">
        <v>0</v>
      </c>
      <c r="D5759">
        <f t="shared" si="178"/>
        <v>0</v>
      </c>
      <c r="E5759" s="6">
        <f t="shared" si="179"/>
        <v>0</v>
      </c>
    </row>
    <row r="5760" spans="1:5" x14ac:dyDescent="0.25">
      <c r="A5760" s="1">
        <v>43795.791666666664</v>
      </c>
      <c r="B5760" s="2">
        <v>24.69</v>
      </c>
      <c r="C5760">
        <v>0</v>
      </c>
      <c r="D5760">
        <f t="shared" si="178"/>
        <v>0</v>
      </c>
      <c r="E5760" s="6">
        <f t="shared" si="179"/>
        <v>0</v>
      </c>
    </row>
    <row r="5761" spans="1:5" x14ac:dyDescent="0.25">
      <c r="A5761" s="1">
        <v>43795.833333333336</v>
      </c>
      <c r="B5761" s="2">
        <v>23.57</v>
      </c>
      <c r="C5761">
        <v>0</v>
      </c>
      <c r="D5761">
        <f t="shared" si="178"/>
        <v>0</v>
      </c>
      <c r="E5761" s="6">
        <f t="shared" si="179"/>
        <v>0</v>
      </c>
    </row>
    <row r="5762" spans="1:5" x14ac:dyDescent="0.25">
      <c r="A5762" s="1">
        <v>43795.875</v>
      </c>
      <c r="B5762" s="2">
        <v>22.7</v>
      </c>
      <c r="C5762">
        <v>0</v>
      </c>
      <c r="D5762">
        <f t="shared" si="178"/>
        <v>0</v>
      </c>
      <c r="E5762" s="6">
        <f t="shared" si="179"/>
        <v>0</v>
      </c>
    </row>
    <row r="5763" spans="1:5" x14ac:dyDescent="0.25">
      <c r="A5763" s="1">
        <v>43795.916666666664</v>
      </c>
      <c r="B5763" s="2">
        <v>20.62</v>
      </c>
      <c r="C5763">
        <v>0</v>
      </c>
      <c r="D5763">
        <f t="shared" si="178"/>
        <v>0</v>
      </c>
      <c r="E5763" s="6">
        <f t="shared" si="179"/>
        <v>0</v>
      </c>
    </row>
    <row r="5764" spans="1:5" x14ac:dyDescent="0.25">
      <c r="A5764" s="1">
        <v>43795.958333333336</v>
      </c>
      <c r="B5764" s="2">
        <v>19.78</v>
      </c>
      <c r="C5764">
        <v>0</v>
      </c>
      <c r="D5764">
        <f t="shared" si="178"/>
        <v>0</v>
      </c>
      <c r="E5764" s="6">
        <f t="shared" si="179"/>
        <v>0</v>
      </c>
    </row>
    <row r="5765" spans="1:5" x14ac:dyDescent="0.25">
      <c r="A5765" s="1">
        <v>43796</v>
      </c>
      <c r="B5765" s="2">
        <v>17.739999999999998</v>
      </c>
      <c r="C5765">
        <v>0</v>
      </c>
      <c r="D5765">
        <f t="shared" si="178"/>
        <v>0</v>
      </c>
      <c r="E5765" s="6">
        <f t="shared" si="179"/>
        <v>0</v>
      </c>
    </row>
    <row r="5766" spans="1:5" x14ac:dyDescent="0.25">
      <c r="A5766" s="1">
        <v>43796.041666666664</v>
      </c>
      <c r="B5766" s="2">
        <v>16.88</v>
      </c>
      <c r="C5766">
        <v>0</v>
      </c>
      <c r="D5766">
        <f t="shared" ref="D5766:D5829" si="180">C5766/1000</f>
        <v>0</v>
      </c>
      <c r="E5766" s="6">
        <f t="shared" ref="E5766:E5829" si="181">D5766*B5766</f>
        <v>0</v>
      </c>
    </row>
    <row r="5767" spans="1:5" x14ac:dyDescent="0.25">
      <c r="A5767" s="1">
        <v>43796.083333333336</v>
      </c>
      <c r="B5767" s="2">
        <v>16.899999999999999</v>
      </c>
      <c r="C5767">
        <v>0</v>
      </c>
      <c r="D5767">
        <f t="shared" si="180"/>
        <v>0</v>
      </c>
      <c r="E5767" s="6">
        <f t="shared" si="181"/>
        <v>0</v>
      </c>
    </row>
    <row r="5768" spans="1:5" x14ac:dyDescent="0.25">
      <c r="A5768" s="1">
        <v>43796.125</v>
      </c>
      <c r="B5768" s="2">
        <v>16.989999999999998</v>
      </c>
      <c r="C5768">
        <v>0</v>
      </c>
      <c r="D5768">
        <f t="shared" si="180"/>
        <v>0</v>
      </c>
      <c r="E5768" s="6">
        <f t="shared" si="181"/>
        <v>0</v>
      </c>
    </row>
    <row r="5769" spans="1:5" x14ac:dyDescent="0.25">
      <c r="A5769" s="1">
        <v>43796.166666666664</v>
      </c>
      <c r="B5769" s="2">
        <v>18.690000000000001</v>
      </c>
      <c r="C5769">
        <v>0</v>
      </c>
      <c r="D5769">
        <f t="shared" si="180"/>
        <v>0</v>
      </c>
      <c r="E5769" s="6">
        <f t="shared" si="181"/>
        <v>0</v>
      </c>
    </row>
    <row r="5770" spans="1:5" x14ac:dyDescent="0.25">
      <c r="A5770" s="1">
        <v>43796.208333333336</v>
      </c>
      <c r="B5770" s="2">
        <v>19.46</v>
      </c>
      <c r="C5770">
        <v>0</v>
      </c>
      <c r="D5770">
        <f t="shared" si="180"/>
        <v>0</v>
      </c>
      <c r="E5770" s="6">
        <f t="shared" si="181"/>
        <v>0</v>
      </c>
    </row>
    <row r="5771" spans="1:5" x14ac:dyDescent="0.25">
      <c r="A5771" s="1">
        <v>43796.25</v>
      </c>
      <c r="B5771" s="2">
        <v>23.72</v>
      </c>
      <c r="C5771">
        <v>0</v>
      </c>
      <c r="D5771">
        <f t="shared" si="180"/>
        <v>0</v>
      </c>
      <c r="E5771" s="6">
        <f t="shared" si="181"/>
        <v>0</v>
      </c>
    </row>
    <row r="5772" spans="1:5" x14ac:dyDescent="0.25">
      <c r="A5772" s="1">
        <v>43796.291666666664</v>
      </c>
      <c r="B5772" s="2">
        <v>24.35</v>
      </c>
      <c r="C5772">
        <v>0</v>
      </c>
      <c r="D5772">
        <f t="shared" si="180"/>
        <v>0</v>
      </c>
      <c r="E5772" s="6">
        <f t="shared" si="181"/>
        <v>0</v>
      </c>
    </row>
    <row r="5773" spans="1:5" x14ac:dyDescent="0.25">
      <c r="A5773" s="1">
        <v>43796.333333333336</v>
      </c>
      <c r="B5773" s="2">
        <v>24.26</v>
      </c>
      <c r="C5773">
        <v>2.2902399999999998</v>
      </c>
      <c r="D5773">
        <f t="shared" si="180"/>
        <v>2.2902399999999998E-3</v>
      </c>
      <c r="E5773" s="6">
        <f t="shared" si="181"/>
        <v>5.5561222399999999E-2</v>
      </c>
    </row>
    <row r="5774" spans="1:5" x14ac:dyDescent="0.25">
      <c r="A5774" s="1">
        <v>43796.375</v>
      </c>
      <c r="B5774" s="2">
        <v>23.99</v>
      </c>
      <c r="C5774">
        <v>1.0939749999999999</v>
      </c>
      <c r="D5774">
        <f t="shared" si="180"/>
        <v>1.0939749999999999E-3</v>
      </c>
      <c r="E5774" s="6">
        <f t="shared" si="181"/>
        <v>2.6244460249999994E-2</v>
      </c>
    </row>
    <row r="5775" spans="1:5" x14ac:dyDescent="0.25">
      <c r="A5775" s="1">
        <v>43796.416666666664</v>
      </c>
      <c r="B5775" s="2">
        <v>23.53</v>
      </c>
      <c r="C5775">
        <v>5.8457439999999998</v>
      </c>
      <c r="D5775">
        <f t="shared" si="180"/>
        <v>5.8457439999999999E-3</v>
      </c>
      <c r="E5775" s="6">
        <f t="shared" si="181"/>
        <v>0.13755035632000001</v>
      </c>
    </row>
    <row r="5776" spans="1:5" x14ac:dyDescent="0.25">
      <c r="A5776" s="1">
        <v>43796.458333333336</v>
      </c>
      <c r="B5776" s="2">
        <v>22.92</v>
      </c>
      <c r="C5776">
        <v>6.5025820000000003</v>
      </c>
      <c r="D5776">
        <f t="shared" si="180"/>
        <v>6.5025820000000007E-3</v>
      </c>
      <c r="E5776" s="6">
        <f t="shared" si="181"/>
        <v>0.14903917944000003</v>
      </c>
    </row>
    <row r="5777" spans="1:5" x14ac:dyDescent="0.25">
      <c r="A5777" s="1">
        <v>43796.5</v>
      </c>
      <c r="B5777" s="2">
        <v>22.1</v>
      </c>
      <c r="C5777">
        <v>6.6607940000000001</v>
      </c>
      <c r="D5777">
        <f t="shared" si="180"/>
        <v>6.6607940000000003E-3</v>
      </c>
      <c r="E5777" s="6">
        <f t="shared" si="181"/>
        <v>0.14720354740000002</v>
      </c>
    </row>
    <row r="5778" spans="1:5" x14ac:dyDescent="0.25">
      <c r="A5778" s="1">
        <v>43796.541666666664</v>
      </c>
      <c r="B5778" s="2">
        <v>21.86</v>
      </c>
      <c r="C5778">
        <v>6.266845</v>
      </c>
      <c r="D5778">
        <f t="shared" si="180"/>
        <v>6.2668450000000001E-3</v>
      </c>
      <c r="E5778" s="6">
        <f t="shared" si="181"/>
        <v>0.1369932317</v>
      </c>
    </row>
    <row r="5779" spans="1:5" x14ac:dyDescent="0.25">
      <c r="A5779" s="1">
        <v>43796.583333333336</v>
      </c>
      <c r="B5779" s="2">
        <v>21.56</v>
      </c>
      <c r="C5779">
        <v>5.2998630000000002</v>
      </c>
      <c r="D5779">
        <f t="shared" si="180"/>
        <v>5.2998630000000001E-3</v>
      </c>
      <c r="E5779" s="6">
        <f t="shared" si="181"/>
        <v>0.11426504627999999</v>
      </c>
    </row>
    <row r="5780" spans="1:5" x14ac:dyDescent="0.25">
      <c r="A5780" s="1">
        <v>43796.625</v>
      </c>
      <c r="B5780" s="2">
        <v>21.56</v>
      </c>
      <c r="C5780">
        <v>3.7698749999999999</v>
      </c>
      <c r="D5780">
        <f t="shared" si="180"/>
        <v>3.7698749999999998E-3</v>
      </c>
      <c r="E5780" s="6">
        <f t="shared" si="181"/>
        <v>8.1278504999999987E-2</v>
      </c>
    </row>
    <row r="5781" spans="1:5" x14ac:dyDescent="0.25">
      <c r="A5781" s="1">
        <v>43796.666666666664</v>
      </c>
      <c r="B5781" s="2">
        <v>22.38</v>
      </c>
      <c r="C5781">
        <v>1.653932</v>
      </c>
      <c r="D5781">
        <f t="shared" si="180"/>
        <v>1.6539319999999999E-3</v>
      </c>
      <c r="E5781" s="6">
        <f t="shared" si="181"/>
        <v>3.7014998159999993E-2</v>
      </c>
    </row>
    <row r="5782" spans="1:5" x14ac:dyDescent="0.25">
      <c r="A5782" s="1">
        <v>43796.708333333336</v>
      </c>
      <c r="B5782" s="2">
        <v>24.9</v>
      </c>
      <c r="C5782">
        <v>0</v>
      </c>
      <c r="D5782">
        <f t="shared" si="180"/>
        <v>0</v>
      </c>
      <c r="E5782" s="6">
        <f t="shared" si="181"/>
        <v>0</v>
      </c>
    </row>
    <row r="5783" spans="1:5" x14ac:dyDescent="0.25">
      <c r="A5783" s="1">
        <v>43796.75</v>
      </c>
      <c r="B5783" s="2">
        <v>24.37</v>
      </c>
      <c r="C5783">
        <v>0</v>
      </c>
      <c r="D5783">
        <f t="shared" si="180"/>
        <v>0</v>
      </c>
      <c r="E5783" s="6">
        <f t="shared" si="181"/>
        <v>0</v>
      </c>
    </row>
    <row r="5784" spans="1:5" x14ac:dyDescent="0.25">
      <c r="A5784" s="1">
        <v>43796.791666666664</v>
      </c>
      <c r="B5784" s="2">
        <v>23.98</v>
      </c>
      <c r="C5784">
        <v>0</v>
      </c>
      <c r="D5784">
        <f t="shared" si="180"/>
        <v>0</v>
      </c>
      <c r="E5784" s="6">
        <f t="shared" si="181"/>
        <v>0</v>
      </c>
    </row>
    <row r="5785" spans="1:5" x14ac:dyDescent="0.25">
      <c r="A5785" s="1">
        <v>43796.833333333336</v>
      </c>
      <c r="B5785" s="2">
        <v>23.39</v>
      </c>
      <c r="C5785">
        <v>0</v>
      </c>
      <c r="D5785">
        <f t="shared" si="180"/>
        <v>0</v>
      </c>
      <c r="E5785" s="6">
        <f t="shared" si="181"/>
        <v>0</v>
      </c>
    </row>
    <row r="5786" spans="1:5" x14ac:dyDescent="0.25">
      <c r="A5786" s="1">
        <v>43796.875</v>
      </c>
      <c r="B5786" s="2">
        <v>21.97</v>
      </c>
      <c r="C5786">
        <v>0</v>
      </c>
      <c r="D5786">
        <f t="shared" si="180"/>
        <v>0</v>
      </c>
      <c r="E5786" s="6">
        <f t="shared" si="181"/>
        <v>0</v>
      </c>
    </row>
    <row r="5787" spans="1:5" x14ac:dyDescent="0.25">
      <c r="A5787" s="1">
        <v>43796.916666666664</v>
      </c>
      <c r="B5787" s="2">
        <v>19.690000000000001</v>
      </c>
      <c r="C5787">
        <v>0</v>
      </c>
      <c r="D5787">
        <f t="shared" si="180"/>
        <v>0</v>
      </c>
      <c r="E5787" s="6">
        <f t="shared" si="181"/>
        <v>0</v>
      </c>
    </row>
    <row r="5788" spans="1:5" x14ac:dyDescent="0.25">
      <c r="A5788" s="1">
        <v>43796.958333333336</v>
      </c>
      <c r="B5788" s="2">
        <v>17.91</v>
      </c>
      <c r="C5788">
        <v>0</v>
      </c>
      <c r="D5788">
        <f t="shared" si="180"/>
        <v>0</v>
      </c>
      <c r="E5788" s="6">
        <f t="shared" si="181"/>
        <v>0</v>
      </c>
    </row>
    <row r="5789" spans="1:5" x14ac:dyDescent="0.25">
      <c r="A5789" s="1">
        <v>43797</v>
      </c>
      <c r="B5789" s="2">
        <v>17.39</v>
      </c>
      <c r="C5789">
        <v>0</v>
      </c>
      <c r="D5789">
        <f t="shared" si="180"/>
        <v>0</v>
      </c>
      <c r="E5789" s="6">
        <f t="shared" si="181"/>
        <v>0</v>
      </c>
    </row>
    <row r="5790" spans="1:5" x14ac:dyDescent="0.25">
      <c r="A5790" s="1">
        <v>43797.041666666664</v>
      </c>
      <c r="B5790" s="2">
        <v>16.940000000000001</v>
      </c>
      <c r="C5790">
        <v>0</v>
      </c>
      <c r="D5790">
        <f t="shared" si="180"/>
        <v>0</v>
      </c>
      <c r="E5790" s="6">
        <f t="shared" si="181"/>
        <v>0</v>
      </c>
    </row>
    <row r="5791" spans="1:5" x14ac:dyDescent="0.25">
      <c r="A5791" s="1">
        <v>43797.083333333336</v>
      </c>
      <c r="B5791" s="2">
        <v>17.100000000000001</v>
      </c>
      <c r="C5791">
        <v>0</v>
      </c>
      <c r="D5791">
        <f t="shared" si="180"/>
        <v>0</v>
      </c>
      <c r="E5791" s="6">
        <f t="shared" si="181"/>
        <v>0</v>
      </c>
    </row>
    <row r="5792" spans="1:5" x14ac:dyDescent="0.25">
      <c r="A5792" s="1">
        <v>43797.125</v>
      </c>
      <c r="B5792" s="2">
        <v>17.14</v>
      </c>
      <c r="C5792">
        <v>0</v>
      </c>
      <c r="D5792">
        <f t="shared" si="180"/>
        <v>0</v>
      </c>
      <c r="E5792" s="6">
        <f t="shared" si="181"/>
        <v>0</v>
      </c>
    </row>
    <row r="5793" spans="1:5" x14ac:dyDescent="0.25">
      <c r="A5793" s="1">
        <v>43797.166666666664</v>
      </c>
      <c r="B5793" s="2">
        <v>17.22</v>
      </c>
      <c r="C5793">
        <v>0</v>
      </c>
      <c r="D5793">
        <f t="shared" si="180"/>
        <v>0</v>
      </c>
      <c r="E5793" s="6">
        <f t="shared" si="181"/>
        <v>0</v>
      </c>
    </row>
    <row r="5794" spans="1:5" x14ac:dyDescent="0.25">
      <c r="A5794" s="1">
        <v>43797.208333333336</v>
      </c>
      <c r="B5794" s="2">
        <v>18.489999999999998</v>
      </c>
      <c r="C5794">
        <v>0</v>
      </c>
      <c r="D5794">
        <f t="shared" si="180"/>
        <v>0</v>
      </c>
      <c r="E5794" s="6">
        <f t="shared" si="181"/>
        <v>0</v>
      </c>
    </row>
    <row r="5795" spans="1:5" x14ac:dyDescent="0.25">
      <c r="A5795" s="1">
        <v>43797.25</v>
      </c>
      <c r="B5795" s="2">
        <v>19.91</v>
      </c>
      <c r="C5795">
        <v>0</v>
      </c>
      <c r="D5795">
        <f t="shared" si="180"/>
        <v>0</v>
      </c>
      <c r="E5795" s="6">
        <f t="shared" si="181"/>
        <v>0</v>
      </c>
    </row>
    <row r="5796" spans="1:5" x14ac:dyDescent="0.25">
      <c r="A5796" s="1">
        <v>43797.291666666664</v>
      </c>
      <c r="B5796" s="2">
        <v>21.4</v>
      </c>
      <c r="C5796">
        <v>0</v>
      </c>
      <c r="D5796">
        <f t="shared" si="180"/>
        <v>0</v>
      </c>
      <c r="E5796" s="6">
        <f t="shared" si="181"/>
        <v>0</v>
      </c>
    </row>
    <row r="5797" spans="1:5" x14ac:dyDescent="0.25">
      <c r="A5797" s="1">
        <v>43797.333333333336</v>
      </c>
      <c r="B5797" s="2">
        <v>22.8</v>
      </c>
      <c r="C5797">
        <v>2.4542820000000001</v>
      </c>
      <c r="D5797">
        <f t="shared" si="180"/>
        <v>2.4542819999999999E-3</v>
      </c>
      <c r="E5797" s="6">
        <f t="shared" si="181"/>
        <v>5.5957629600000003E-2</v>
      </c>
    </row>
    <row r="5798" spans="1:5" x14ac:dyDescent="0.25">
      <c r="A5798" s="1">
        <v>43797.375</v>
      </c>
      <c r="B5798" s="2">
        <v>23.38</v>
      </c>
      <c r="C5798">
        <v>4.4184390000000002</v>
      </c>
      <c r="D5798">
        <f t="shared" si="180"/>
        <v>4.4184390000000006E-3</v>
      </c>
      <c r="E5798" s="6">
        <f t="shared" si="181"/>
        <v>0.10330310382000001</v>
      </c>
    </row>
    <row r="5799" spans="1:5" x14ac:dyDescent="0.25">
      <c r="A5799" s="1">
        <v>43797.416666666664</v>
      </c>
      <c r="B5799" s="2">
        <v>23.45</v>
      </c>
      <c r="C5799">
        <v>5.709892</v>
      </c>
      <c r="D5799">
        <f t="shared" si="180"/>
        <v>5.7098920000000003E-3</v>
      </c>
      <c r="E5799" s="6">
        <f t="shared" si="181"/>
        <v>0.13389696740000001</v>
      </c>
    </row>
    <row r="5800" spans="1:5" x14ac:dyDescent="0.25">
      <c r="A5800" s="1">
        <v>43797.458333333336</v>
      </c>
      <c r="B5800" s="2">
        <v>23.07</v>
      </c>
      <c r="C5800">
        <v>6.3934790000000001</v>
      </c>
      <c r="D5800">
        <f t="shared" si="180"/>
        <v>6.3934790000000005E-3</v>
      </c>
      <c r="E5800" s="6">
        <f t="shared" si="181"/>
        <v>0.14749756053000002</v>
      </c>
    </row>
    <row r="5801" spans="1:5" x14ac:dyDescent="0.25">
      <c r="A5801" s="1">
        <v>43797.5</v>
      </c>
      <c r="B5801" s="2">
        <v>22.01</v>
      </c>
      <c r="C5801">
        <v>6.5320410000000004</v>
      </c>
      <c r="D5801">
        <f t="shared" si="180"/>
        <v>6.5320410000000006E-3</v>
      </c>
      <c r="E5801" s="6">
        <f t="shared" si="181"/>
        <v>0.14377022241000001</v>
      </c>
    </row>
    <row r="5802" spans="1:5" x14ac:dyDescent="0.25">
      <c r="A5802" s="1">
        <v>43797.541666666664</v>
      </c>
      <c r="B5802" s="2">
        <v>20.309999999999999</v>
      </c>
      <c r="C5802">
        <v>6.1157680000000001</v>
      </c>
      <c r="D5802">
        <f t="shared" si="180"/>
        <v>6.1157679999999997E-3</v>
      </c>
      <c r="E5802" s="6">
        <f t="shared" si="181"/>
        <v>0.12421124807999999</v>
      </c>
    </row>
    <row r="5803" spans="1:5" x14ac:dyDescent="0.25">
      <c r="A5803" s="1">
        <v>43797.583333333336</v>
      </c>
      <c r="B5803" s="2">
        <v>19.690000000000001</v>
      </c>
      <c r="C5803">
        <v>5.1316440000000005</v>
      </c>
      <c r="D5803">
        <f t="shared" si="180"/>
        <v>5.1316440000000003E-3</v>
      </c>
      <c r="E5803" s="6">
        <f t="shared" si="181"/>
        <v>0.10104207036000001</v>
      </c>
    </row>
    <row r="5804" spans="1:5" x14ac:dyDescent="0.25">
      <c r="A5804" s="1">
        <v>43797.625</v>
      </c>
      <c r="B5804" s="2">
        <v>19.489999999999998</v>
      </c>
      <c r="C5804">
        <v>3.1672340000000001</v>
      </c>
      <c r="D5804">
        <f t="shared" si="180"/>
        <v>3.1672340000000001E-3</v>
      </c>
      <c r="E5804" s="6">
        <f t="shared" si="181"/>
        <v>6.1729390659999994E-2</v>
      </c>
    </row>
    <row r="5805" spans="1:5" x14ac:dyDescent="0.25">
      <c r="A5805" s="1">
        <v>43797.666666666664</v>
      </c>
      <c r="B5805" s="2">
        <v>20.440000000000001</v>
      </c>
      <c r="C5805">
        <v>0.96917399999999998</v>
      </c>
      <c r="D5805">
        <f t="shared" si="180"/>
        <v>9.6917399999999995E-4</v>
      </c>
      <c r="E5805" s="6">
        <f t="shared" si="181"/>
        <v>1.9809916560000002E-2</v>
      </c>
    </row>
    <row r="5806" spans="1:5" x14ac:dyDescent="0.25">
      <c r="A5806" s="1">
        <v>43797.708333333336</v>
      </c>
      <c r="B5806" s="2">
        <v>23.5</v>
      </c>
      <c r="C5806">
        <v>0</v>
      </c>
      <c r="D5806">
        <f t="shared" si="180"/>
        <v>0</v>
      </c>
      <c r="E5806" s="6">
        <f t="shared" si="181"/>
        <v>0</v>
      </c>
    </row>
    <row r="5807" spans="1:5" x14ac:dyDescent="0.25">
      <c r="A5807" s="1">
        <v>43797.75</v>
      </c>
      <c r="B5807" s="2">
        <v>23.57</v>
      </c>
      <c r="C5807">
        <v>0</v>
      </c>
      <c r="D5807">
        <f t="shared" si="180"/>
        <v>0</v>
      </c>
      <c r="E5807" s="6">
        <f t="shared" si="181"/>
        <v>0</v>
      </c>
    </row>
    <row r="5808" spans="1:5" x14ac:dyDescent="0.25">
      <c r="A5808" s="1">
        <v>43797.791666666664</v>
      </c>
      <c r="B5808" s="2">
        <v>23.62</v>
      </c>
      <c r="C5808">
        <v>0</v>
      </c>
      <c r="D5808">
        <f t="shared" si="180"/>
        <v>0</v>
      </c>
      <c r="E5808" s="6">
        <f t="shared" si="181"/>
        <v>0</v>
      </c>
    </row>
    <row r="5809" spans="1:5" x14ac:dyDescent="0.25">
      <c r="A5809" s="1">
        <v>43797.833333333336</v>
      </c>
      <c r="B5809" s="2">
        <v>23.42</v>
      </c>
      <c r="C5809">
        <v>0</v>
      </c>
      <c r="D5809">
        <f t="shared" si="180"/>
        <v>0</v>
      </c>
      <c r="E5809" s="6">
        <f t="shared" si="181"/>
        <v>0</v>
      </c>
    </row>
    <row r="5810" spans="1:5" x14ac:dyDescent="0.25">
      <c r="A5810" s="1">
        <v>43797.875</v>
      </c>
      <c r="B5810" s="2">
        <v>22.53</v>
      </c>
      <c r="C5810">
        <v>0</v>
      </c>
      <c r="D5810">
        <f t="shared" si="180"/>
        <v>0</v>
      </c>
      <c r="E5810" s="6">
        <f t="shared" si="181"/>
        <v>0</v>
      </c>
    </row>
    <row r="5811" spans="1:5" x14ac:dyDescent="0.25">
      <c r="A5811" s="1">
        <v>43797.916666666664</v>
      </c>
      <c r="B5811" s="2">
        <v>22.4</v>
      </c>
      <c r="C5811">
        <v>0</v>
      </c>
      <c r="D5811">
        <f t="shared" si="180"/>
        <v>0</v>
      </c>
      <c r="E5811" s="6">
        <f t="shared" si="181"/>
        <v>0</v>
      </c>
    </row>
    <row r="5812" spans="1:5" x14ac:dyDescent="0.25">
      <c r="A5812" s="1">
        <v>43797.958333333336</v>
      </c>
      <c r="B5812" s="2">
        <v>21.23</v>
      </c>
      <c r="C5812">
        <v>0</v>
      </c>
      <c r="D5812">
        <f t="shared" si="180"/>
        <v>0</v>
      </c>
      <c r="E5812" s="6">
        <f t="shared" si="181"/>
        <v>0</v>
      </c>
    </row>
    <row r="5813" spans="1:5" x14ac:dyDescent="0.25">
      <c r="A5813" s="1">
        <v>43798</v>
      </c>
      <c r="B5813" s="2">
        <v>19.32</v>
      </c>
      <c r="C5813">
        <v>0</v>
      </c>
      <c r="D5813">
        <f t="shared" si="180"/>
        <v>0</v>
      </c>
      <c r="E5813" s="6">
        <f t="shared" si="181"/>
        <v>0</v>
      </c>
    </row>
    <row r="5814" spans="1:5" x14ac:dyDescent="0.25">
      <c r="A5814" s="1">
        <v>43798.041666666664</v>
      </c>
      <c r="B5814" s="2">
        <v>19.32</v>
      </c>
      <c r="C5814">
        <v>0</v>
      </c>
      <c r="D5814">
        <f t="shared" si="180"/>
        <v>0</v>
      </c>
      <c r="E5814" s="6">
        <f t="shared" si="181"/>
        <v>0</v>
      </c>
    </row>
    <row r="5815" spans="1:5" x14ac:dyDescent="0.25">
      <c r="A5815" s="1">
        <v>43798.083333333336</v>
      </c>
      <c r="B5815" s="2">
        <v>19.12</v>
      </c>
      <c r="C5815">
        <v>0</v>
      </c>
      <c r="D5815">
        <f t="shared" si="180"/>
        <v>0</v>
      </c>
      <c r="E5815" s="6">
        <f t="shared" si="181"/>
        <v>0</v>
      </c>
    </row>
    <row r="5816" spans="1:5" x14ac:dyDescent="0.25">
      <c r="A5816" s="1">
        <v>43798.125</v>
      </c>
      <c r="B5816" s="2">
        <v>19.16</v>
      </c>
      <c r="C5816">
        <v>0</v>
      </c>
      <c r="D5816">
        <f t="shared" si="180"/>
        <v>0</v>
      </c>
      <c r="E5816" s="6">
        <f t="shared" si="181"/>
        <v>0</v>
      </c>
    </row>
    <row r="5817" spans="1:5" x14ac:dyDescent="0.25">
      <c r="A5817" s="1">
        <v>43798.166666666664</v>
      </c>
      <c r="B5817" s="2">
        <v>19.43</v>
      </c>
      <c r="C5817">
        <v>0</v>
      </c>
      <c r="D5817">
        <f t="shared" si="180"/>
        <v>0</v>
      </c>
      <c r="E5817" s="6">
        <f t="shared" si="181"/>
        <v>0</v>
      </c>
    </row>
    <row r="5818" spans="1:5" x14ac:dyDescent="0.25">
      <c r="A5818" s="1">
        <v>43798.208333333336</v>
      </c>
      <c r="B5818" s="2">
        <v>19.61</v>
      </c>
      <c r="C5818">
        <v>0</v>
      </c>
      <c r="D5818">
        <f t="shared" si="180"/>
        <v>0</v>
      </c>
      <c r="E5818" s="6">
        <f t="shared" si="181"/>
        <v>0</v>
      </c>
    </row>
    <row r="5819" spans="1:5" x14ac:dyDescent="0.25">
      <c r="A5819" s="1">
        <v>43798.25</v>
      </c>
      <c r="B5819" s="2">
        <v>22.66</v>
      </c>
      <c r="C5819">
        <v>0</v>
      </c>
      <c r="D5819">
        <f t="shared" si="180"/>
        <v>0</v>
      </c>
      <c r="E5819" s="6">
        <f t="shared" si="181"/>
        <v>0</v>
      </c>
    </row>
    <row r="5820" spans="1:5" x14ac:dyDescent="0.25">
      <c r="A5820" s="1">
        <v>43798.291666666664</v>
      </c>
      <c r="B5820" s="2">
        <v>24.44</v>
      </c>
      <c r="C5820">
        <v>0</v>
      </c>
      <c r="D5820">
        <f t="shared" si="180"/>
        <v>0</v>
      </c>
      <c r="E5820" s="6">
        <f t="shared" si="181"/>
        <v>0</v>
      </c>
    </row>
    <row r="5821" spans="1:5" x14ac:dyDescent="0.25">
      <c r="A5821" s="1">
        <v>43798.333333333336</v>
      </c>
      <c r="B5821" s="2">
        <v>24.16</v>
      </c>
      <c r="C5821">
        <v>0.32256200000000002</v>
      </c>
      <c r="D5821">
        <f t="shared" si="180"/>
        <v>3.2256200000000003E-4</v>
      </c>
      <c r="E5821" s="6">
        <f t="shared" si="181"/>
        <v>7.7930979200000012E-3</v>
      </c>
    </row>
    <row r="5822" spans="1:5" x14ac:dyDescent="0.25">
      <c r="A5822" s="1">
        <v>43798.375</v>
      </c>
      <c r="B5822" s="2">
        <v>23.37</v>
      </c>
      <c r="C5822">
        <v>0.80968200000000001</v>
      </c>
      <c r="D5822">
        <f t="shared" si="180"/>
        <v>8.0968200000000004E-4</v>
      </c>
      <c r="E5822" s="6">
        <f t="shared" si="181"/>
        <v>1.8922268340000003E-2</v>
      </c>
    </row>
    <row r="5823" spans="1:5" x14ac:dyDescent="0.25">
      <c r="A5823" s="1">
        <v>43798.416666666664</v>
      </c>
      <c r="B5823" s="2">
        <v>22.84</v>
      </c>
      <c r="C5823">
        <v>3.8807420000000001</v>
      </c>
      <c r="D5823">
        <f t="shared" si="180"/>
        <v>3.880742E-3</v>
      </c>
      <c r="E5823" s="6">
        <f t="shared" si="181"/>
        <v>8.8636147279999994E-2</v>
      </c>
    </row>
    <row r="5824" spans="1:5" x14ac:dyDescent="0.25">
      <c r="A5824" s="1">
        <v>43798.458333333336</v>
      </c>
      <c r="B5824" s="2">
        <v>22.04</v>
      </c>
      <c r="C5824">
        <v>6.3520959999999995</v>
      </c>
      <c r="D5824">
        <f t="shared" si="180"/>
        <v>6.3520959999999998E-3</v>
      </c>
      <c r="E5824" s="6">
        <f t="shared" si="181"/>
        <v>0.14000019583999998</v>
      </c>
    </row>
    <row r="5825" spans="1:5" x14ac:dyDescent="0.25">
      <c r="A5825" s="1">
        <v>43798.5</v>
      </c>
      <c r="B5825" s="2">
        <v>21.03</v>
      </c>
      <c r="C5825">
        <v>6.589162</v>
      </c>
      <c r="D5825">
        <f t="shared" si="180"/>
        <v>6.589162E-3</v>
      </c>
      <c r="E5825" s="6">
        <f t="shared" si="181"/>
        <v>0.13857007686</v>
      </c>
    </row>
    <row r="5826" spans="1:5" x14ac:dyDescent="0.25">
      <c r="A5826" s="1">
        <v>43798.541666666664</v>
      </c>
      <c r="B5826" s="2">
        <v>19.989999999999998</v>
      </c>
      <c r="C5826">
        <v>6.311439</v>
      </c>
      <c r="D5826">
        <f t="shared" si="180"/>
        <v>6.3114390000000003E-3</v>
      </c>
      <c r="E5826" s="6">
        <f t="shared" si="181"/>
        <v>0.12616566561000001</v>
      </c>
    </row>
    <row r="5827" spans="1:5" x14ac:dyDescent="0.25">
      <c r="A5827" s="1">
        <v>43798.583333333336</v>
      </c>
      <c r="B5827" s="2">
        <v>19.649999999999999</v>
      </c>
      <c r="C5827">
        <v>5.4000029999999999</v>
      </c>
      <c r="D5827">
        <f t="shared" si="180"/>
        <v>5.4000029999999996E-3</v>
      </c>
      <c r="E5827" s="6">
        <f t="shared" si="181"/>
        <v>0.10611005894999999</v>
      </c>
    </row>
    <row r="5828" spans="1:5" x14ac:dyDescent="0.25">
      <c r="A5828" s="1">
        <v>43798.625</v>
      </c>
      <c r="B5828" s="2">
        <v>19.95</v>
      </c>
      <c r="C5828">
        <v>3.8621319999999999</v>
      </c>
      <c r="D5828">
        <f t="shared" si="180"/>
        <v>3.8621319999999999E-3</v>
      </c>
      <c r="E5828" s="6">
        <f t="shared" si="181"/>
        <v>7.7049533399999995E-2</v>
      </c>
    </row>
    <row r="5829" spans="1:5" x14ac:dyDescent="0.25">
      <c r="A5829" s="1">
        <v>43798.666666666664</v>
      </c>
      <c r="B5829" s="2">
        <v>22.51</v>
      </c>
      <c r="C5829">
        <v>1.769757</v>
      </c>
      <c r="D5829">
        <f t="shared" si="180"/>
        <v>1.7697570000000001E-3</v>
      </c>
      <c r="E5829" s="6">
        <f t="shared" si="181"/>
        <v>3.9837230070000007E-2</v>
      </c>
    </row>
    <row r="5830" spans="1:5" x14ac:dyDescent="0.25">
      <c r="A5830" s="1">
        <v>43798.708333333336</v>
      </c>
      <c r="B5830" s="2">
        <v>25.92</v>
      </c>
      <c r="C5830">
        <v>0</v>
      </c>
      <c r="D5830">
        <f t="shared" ref="D5830:D5893" si="182">C5830/1000</f>
        <v>0</v>
      </c>
      <c r="E5830" s="6">
        <f t="shared" ref="E5830:E5893" si="183">D5830*B5830</f>
        <v>0</v>
      </c>
    </row>
    <row r="5831" spans="1:5" x14ac:dyDescent="0.25">
      <c r="A5831" s="1">
        <v>43798.75</v>
      </c>
      <c r="B5831" s="2">
        <v>25.06</v>
      </c>
      <c r="C5831">
        <v>0</v>
      </c>
      <c r="D5831">
        <f t="shared" si="182"/>
        <v>0</v>
      </c>
      <c r="E5831" s="6">
        <f t="shared" si="183"/>
        <v>0</v>
      </c>
    </row>
    <row r="5832" spans="1:5" x14ac:dyDescent="0.25">
      <c r="A5832" s="1">
        <v>43798.791666666664</v>
      </c>
      <c r="B5832" s="2">
        <v>24.41</v>
      </c>
      <c r="C5832">
        <v>0</v>
      </c>
      <c r="D5832">
        <f t="shared" si="182"/>
        <v>0</v>
      </c>
      <c r="E5832" s="6">
        <f t="shared" si="183"/>
        <v>0</v>
      </c>
    </row>
    <row r="5833" spans="1:5" x14ac:dyDescent="0.25">
      <c r="A5833" s="1">
        <v>43798.833333333336</v>
      </c>
      <c r="B5833" s="2">
        <v>23.86</v>
      </c>
      <c r="C5833">
        <v>0</v>
      </c>
      <c r="D5833">
        <f t="shared" si="182"/>
        <v>0</v>
      </c>
      <c r="E5833" s="6">
        <f t="shared" si="183"/>
        <v>0</v>
      </c>
    </row>
    <row r="5834" spans="1:5" x14ac:dyDescent="0.25">
      <c r="A5834" s="1">
        <v>43798.875</v>
      </c>
      <c r="B5834" s="2">
        <v>22.48</v>
      </c>
      <c r="C5834">
        <v>0</v>
      </c>
      <c r="D5834">
        <f t="shared" si="182"/>
        <v>0</v>
      </c>
      <c r="E5834" s="6">
        <f t="shared" si="183"/>
        <v>0</v>
      </c>
    </row>
    <row r="5835" spans="1:5" x14ac:dyDescent="0.25">
      <c r="A5835" s="1">
        <v>43798.916666666664</v>
      </c>
      <c r="B5835" s="2">
        <v>22.12</v>
      </c>
      <c r="C5835">
        <v>0</v>
      </c>
      <c r="D5835">
        <f t="shared" si="182"/>
        <v>0</v>
      </c>
      <c r="E5835" s="6">
        <f t="shared" si="183"/>
        <v>0</v>
      </c>
    </row>
    <row r="5836" spans="1:5" x14ac:dyDescent="0.25">
      <c r="A5836" s="1">
        <v>43798.958333333336</v>
      </c>
      <c r="B5836" s="2">
        <v>20.11</v>
      </c>
      <c r="C5836">
        <v>0</v>
      </c>
      <c r="D5836">
        <f t="shared" si="182"/>
        <v>0</v>
      </c>
      <c r="E5836" s="6">
        <f t="shared" si="183"/>
        <v>0</v>
      </c>
    </row>
    <row r="5837" spans="1:5" x14ac:dyDescent="0.25">
      <c r="A5837" s="1">
        <v>43799</v>
      </c>
      <c r="B5837" s="2">
        <v>19.95</v>
      </c>
      <c r="C5837">
        <v>0</v>
      </c>
      <c r="D5837">
        <f t="shared" si="182"/>
        <v>0</v>
      </c>
      <c r="E5837" s="6">
        <f t="shared" si="183"/>
        <v>0</v>
      </c>
    </row>
    <row r="5838" spans="1:5" x14ac:dyDescent="0.25">
      <c r="A5838" s="1">
        <v>43799.041666666664</v>
      </c>
      <c r="B5838" s="2">
        <v>19.45</v>
      </c>
      <c r="C5838">
        <v>0</v>
      </c>
      <c r="D5838">
        <f t="shared" si="182"/>
        <v>0</v>
      </c>
      <c r="E5838" s="6">
        <f t="shared" si="183"/>
        <v>0</v>
      </c>
    </row>
    <row r="5839" spans="1:5" x14ac:dyDescent="0.25">
      <c r="A5839" s="1">
        <v>43799.083333333336</v>
      </c>
      <c r="B5839" s="2">
        <v>19.399999999999999</v>
      </c>
      <c r="C5839">
        <v>0</v>
      </c>
      <c r="D5839">
        <f t="shared" si="182"/>
        <v>0</v>
      </c>
      <c r="E5839" s="6">
        <f t="shared" si="183"/>
        <v>0</v>
      </c>
    </row>
    <row r="5840" spans="1:5" x14ac:dyDescent="0.25">
      <c r="A5840" s="1">
        <v>43799.125</v>
      </c>
      <c r="B5840" s="2">
        <v>19.34</v>
      </c>
      <c r="C5840">
        <v>0</v>
      </c>
      <c r="D5840">
        <f t="shared" si="182"/>
        <v>0</v>
      </c>
      <c r="E5840" s="6">
        <f t="shared" si="183"/>
        <v>0</v>
      </c>
    </row>
    <row r="5841" spans="1:5" x14ac:dyDescent="0.25">
      <c r="A5841" s="1">
        <v>43799.166666666664</v>
      </c>
      <c r="B5841" s="2">
        <v>19.45</v>
      </c>
      <c r="C5841">
        <v>0</v>
      </c>
      <c r="D5841">
        <f t="shared" si="182"/>
        <v>0</v>
      </c>
      <c r="E5841" s="6">
        <f t="shared" si="183"/>
        <v>0</v>
      </c>
    </row>
    <row r="5842" spans="1:5" x14ac:dyDescent="0.25">
      <c r="A5842" s="1">
        <v>43799.208333333336</v>
      </c>
      <c r="B5842" s="2">
        <v>20.239999999999998</v>
      </c>
      <c r="C5842">
        <v>0</v>
      </c>
      <c r="D5842">
        <f t="shared" si="182"/>
        <v>0</v>
      </c>
      <c r="E5842" s="6">
        <f t="shared" si="183"/>
        <v>0</v>
      </c>
    </row>
    <row r="5843" spans="1:5" x14ac:dyDescent="0.25">
      <c r="A5843" s="1">
        <v>43799.25</v>
      </c>
      <c r="B5843" s="2">
        <v>21.59</v>
      </c>
      <c r="C5843">
        <v>0</v>
      </c>
      <c r="D5843">
        <f t="shared" si="182"/>
        <v>0</v>
      </c>
      <c r="E5843" s="6">
        <f t="shared" si="183"/>
        <v>0</v>
      </c>
    </row>
    <row r="5844" spans="1:5" x14ac:dyDescent="0.25">
      <c r="A5844" s="1">
        <v>43799.291666666664</v>
      </c>
      <c r="B5844" s="2">
        <v>23.18</v>
      </c>
      <c r="C5844">
        <v>0</v>
      </c>
      <c r="D5844">
        <f t="shared" si="182"/>
        <v>0</v>
      </c>
      <c r="E5844" s="6">
        <f t="shared" si="183"/>
        <v>0</v>
      </c>
    </row>
    <row r="5845" spans="1:5" x14ac:dyDescent="0.25">
      <c r="A5845" s="1">
        <v>43799.333333333336</v>
      </c>
      <c r="B5845" s="2">
        <v>23.88</v>
      </c>
      <c r="C5845">
        <v>2.4584859999999997</v>
      </c>
      <c r="D5845">
        <f t="shared" si="182"/>
        <v>2.4584859999999997E-3</v>
      </c>
      <c r="E5845" s="6">
        <f t="shared" si="183"/>
        <v>5.8708645679999991E-2</v>
      </c>
    </row>
    <row r="5846" spans="1:5" x14ac:dyDescent="0.25">
      <c r="A5846" s="1">
        <v>43799.375</v>
      </c>
      <c r="B5846" s="2">
        <v>23.64</v>
      </c>
      <c r="C5846">
        <v>4.4003329999999998</v>
      </c>
      <c r="D5846">
        <f t="shared" si="182"/>
        <v>4.4003330000000002E-3</v>
      </c>
      <c r="E5846" s="6">
        <f t="shared" si="183"/>
        <v>0.10402387212000001</v>
      </c>
    </row>
    <row r="5847" spans="1:5" x14ac:dyDescent="0.25">
      <c r="A5847" s="1">
        <v>43799.416666666664</v>
      </c>
      <c r="B5847" s="2">
        <v>23.14</v>
      </c>
      <c r="C5847">
        <v>5.7284120000000005</v>
      </c>
      <c r="D5847">
        <f t="shared" si="182"/>
        <v>5.7284120000000004E-3</v>
      </c>
      <c r="E5847" s="6">
        <f t="shared" si="183"/>
        <v>0.13255545368000002</v>
      </c>
    </row>
    <row r="5848" spans="1:5" x14ac:dyDescent="0.25">
      <c r="A5848" s="1">
        <v>43799.458333333336</v>
      </c>
      <c r="B5848" s="2">
        <v>22.62</v>
      </c>
      <c r="C5848">
        <v>6.4312940000000003</v>
      </c>
      <c r="D5848">
        <f t="shared" si="182"/>
        <v>6.4312940000000006E-3</v>
      </c>
      <c r="E5848" s="6">
        <f t="shared" si="183"/>
        <v>0.14547587028000003</v>
      </c>
    </row>
    <row r="5849" spans="1:5" x14ac:dyDescent="0.25">
      <c r="A5849" s="1">
        <v>43799.5</v>
      </c>
      <c r="B5849" s="2">
        <v>21.41</v>
      </c>
      <c r="C5849">
        <v>6.5859369999999995</v>
      </c>
      <c r="D5849">
        <f t="shared" si="182"/>
        <v>6.5859369999999992E-3</v>
      </c>
      <c r="E5849" s="6">
        <f t="shared" si="183"/>
        <v>0.14100491117</v>
      </c>
    </row>
    <row r="5850" spans="1:5" x14ac:dyDescent="0.25">
      <c r="A5850" s="1">
        <v>43799.541666666664</v>
      </c>
      <c r="B5850" s="2">
        <v>20.61</v>
      </c>
      <c r="C5850">
        <v>6.1697430000000004</v>
      </c>
      <c r="D5850">
        <f t="shared" si="182"/>
        <v>6.1697430000000001E-3</v>
      </c>
      <c r="E5850" s="6">
        <f t="shared" si="183"/>
        <v>0.12715840322999999</v>
      </c>
    </row>
    <row r="5851" spans="1:5" x14ac:dyDescent="0.25">
      <c r="A5851" s="1">
        <v>43799.583333333336</v>
      </c>
      <c r="B5851" s="2">
        <v>20.100000000000001</v>
      </c>
      <c r="C5851">
        <v>5.248551</v>
      </c>
      <c r="D5851">
        <f t="shared" si="182"/>
        <v>5.2485509999999997E-3</v>
      </c>
      <c r="E5851" s="6">
        <f t="shared" si="183"/>
        <v>0.1054958751</v>
      </c>
    </row>
    <row r="5852" spans="1:5" x14ac:dyDescent="0.25">
      <c r="A5852" s="1">
        <v>43799.625</v>
      </c>
      <c r="B5852" s="2">
        <v>20.22</v>
      </c>
      <c r="C5852">
        <v>3.7524060000000001</v>
      </c>
      <c r="D5852">
        <f t="shared" si="182"/>
        <v>3.7524060000000002E-3</v>
      </c>
      <c r="E5852" s="6">
        <f t="shared" si="183"/>
        <v>7.587364932E-2</v>
      </c>
    </row>
    <row r="5853" spans="1:5" x14ac:dyDescent="0.25">
      <c r="A5853" s="1">
        <v>43799.666666666664</v>
      </c>
      <c r="B5853" s="2">
        <v>23</v>
      </c>
      <c r="C5853">
        <v>1.669238</v>
      </c>
      <c r="D5853">
        <f t="shared" si="182"/>
        <v>1.669238E-3</v>
      </c>
      <c r="E5853" s="6">
        <f t="shared" si="183"/>
        <v>3.8392473999999996E-2</v>
      </c>
    </row>
    <row r="5854" spans="1:5" x14ac:dyDescent="0.25">
      <c r="A5854" s="1">
        <v>43799.708333333336</v>
      </c>
      <c r="B5854" s="2">
        <v>24.34</v>
      </c>
      <c r="C5854">
        <v>0</v>
      </c>
      <c r="D5854">
        <f t="shared" si="182"/>
        <v>0</v>
      </c>
      <c r="E5854" s="6">
        <f t="shared" si="183"/>
        <v>0</v>
      </c>
    </row>
    <row r="5855" spans="1:5" x14ac:dyDescent="0.25">
      <c r="A5855" s="1">
        <v>43799.75</v>
      </c>
      <c r="B5855" s="2">
        <v>23.53</v>
      </c>
      <c r="C5855">
        <v>0</v>
      </c>
      <c r="D5855">
        <f t="shared" si="182"/>
        <v>0</v>
      </c>
      <c r="E5855" s="6">
        <f t="shared" si="183"/>
        <v>0</v>
      </c>
    </row>
    <row r="5856" spans="1:5" x14ac:dyDescent="0.25">
      <c r="A5856" s="1">
        <v>43799.791666666664</v>
      </c>
      <c r="B5856" s="2">
        <v>23.1</v>
      </c>
      <c r="C5856">
        <v>0</v>
      </c>
      <c r="D5856">
        <f t="shared" si="182"/>
        <v>0</v>
      </c>
      <c r="E5856" s="6">
        <f t="shared" si="183"/>
        <v>0</v>
      </c>
    </row>
    <row r="5857" spans="1:5" x14ac:dyDescent="0.25">
      <c r="A5857" s="1">
        <v>43799.833333333336</v>
      </c>
      <c r="B5857" s="2">
        <v>22.44</v>
      </c>
      <c r="C5857">
        <v>0</v>
      </c>
      <c r="D5857">
        <f t="shared" si="182"/>
        <v>0</v>
      </c>
      <c r="E5857" s="6">
        <f t="shared" si="183"/>
        <v>0</v>
      </c>
    </row>
    <row r="5858" spans="1:5" x14ac:dyDescent="0.25">
      <c r="A5858" s="1">
        <v>43799.875</v>
      </c>
      <c r="B5858" s="2">
        <v>21.06</v>
      </c>
      <c r="C5858">
        <v>0</v>
      </c>
      <c r="D5858">
        <f t="shared" si="182"/>
        <v>0</v>
      </c>
      <c r="E5858" s="6">
        <f t="shared" si="183"/>
        <v>0</v>
      </c>
    </row>
    <row r="5859" spans="1:5" x14ac:dyDescent="0.25">
      <c r="A5859" s="1">
        <v>43799.916666666664</v>
      </c>
      <c r="B5859" s="2">
        <v>20.100000000000001</v>
      </c>
      <c r="C5859">
        <v>0</v>
      </c>
      <c r="D5859">
        <f t="shared" si="182"/>
        <v>0</v>
      </c>
      <c r="E5859" s="6">
        <f t="shared" si="183"/>
        <v>0</v>
      </c>
    </row>
    <row r="5860" spans="1:5" x14ac:dyDescent="0.25">
      <c r="A5860" s="1">
        <v>43799.958333333336</v>
      </c>
      <c r="B5860" s="2">
        <v>19.260000000000002</v>
      </c>
      <c r="C5860">
        <v>0</v>
      </c>
      <c r="D5860">
        <f t="shared" si="182"/>
        <v>0</v>
      </c>
      <c r="E5860" s="6">
        <f t="shared" si="183"/>
        <v>0</v>
      </c>
    </row>
    <row r="5861" spans="1:5" x14ac:dyDescent="0.25">
      <c r="A5861" s="1">
        <v>43800</v>
      </c>
      <c r="B5861" s="2">
        <v>19.09</v>
      </c>
      <c r="C5861">
        <v>0</v>
      </c>
      <c r="D5861">
        <f t="shared" si="182"/>
        <v>0</v>
      </c>
      <c r="E5861" s="6">
        <f t="shared" si="183"/>
        <v>0</v>
      </c>
    </row>
    <row r="5862" spans="1:5" x14ac:dyDescent="0.25">
      <c r="A5862" s="1">
        <v>43800.041666666664</v>
      </c>
      <c r="B5862" s="2">
        <v>18.350000000000001</v>
      </c>
      <c r="C5862">
        <v>0</v>
      </c>
      <c r="D5862">
        <f t="shared" si="182"/>
        <v>0</v>
      </c>
      <c r="E5862" s="6">
        <f t="shared" si="183"/>
        <v>0</v>
      </c>
    </row>
    <row r="5863" spans="1:5" x14ac:dyDescent="0.25">
      <c r="A5863" s="1">
        <v>43800.083333333336</v>
      </c>
      <c r="B5863" s="2">
        <v>18</v>
      </c>
      <c r="C5863">
        <v>0</v>
      </c>
      <c r="D5863">
        <f t="shared" si="182"/>
        <v>0</v>
      </c>
      <c r="E5863" s="6">
        <f t="shared" si="183"/>
        <v>0</v>
      </c>
    </row>
    <row r="5864" spans="1:5" x14ac:dyDescent="0.25">
      <c r="A5864" s="1">
        <v>43800.125</v>
      </c>
      <c r="B5864" s="2">
        <v>17.71</v>
      </c>
      <c r="C5864">
        <v>0</v>
      </c>
      <c r="D5864">
        <f t="shared" si="182"/>
        <v>0</v>
      </c>
      <c r="E5864" s="6">
        <f t="shared" si="183"/>
        <v>0</v>
      </c>
    </row>
    <row r="5865" spans="1:5" x14ac:dyDescent="0.25">
      <c r="A5865" s="1">
        <v>43800.166666666664</v>
      </c>
      <c r="B5865" s="2">
        <v>17.600000000000001</v>
      </c>
      <c r="C5865">
        <v>0</v>
      </c>
      <c r="D5865">
        <f t="shared" si="182"/>
        <v>0</v>
      </c>
      <c r="E5865" s="6">
        <f t="shared" si="183"/>
        <v>0</v>
      </c>
    </row>
    <row r="5866" spans="1:5" x14ac:dyDescent="0.25">
      <c r="A5866" s="1">
        <v>43800.208333333336</v>
      </c>
      <c r="B5866" s="2">
        <v>18.3</v>
      </c>
      <c r="C5866">
        <v>0</v>
      </c>
      <c r="D5866">
        <f t="shared" si="182"/>
        <v>0</v>
      </c>
      <c r="E5866" s="6">
        <f t="shared" si="183"/>
        <v>0</v>
      </c>
    </row>
    <row r="5867" spans="1:5" x14ac:dyDescent="0.25">
      <c r="A5867" s="1">
        <v>43800.25</v>
      </c>
      <c r="B5867" s="2">
        <v>18.86</v>
      </c>
      <c r="C5867">
        <v>0</v>
      </c>
      <c r="D5867">
        <f t="shared" si="182"/>
        <v>0</v>
      </c>
      <c r="E5867" s="6">
        <f t="shared" si="183"/>
        <v>0</v>
      </c>
    </row>
    <row r="5868" spans="1:5" x14ac:dyDescent="0.25">
      <c r="A5868" s="1">
        <v>43800.291666666664</v>
      </c>
      <c r="B5868" s="2">
        <v>19.850000000000001</v>
      </c>
      <c r="C5868">
        <v>0</v>
      </c>
      <c r="D5868">
        <f t="shared" si="182"/>
        <v>0</v>
      </c>
      <c r="E5868" s="6">
        <f t="shared" si="183"/>
        <v>0</v>
      </c>
    </row>
    <row r="5869" spans="1:5" x14ac:dyDescent="0.25">
      <c r="A5869" s="1">
        <v>43800.333333333336</v>
      </c>
      <c r="B5869" s="2">
        <v>21.7</v>
      </c>
      <c r="C5869">
        <v>2.201994</v>
      </c>
      <c r="D5869">
        <f t="shared" si="182"/>
        <v>2.2019940000000001E-3</v>
      </c>
      <c r="E5869" s="6">
        <f t="shared" si="183"/>
        <v>4.77832698E-2</v>
      </c>
    </row>
    <row r="5870" spans="1:5" x14ac:dyDescent="0.25">
      <c r="A5870" s="1">
        <v>43800.375</v>
      </c>
      <c r="B5870" s="2">
        <v>22.49</v>
      </c>
      <c r="C5870">
        <v>4.1827730000000001</v>
      </c>
      <c r="D5870">
        <f t="shared" si="182"/>
        <v>4.1827729999999999E-3</v>
      </c>
      <c r="E5870" s="6">
        <f t="shared" si="183"/>
        <v>9.407056476999999E-2</v>
      </c>
    </row>
    <row r="5871" spans="1:5" x14ac:dyDescent="0.25">
      <c r="A5871" s="1">
        <v>43800.416666666664</v>
      </c>
      <c r="B5871" s="2">
        <v>22.66</v>
      </c>
      <c r="C5871">
        <v>5.5062070000000007</v>
      </c>
      <c r="D5871">
        <f t="shared" si="182"/>
        <v>5.5062070000000008E-3</v>
      </c>
      <c r="E5871" s="6">
        <f t="shared" si="183"/>
        <v>0.12477065062000002</v>
      </c>
    </row>
    <row r="5872" spans="1:5" x14ac:dyDescent="0.25">
      <c r="A5872" s="1">
        <v>43800.458333333336</v>
      </c>
      <c r="B5872" s="2">
        <v>22.44</v>
      </c>
      <c r="C5872">
        <v>6.2514899999999995</v>
      </c>
      <c r="D5872">
        <f t="shared" si="182"/>
        <v>6.2514899999999993E-3</v>
      </c>
      <c r="E5872" s="6">
        <f t="shared" si="183"/>
        <v>0.14028343560000001</v>
      </c>
    </row>
    <row r="5873" spans="1:5" x14ac:dyDescent="0.25">
      <c r="A5873" s="1">
        <v>43800.5</v>
      </c>
      <c r="B5873" s="2">
        <v>21.58</v>
      </c>
      <c r="C5873">
        <v>6.4143990000000004</v>
      </c>
      <c r="D5873">
        <f t="shared" si="182"/>
        <v>6.4143990000000003E-3</v>
      </c>
      <c r="E5873" s="6">
        <f t="shared" si="183"/>
        <v>0.13842273042</v>
      </c>
    </row>
    <row r="5874" spans="1:5" x14ac:dyDescent="0.25">
      <c r="A5874" s="1">
        <v>43800.541666666664</v>
      </c>
      <c r="B5874" s="2">
        <v>21.02</v>
      </c>
      <c r="C5874">
        <v>6.0316009999999993</v>
      </c>
      <c r="D5874">
        <f t="shared" si="182"/>
        <v>6.0316009999999993E-3</v>
      </c>
      <c r="E5874" s="6">
        <f t="shared" si="183"/>
        <v>0.12678425301999999</v>
      </c>
    </row>
    <row r="5875" spans="1:5" x14ac:dyDescent="0.25">
      <c r="A5875" s="1">
        <v>43800.583333333336</v>
      </c>
      <c r="B5875" s="2">
        <v>20.48</v>
      </c>
      <c r="C5875">
        <v>5.1223179999999999</v>
      </c>
      <c r="D5875">
        <f t="shared" si="182"/>
        <v>5.1223179999999998E-3</v>
      </c>
      <c r="E5875" s="6">
        <f t="shared" si="183"/>
        <v>0.10490507264</v>
      </c>
    </row>
    <row r="5876" spans="1:5" x14ac:dyDescent="0.25">
      <c r="A5876" s="1">
        <v>43800.625</v>
      </c>
      <c r="B5876" s="2">
        <v>20.05</v>
      </c>
      <c r="C5876">
        <v>3.678417</v>
      </c>
      <c r="D5876">
        <f t="shared" si="182"/>
        <v>3.6784170000000002E-3</v>
      </c>
      <c r="E5876" s="6">
        <f t="shared" si="183"/>
        <v>7.3752260850000001E-2</v>
      </c>
    </row>
    <row r="5877" spans="1:5" x14ac:dyDescent="0.25">
      <c r="A5877" s="1">
        <v>43800.666666666664</v>
      </c>
      <c r="B5877" s="2">
        <v>23.12</v>
      </c>
      <c r="C5877">
        <v>1.6954149999999999</v>
      </c>
      <c r="D5877">
        <f t="shared" si="182"/>
        <v>1.6954149999999998E-3</v>
      </c>
      <c r="E5877" s="6">
        <f t="shared" si="183"/>
        <v>3.9197994799999997E-2</v>
      </c>
    </row>
    <row r="5878" spans="1:5" x14ac:dyDescent="0.25">
      <c r="A5878" s="1">
        <v>43800.708333333336</v>
      </c>
      <c r="B5878" s="2">
        <v>25.56</v>
      </c>
      <c r="C5878">
        <v>0</v>
      </c>
      <c r="D5878">
        <f t="shared" si="182"/>
        <v>0</v>
      </c>
      <c r="E5878" s="6">
        <f t="shared" si="183"/>
        <v>0</v>
      </c>
    </row>
    <row r="5879" spans="1:5" x14ac:dyDescent="0.25">
      <c r="A5879" s="1">
        <v>43800.75</v>
      </c>
      <c r="B5879" s="2">
        <v>24.96</v>
      </c>
      <c r="C5879">
        <v>0</v>
      </c>
      <c r="D5879">
        <f t="shared" si="182"/>
        <v>0</v>
      </c>
      <c r="E5879" s="6">
        <f t="shared" si="183"/>
        <v>0</v>
      </c>
    </row>
    <row r="5880" spans="1:5" x14ac:dyDescent="0.25">
      <c r="A5880" s="1">
        <v>43800.791666666664</v>
      </c>
      <c r="B5880" s="2">
        <v>24.59</v>
      </c>
      <c r="C5880">
        <v>0</v>
      </c>
      <c r="D5880">
        <f t="shared" si="182"/>
        <v>0</v>
      </c>
      <c r="E5880" s="6">
        <f t="shared" si="183"/>
        <v>0</v>
      </c>
    </row>
    <row r="5881" spans="1:5" x14ac:dyDescent="0.25">
      <c r="A5881" s="1">
        <v>43800.833333333336</v>
      </c>
      <c r="B5881" s="2">
        <v>23.06</v>
      </c>
      <c r="C5881">
        <v>0</v>
      </c>
      <c r="D5881">
        <f t="shared" si="182"/>
        <v>0</v>
      </c>
      <c r="E5881" s="6">
        <f t="shared" si="183"/>
        <v>0</v>
      </c>
    </row>
    <row r="5882" spans="1:5" x14ac:dyDescent="0.25">
      <c r="A5882" s="1">
        <v>43800.875</v>
      </c>
      <c r="B5882" s="2">
        <v>21.49</v>
      </c>
      <c r="C5882">
        <v>0</v>
      </c>
      <c r="D5882">
        <f t="shared" si="182"/>
        <v>0</v>
      </c>
      <c r="E5882" s="6">
        <f t="shared" si="183"/>
        <v>0</v>
      </c>
    </row>
    <row r="5883" spans="1:5" x14ac:dyDescent="0.25">
      <c r="A5883" s="1">
        <v>43800.916666666664</v>
      </c>
      <c r="B5883" s="2">
        <v>19.850000000000001</v>
      </c>
      <c r="C5883">
        <v>0</v>
      </c>
      <c r="D5883">
        <f t="shared" si="182"/>
        <v>0</v>
      </c>
      <c r="E5883" s="6">
        <f t="shared" si="183"/>
        <v>0</v>
      </c>
    </row>
    <row r="5884" spans="1:5" x14ac:dyDescent="0.25">
      <c r="A5884" s="1">
        <v>43800.958333333336</v>
      </c>
      <c r="B5884" s="2">
        <v>18.829999999999998</v>
      </c>
      <c r="C5884">
        <v>0</v>
      </c>
      <c r="D5884">
        <f t="shared" si="182"/>
        <v>0</v>
      </c>
      <c r="E5884" s="6">
        <f t="shared" si="183"/>
        <v>0</v>
      </c>
    </row>
    <row r="5885" spans="1:5" x14ac:dyDescent="0.25">
      <c r="A5885" s="1">
        <v>43801</v>
      </c>
      <c r="B5885" s="2">
        <v>17.079999999999998</v>
      </c>
      <c r="C5885">
        <v>0</v>
      </c>
      <c r="D5885">
        <f t="shared" si="182"/>
        <v>0</v>
      </c>
      <c r="E5885" s="6">
        <f t="shared" si="183"/>
        <v>0</v>
      </c>
    </row>
    <row r="5886" spans="1:5" x14ac:dyDescent="0.25">
      <c r="A5886" s="1">
        <v>43801.041666666664</v>
      </c>
      <c r="B5886" s="2">
        <v>17.239999999999998</v>
      </c>
      <c r="C5886">
        <v>0</v>
      </c>
      <c r="D5886">
        <f t="shared" si="182"/>
        <v>0</v>
      </c>
      <c r="E5886" s="6">
        <f t="shared" si="183"/>
        <v>0</v>
      </c>
    </row>
    <row r="5887" spans="1:5" x14ac:dyDescent="0.25">
      <c r="A5887" s="1">
        <v>43801.083333333336</v>
      </c>
      <c r="B5887" s="2">
        <v>17.149999999999999</v>
      </c>
      <c r="C5887">
        <v>0</v>
      </c>
      <c r="D5887">
        <f t="shared" si="182"/>
        <v>0</v>
      </c>
      <c r="E5887" s="6">
        <f t="shared" si="183"/>
        <v>0</v>
      </c>
    </row>
    <row r="5888" spans="1:5" x14ac:dyDescent="0.25">
      <c r="A5888" s="1">
        <v>43801.125</v>
      </c>
      <c r="B5888" s="2">
        <v>17.66</v>
      </c>
      <c r="C5888">
        <v>0</v>
      </c>
      <c r="D5888">
        <f t="shared" si="182"/>
        <v>0</v>
      </c>
      <c r="E5888" s="6">
        <f t="shared" si="183"/>
        <v>0</v>
      </c>
    </row>
    <row r="5889" spans="1:5" x14ac:dyDescent="0.25">
      <c r="A5889" s="1">
        <v>43801.166666666664</v>
      </c>
      <c r="B5889" s="2">
        <v>18.63</v>
      </c>
      <c r="C5889">
        <v>0</v>
      </c>
      <c r="D5889">
        <f t="shared" si="182"/>
        <v>0</v>
      </c>
      <c r="E5889" s="6">
        <f t="shared" si="183"/>
        <v>0</v>
      </c>
    </row>
    <row r="5890" spans="1:5" x14ac:dyDescent="0.25">
      <c r="A5890" s="1">
        <v>43801.208333333336</v>
      </c>
      <c r="B5890" s="2">
        <v>20.9</v>
      </c>
      <c r="C5890">
        <v>0</v>
      </c>
      <c r="D5890">
        <f t="shared" si="182"/>
        <v>0</v>
      </c>
      <c r="E5890" s="6">
        <f t="shared" si="183"/>
        <v>0</v>
      </c>
    </row>
    <row r="5891" spans="1:5" x14ac:dyDescent="0.25">
      <c r="A5891" s="1">
        <v>43801.25</v>
      </c>
      <c r="B5891" s="2">
        <v>28.11</v>
      </c>
      <c r="C5891">
        <v>0</v>
      </c>
      <c r="D5891">
        <f t="shared" si="182"/>
        <v>0</v>
      </c>
      <c r="E5891" s="6">
        <f t="shared" si="183"/>
        <v>0</v>
      </c>
    </row>
    <row r="5892" spans="1:5" x14ac:dyDescent="0.25">
      <c r="A5892" s="1">
        <v>43801.291666666664</v>
      </c>
      <c r="B5892" s="2">
        <v>32.630000000000003</v>
      </c>
      <c r="C5892">
        <v>0</v>
      </c>
      <c r="D5892">
        <f t="shared" si="182"/>
        <v>0</v>
      </c>
      <c r="E5892" s="6">
        <f t="shared" si="183"/>
        <v>0</v>
      </c>
    </row>
    <row r="5893" spans="1:5" x14ac:dyDescent="0.25">
      <c r="A5893" s="1">
        <v>43801.333333333336</v>
      </c>
      <c r="B5893" s="2">
        <v>27.08</v>
      </c>
      <c r="C5893">
        <v>2.3575569999999999</v>
      </c>
      <c r="D5893">
        <f t="shared" si="182"/>
        <v>2.3575569999999997E-3</v>
      </c>
      <c r="E5893" s="6">
        <f t="shared" si="183"/>
        <v>6.3842643559999981E-2</v>
      </c>
    </row>
    <row r="5894" spans="1:5" x14ac:dyDescent="0.25">
      <c r="A5894" s="1">
        <v>43801.375</v>
      </c>
      <c r="B5894" s="2">
        <v>26.84</v>
      </c>
      <c r="C5894">
        <v>4.2575280000000006</v>
      </c>
      <c r="D5894">
        <f t="shared" ref="D5894:D5957" si="184">C5894/1000</f>
        <v>4.2575280000000009E-3</v>
      </c>
      <c r="E5894" s="6">
        <f t="shared" ref="E5894:E5957" si="185">D5894*B5894</f>
        <v>0.11427205152000003</v>
      </c>
    </row>
    <row r="5895" spans="1:5" x14ac:dyDescent="0.25">
      <c r="A5895" s="1">
        <v>43801.416666666664</v>
      </c>
      <c r="B5895" s="2">
        <v>27.75</v>
      </c>
      <c r="C5895">
        <v>5.4695770000000001</v>
      </c>
      <c r="D5895">
        <f t="shared" si="184"/>
        <v>5.4695769999999998E-3</v>
      </c>
      <c r="E5895" s="6">
        <f t="shared" si="185"/>
        <v>0.15178076174999999</v>
      </c>
    </row>
    <row r="5896" spans="1:5" x14ac:dyDescent="0.25">
      <c r="A5896" s="1">
        <v>43801.458333333336</v>
      </c>
      <c r="B5896" s="2">
        <v>26.76</v>
      </c>
      <c r="C5896">
        <v>6.0865179999999999</v>
      </c>
      <c r="D5896">
        <f t="shared" si="184"/>
        <v>6.086518E-3</v>
      </c>
      <c r="E5896" s="6">
        <f t="shared" si="185"/>
        <v>0.16287522168000002</v>
      </c>
    </row>
    <row r="5897" spans="1:5" x14ac:dyDescent="0.25">
      <c r="A5897" s="1">
        <v>43801.5</v>
      </c>
      <c r="B5897" s="2">
        <v>25.12</v>
      </c>
      <c r="C5897">
        <v>4.9290320000000003</v>
      </c>
      <c r="D5897">
        <f t="shared" si="184"/>
        <v>4.9290320000000007E-3</v>
      </c>
      <c r="E5897" s="6">
        <f t="shared" si="185"/>
        <v>0.12381728384000003</v>
      </c>
    </row>
    <row r="5898" spans="1:5" x14ac:dyDescent="0.25">
      <c r="A5898" s="1">
        <v>43801.541666666664</v>
      </c>
      <c r="B5898" s="2">
        <v>25.86</v>
      </c>
      <c r="C5898">
        <v>5.8715450000000002</v>
      </c>
      <c r="D5898">
        <f t="shared" si="184"/>
        <v>5.8715450000000006E-3</v>
      </c>
      <c r="E5898" s="6">
        <f t="shared" si="185"/>
        <v>0.15183815370000001</v>
      </c>
    </row>
    <row r="5899" spans="1:5" x14ac:dyDescent="0.25">
      <c r="A5899" s="1">
        <v>43801.583333333336</v>
      </c>
      <c r="B5899" s="2">
        <v>25.05</v>
      </c>
      <c r="C5899">
        <v>4.9929920000000001</v>
      </c>
      <c r="D5899">
        <f t="shared" si="184"/>
        <v>4.9929919999999999E-3</v>
      </c>
      <c r="E5899" s="6">
        <f t="shared" si="185"/>
        <v>0.1250744496</v>
      </c>
    </row>
    <row r="5900" spans="1:5" x14ac:dyDescent="0.25">
      <c r="A5900" s="1">
        <v>43801.625</v>
      </c>
      <c r="B5900" s="2">
        <v>25.58</v>
      </c>
      <c r="C5900">
        <v>3.5493600000000001</v>
      </c>
      <c r="D5900">
        <f t="shared" si="184"/>
        <v>3.5493600000000001E-3</v>
      </c>
      <c r="E5900" s="6">
        <f t="shared" si="185"/>
        <v>9.0792628799999997E-2</v>
      </c>
    </row>
    <row r="5901" spans="1:5" x14ac:dyDescent="0.25">
      <c r="A5901" s="1">
        <v>43801.666666666664</v>
      </c>
      <c r="B5901" s="2">
        <v>29.49</v>
      </c>
      <c r="C5901">
        <v>1.5583579999999999</v>
      </c>
      <c r="D5901">
        <f t="shared" si="184"/>
        <v>1.5583579999999999E-3</v>
      </c>
      <c r="E5901" s="6">
        <f t="shared" si="185"/>
        <v>4.5955977419999995E-2</v>
      </c>
    </row>
    <row r="5902" spans="1:5" x14ac:dyDescent="0.25">
      <c r="A5902" s="1">
        <v>43801.708333333336</v>
      </c>
      <c r="B5902" s="2">
        <v>39.47</v>
      </c>
      <c r="C5902">
        <v>0</v>
      </c>
      <c r="D5902">
        <f t="shared" si="184"/>
        <v>0</v>
      </c>
      <c r="E5902" s="6">
        <f t="shared" si="185"/>
        <v>0</v>
      </c>
    </row>
    <row r="5903" spans="1:5" x14ac:dyDescent="0.25">
      <c r="A5903" s="1">
        <v>43801.75</v>
      </c>
      <c r="B5903" s="2">
        <v>33.979999999999997</v>
      </c>
      <c r="C5903">
        <v>0</v>
      </c>
      <c r="D5903">
        <f t="shared" si="184"/>
        <v>0</v>
      </c>
      <c r="E5903" s="6">
        <f t="shared" si="185"/>
        <v>0</v>
      </c>
    </row>
    <row r="5904" spans="1:5" x14ac:dyDescent="0.25">
      <c r="A5904" s="1">
        <v>43801.791666666664</v>
      </c>
      <c r="B5904" s="2">
        <v>30.66</v>
      </c>
      <c r="C5904">
        <v>0</v>
      </c>
      <c r="D5904">
        <f t="shared" si="184"/>
        <v>0</v>
      </c>
      <c r="E5904" s="6">
        <f t="shared" si="185"/>
        <v>0</v>
      </c>
    </row>
    <row r="5905" spans="1:5" x14ac:dyDescent="0.25">
      <c r="A5905" s="1">
        <v>43801.833333333336</v>
      </c>
      <c r="B5905" s="2">
        <v>33.659999999999997</v>
      </c>
      <c r="C5905">
        <v>0</v>
      </c>
      <c r="D5905">
        <f t="shared" si="184"/>
        <v>0</v>
      </c>
      <c r="E5905" s="6">
        <f t="shared" si="185"/>
        <v>0</v>
      </c>
    </row>
    <row r="5906" spans="1:5" x14ac:dyDescent="0.25">
      <c r="A5906" s="1">
        <v>43801.875</v>
      </c>
      <c r="B5906" s="2">
        <v>26.99</v>
      </c>
      <c r="C5906">
        <v>0</v>
      </c>
      <c r="D5906">
        <f t="shared" si="184"/>
        <v>0</v>
      </c>
      <c r="E5906" s="6">
        <f t="shared" si="185"/>
        <v>0</v>
      </c>
    </row>
    <row r="5907" spans="1:5" x14ac:dyDescent="0.25">
      <c r="A5907" s="1">
        <v>43801.916666666664</v>
      </c>
      <c r="B5907" s="2">
        <v>24.21</v>
      </c>
      <c r="C5907">
        <v>0</v>
      </c>
      <c r="D5907">
        <f t="shared" si="184"/>
        <v>0</v>
      </c>
      <c r="E5907" s="6">
        <f t="shared" si="185"/>
        <v>0</v>
      </c>
    </row>
    <row r="5908" spans="1:5" x14ac:dyDescent="0.25">
      <c r="A5908" s="1">
        <v>43801.958333333336</v>
      </c>
      <c r="B5908" s="2">
        <v>22.97</v>
      </c>
      <c r="C5908">
        <v>0</v>
      </c>
      <c r="D5908">
        <f t="shared" si="184"/>
        <v>0</v>
      </c>
      <c r="E5908" s="6">
        <f t="shared" si="185"/>
        <v>0</v>
      </c>
    </row>
    <row r="5909" spans="1:5" x14ac:dyDescent="0.25">
      <c r="A5909" s="1">
        <v>43802</v>
      </c>
      <c r="B5909" s="2">
        <v>22.44</v>
      </c>
      <c r="C5909">
        <v>0</v>
      </c>
      <c r="D5909">
        <f t="shared" si="184"/>
        <v>0</v>
      </c>
      <c r="E5909" s="6">
        <f t="shared" si="185"/>
        <v>0</v>
      </c>
    </row>
    <row r="5910" spans="1:5" x14ac:dyDescent="0.25">
      <c r="A5910" s="1">
        <v>43802.041666666664</v>
      </c>
      <c r="B5910" s="2">
        <v>21.94</v>
      </c>
      <c r="C5910">
        <v>0</v>
      </c>
      <c r="D5910">
        <f t="shared" si="184"/>
        <v>0</v>
      </c>
      <c r="E5910" s="6">
        <f t="shared" si="185"/>
        <v>0</v>
      </c>
    </row>
    <row r="5911" spans="1:5" x14ac:dyDescent="0.25">
      <c r="A5911" s="1">
        <v>43802.083333333336</v>
      </c>
      <c r="B5911" s="2">
        <v>21.89</v>
      </c>
      <c r="C5911">
        <v>0</v>
      </c>
      <c r="D5911">
        <f t="shared" si="184"/>
        <v>0</v>
      </c>
      <c r="E5911" s="6">
        <f t="shared" si="185"/>
        <v>0</v>
      </c>
    </row>
    <row r="5912" spans="1:5" x14ac:dyDescent="0.25">
      <c r="A5912" s="1">
        <v>43802.125</v>
      </c>
      <c r="B5912" s="2">
        <v>21.98</v>
      </c>
      <c r="C5912">
        <v>0</v>
      </c>
      <c r="D5912">
        <f t="shared" si="184"/>
        <v>0</v>
      </c>
      <c r="E5912" s="6">
        <f t="shared" si="185"/>
        <v>0</v>
      </c>
    </row>
    <row r="5913" spans="1:5" x14ac:dyDescent="0.25">
      <c r="A5913" s="1">
        <v>43802.166666666664</v>
      </c>
      <c r="B5913" s="2">
        <v>22.79</v>
      </c>
      <c r="C5913">
        <v>0</v>
      </c>
      <c r="D5913">
        <f t="shared" si="184"/>
        <v>0</v>
      </c>
      <c r="E5913" s="6">
        <f t="shared" si="185"/>
        <v>0</v>
      </c>
    </row>
    <row r="5914" spans="1:5" x14ac:dyDescent="0.25">
      <c r="A5914" s="1">
        <v>43802.208333333336</v>
      </c>
      <c r="B5914" s="2">
        <v>25.23</v>
      </c>
      <c r="C5914">
        <v>0</v>
      </c>
      <c r="D5914">
        <f t="shared" si="184"/>
        <v>0</v>
      </c>
      <c r="E5914" s="6">
        <f t="shared" si="185"/>
        <v>0</v>
      </c>
    </row>
    <row r="5915" spans="1:5" x14ac:dyDescent="0.25">
      <c r="A5915" s="1">
        <v>43802.25</v>
      </c>
      <c r="B5915" s="2">
        <v>33.69</v>
      </c>
      <c r="C5915">
        <v>0</v>
      </c>
      <c r="D5915">
        <f t="shared" si="184"/>
        <v>0</v>
      </c>
      <c r="E5915" s="6">
        <f t="shared" si="185"/>
        <v>0</v>
      </c>
    </row>
    <row r="5916" spans="1:5" x14ac:dyDescent="0.25">
      <c r="A5916" s="1">
        <v>43802.291666666664</v>
      </c>
      <c r="B5916" s="2">
        <v>40.549999999999997</v>
      </c>
      <c r="C5916">
        <v>0</v>
      </c>
      <c r="D5916">
        <f t="shared" si="184"/>
        <v>0</v>
      </c>
      <c r="E5916" s="6">
        <f t="shared" si="185"/>
        <v>0</v>
      </c>
    </row>
    <row r="5917" spans="1:5" x14ac:dyDescent="0.25">
      <c r="A5917" s="1">
        <v>43802.333333333336</v>
      </c>
      <c r="B5917" s="2">
        <v>29.82</v>
      </c>
      <c r="C5917">
        <v>0.53616399999999997</v>
      </c>
      <c r="D5917">
        <f t="shared" si="184"/>
        <v>5.36164E-4</v>
      </c>
      <c r="E5917" s="6">
        <f t="shared" si="185"/>
        <v>1.598841048E-2</v>
      </c>
    </row>
    <row r="5918" spans="1:5" x14ac:dyDescent="0.25">
      <c r="A5918" s="1">
        <v>43802.375</v>
      </c>
      <c r="B5918" s="2">
        <v>26.33</v>
      </c>
      <c r="C5918">
        <v>1.1595789999999999</v>
      </c>
      <c r="D5918">
        <f t="shared" si="184"/>
        <v>1.159579E-3</v>
      </c>
      <c r="E5918" s="6">
        <f t="shared" si="185"/>
        <v>3.0531715069999996E-2</v>
      </c>
    </row>
    <row r="5919" spans="1:5" x14ac:dyDescent="0.25">
      <c r="A5919" s="1">
        <v>43802.416666666664</v>
      </c>
      <c r="B5919" s="2">
        <v>25.47</v>
      </c>
      <c r="C5919">
        <v>3.1289389999999999</v>
      </c>
      <c r="D5919">
        <f t="shared" si="184"/>
        <v>3.1289389999999999E-3</v>
      </c>
      <c r="E5919" s="6">
        <f t="shared" si="185"/>
        <v>7.9694076329999988E-2</v>
      </c>
    </row>
    <row r="5920" spans="1:5" x14ac:dyDescent="0.25">
      <c r="A5920" s="1">
        <v>43802.458333333336</v>
      </c>
      <c r="B5920" s="2">
        <v>24.37</v>
      </c>
      <c r="C5920">
        <v>2.843372</v>
      </c>
      <c r="D5920">
        <f t="shared" si="184"/>
        <v>2.8433719999999998E-3</v>
      </c>
      <c r="E5920" s="6">
        <f t="shared" si="185"/>
        <v>6.9292975640000004E-2</v>
      </c>
    </row>
    <row r="5921" spans="1:5" x14ac:dyDescent="0.25">
      <c r="A5921" s="1">
        <v>43802.5</v>
      </c>
      <c r="B5921" s="2">
        <v>23.58</v>
      </c>
      <c r="C5921">
        <v>3.9048539999999998</v>
      </c>
      <c r="D5921">
        <f t="shared" si="184"/>
        <v>3.9048539999999997E-3</v>
      </c>
      <c r="E5921" s="6">
        <f t="shared" si="185"/>
        <v>9.2076457319999985E-2</v>
      </c>
    </row>
    <row r="5922" spans="1:5" x14ac:dyDescent="0.25">
      <c r="A5922" s="1">
        <v>43802.541666666664</v>
      </c>
      <c r="B5922" s="2">
        <v>23.2</v>
      </c>
      <c r="C5922">
        <v>3.2180439999999999</v>
      </c>
      <c r="D5922">
        <f t="shared" si="184"/>
        <v>3.2180439999999998E-3</v>
      </c>
      <c r="E5922" s="6">
        <f t="shared" si="185"/>
        <v>7.4658620799999992E-2</v>
      </c>
    </row>
    <row r="5923" spans="1:5" x14ac:dyDescent="0.25">
      <c r="A5923" s="1">
        <v>43802.583333333336</v>
      </c>
      <c r="B5923" s="2">
        <v>22.83</v>
      </c>
      <c r="C5923">
        <v>2.716707</v>
      </c>
      <c r="D5923">
        <f t="shared" si="184"/>
        <v>2.7167070000000001E-3</v>
      </c>
      <c r="E5923" s="6">
        <f t="shared" si="185"/>
        <v>6.2022420809999999E-2</v>
      </c>
    </row>
    <row r="5924" spans="1:5" x14ac:dyDescent="0.25">
      <c r="A5924" s="1">
        <v>43802.625</v>
      </c>
      <c r="B5924" s="2">
        <v>23.15</v>
      </c>
      <c r="C5924">
        <v>2.437157</v>
      </c>
      <c r="D5924">
        <f t="shared" si="184"/>
        <v>2.4371570000000001E-3</v>
      </c>
      <c r="E5924" s="6">
        <f t="shared" si="185"/>
        <v>5.6420184550000002E-2</v>
      </c>
    </row>
    <row r="5925" spans="1:5" x14ac:dyDescent="0.25">
      <c r="A5925" s="1">
        <v>43802.666666666664</v>
      </c>
      <c r="B5925" s="2">
        <v>24.91</v>
      </c>
      <c r="C5925">
        <v>1.1117539999999999</v>
      </c>
      <c r="D5925">
        <f t="shared" si="184"/>
        <v>1.111754E-3</v>
      </c>
      <c r="E5925" s="6">
        <f t="shared" si="185"/>
        <v>2.769379214E-2</v>
      </c>
    </row>
    <row r="5926" spans="1:5" x14ac:dyDescent="0.25">
      <c r="A5926" s="1">
        <v>43802.708333333336</v>
      </c>
      <c r="B5926" s="2">
        <v>29.93</v>
      </c>
      <c r="C5926">
        <v>0</v>
      </c>
      <c r="D5926">
        <f t="shared" si="184"/>
        <v>0</v>
      </c>
      <c r="E5926" s="6">
        <f t="shared" si="185"/>
        <v>0</v>
      </c>
    </row>
    <row r="5927" spans="1:5" x14ac:dyDescent="0.25">
      <c r="A5927" s="1">
        <v>43802.75</v>
      </c>
      <c r="B5927" s="2">
        <v>27.39</v>
      </c>
      <c r="C5927">
        <v>0</v>
      </c>
      <c r="D5927">
        <f t="shared" si="184"/>
        <v>0</v>
      </c>
      <c r="E5927" s="6">
        <f t="shared" si="185"/>
        <v>0</v>
      </c>
    </row>
    <row r="5928" spans="1:5" x14ac:dyDescent="0.25">
      <c r="A5928" s="1">
        <v>43802.791666666664</v>
      </c>
      <c r="B5928" s="2">
        <v>27.22</v>
      </c>
      <c r="C5928">
        <v>0</v>
      </c>
      <c r="D5928">
        <f t="shared" si="184"/>
        <v>0</v>
      </c>
      <c r="E5928" s="6">
        <f t="shared" si="185"/>
        <v>0</v>
      </c>
    </row>
    <row r="5929" spans="1:5" x14ac:dyDescent="0.25">
      <c r="A5929" s="1">
        <v>43802.833333333336</v>
      </c>
      <c r="B5929" s="2">
        <v>25.91</v>
      </c>
      <c r="C5929">
        <v>0</v>
      </c>
      <c r="D5929">
        <f t="shared" si="184"/>
        <v>0</v>
      </c>
      <c r="E5929" s="6">
        <f t="shared" si="185"/>
        <v>0</v>
      </c>
    </row>
    <row r="5930" spans="1:5" x14ac:dyDescent="0.25">
      <c r="A5930" s="1">
        <v>43802.875</v>
      </c>
      <c r="B5930" s="2">
        <v>24.24</v>
      </c>
      <c r="C5930">
        <v>0</v>
      </c>
      <c r="D5930">
        <f t="shared" si="184"/>
        <v>0</v>
      </c>
      <c r="E5930" s="6">
        <f t="shared" si="185"/>
        <v>0</v>
      </c>
    </row>
    <row r="5931" spans="1:5" x14ac:dyDescent="0.25">
      <c r="A5931" s="1">
        <v>43802.916666666664</v>
      </c>
      <c r="B5931" s="2">
        <v>22.69</v>
      </c>
      <c r="C5931">
        <v>0</v>
      </c>
      <c r="D5931">
        <f t="shared" si="184"/>
        <v>0</v>
      </c>
      <c r="E5931" s="6">
        <f t="shared" si="185"/>
        <v>0</v>
      </c>
    </row>
    <row r="5932" spans="1:5" x14ac:dyDescent="0.25">
      <c r="A5932" s="1">
        <v>43802.958333333336</v>
      </c>
      <c r="B5932" s="2">
        <v>21.77</v>
      </c>
      <c r="C5932">
        <v>0</v>
      </c>
      <c r="D5932">
        <f t="shared" si="184"/>
        <v>0</v>
      </c>
      <c r="E5932" s="6">
        <f t="shared" si="185"/>
        <v>0</v>
      </c>
    </row>
    <row r="5933" spans="1:5" x14ac:dyDescent="0.25">
      <c r="A5933" s="1">
        <v>43803</v>
      </c>
      <c r="B5933" s="2">
        <v>20.29</v>
      </c>
      <c r="C5933">
        <v>0</v>
      </c>
      <c r="D5933">
        <f t="shared" si="184"/>
        <v>0</v>
      </c>
      <c r="E5933" s="6">
        <f t="shared" si="185"/>
        <v>0</v>
      </c>
    </row>
    <row r="5934" spans="1:5" x14ac:dyDescent="0.25">
      <c r="A5934" s="1">
        <v>43803.041666666664</v>
      </c>
      <c r="B5934" s="2">
        <v>19.920000000000002</v>
      </c>
      <c r="C5934">
        <v>0</v>
      </c>
      <c r="D5934">
        <f t="shared" si="184"/>
        <v>0</v>
      </c>
      <c r="E5934" s="6">
        <f t="shared" si="185"/>
        <v>0</v>
      </c>
    </row>
    <row r="5935" spans="1:5" x14ac:dyDescent="0.25">
      <c r="A5935" s="1">
        <v>43803.083333333336</v>
      </c>
      <c r="B5935" s="2">
        <v>20.09</v>
      </c>
      <c r="C5935">
        <v>0</v>
      </c>
      <c r="D5935">
        <f t="shared" si="184"/>
        <v>0</v>
      </c>
      <c r="E5935" s="6">
        <f t="shared" si="185"/>
        <v>0</v>
      </c>
    </row>
    <row r="5936" spans="1:5" x14ac:dyDescent="0.25">
      <c r="A5936" s="1">
        <v>43803.125</v>
      </c>
      <c r="B5936" s="2">
        <v>19.98</v>
      </c>
      <c r="C5936">
        <v>0</v>
      </c>
      <c r="D5936">
        <f t="shared" si="184"/>
        <v>0</v>
      </c>
      <c r="E5936" s="6">
        <f t="shared" si="185"/>
        <v>0</v>
      </c>
    </row>
    <row r="5937" spans="1:5" x14ac:dyDescent="0.25">
      <c r="A5937" s="1">
        <v>43803.166666666664</v>
      </c>
      <c r="B5937" s="2">
        <v>20.87</v>
      </c>
      <c r="C5937">
        <v>0</v>
      </c>
      <c r="D5937">
        <f t="shared" si="184"/>
        <v>0</v>
      </c>
      <c r="E5937" s="6">
        <f t="shared" si="185"/>
        <v>0</v>
      </c>
    </row>
    <row r="5938" spans="1:5" x14ac:dyDescent="0.25">
      <c r="A5938" s="1">
        <v>43803.208333333336</v>
      </c>
      <c r="B5938" s="2">
        <v>21.95</v>
      </c>
      <c r="C5938">
        <v>0</v>
      </c>
      <c r="D5938">
        <f t="shared" si="184"/>
        <v>0</v>
      </c>
      <c r="E5938" s="6">
        <f t="shared" si="185"/>
        <v>0</v>
      </c>
    </row>
    <row r="5939" spans="1:5" x14ac:dyDescent="0.25">
      <c r="A5939" s="1">
        <v>43803.25</v>
      </c>
      <c r="B5939" s="2">
        <v>28.6</v>
      </c>
      <c r="C5939">
        <v>0</v>
      </c>
      <c r="D5939">
        <f t="shared" si="184"/>
        <v>0</v>
      </c>
      <c r="E5939" s="6">
        <f t="shared" si="185"/>
        <v>0</v>
      </c>
    </row>
    <row r="5940" spans="1:5" x14ac:dyDescent="0.25">
      <c r="A5940" s="1">
        <v>43803.291666666664</v>
      </c>
      <c r="B5940" s="2">
        <v>31.48</v>
      </c>
      <c r="C5940">
        <v>0</v>
      </c>
      <c r="D5940">
        <f t="shared" si="184"/>
        <v>0</v>
      </c>
      <c r="E5940" s="6">
        <f t="shared" si="185"/>
        <v>0</v>
      </c>
    </row>
    <row r="5941" spans="1:5" x14ac:dyDescent="0.25">
      <c r="A5941" s="1">
        <v>43803.333333333336</v>
      </c>
      <c r="B5941" s="2">
        <v>26.76</v>
      </c>
      <c r="C5941">
        <v>0.25429000000000002</v>
      </c>
      <c r="D5941">
        <f t="shared" si="184"/>
        <v>2.5429000000000001E-4</v>
      </c>
      <c r="E5941" s="6">
        <f t="shared" si="185"/>
        <v>6.8048004000000007E-3</v>
      </c>
    </row>
    <row r="5942" spans="1:5" x14ac:dyDescent="0.25">
      <c r="A5942" s="1">
        <v>43803.375</v>
      </c>
      <c r="B5942" s="2">
        <v>24.78</v>
      </c>
      <c r="C5942">
        <v>0.92917999999999989</v>
      </c>
      <c r="D5942">
        <f t="shared" si="184"/>
        <v>9.2917999999999994E-4</v>
      </c>
      <c r="E5942" s="6">
        <f t="shared" si="185"/>
        <v>2.3025080399999998E-2</v>
      </c>
    </row>
    <row r="5943" spans="1:5" x14ac:dyDescent="0.25">
      <c r="A5943" s="1">
        <v>43803.416666666664</v>
      </c>
      <c r="B5943" s="2">
        <v>23.96</v>
      </c>
      <c r="C5943">
        <v>3.7682530000000001</v>
      </c>
      <c r="D5943">
        <f t="shared" si="184"/>
        <v>3.7682530000000001E-3</v>
      </c>
      <c r="E5943" s="6">
        <f t="shared" si="185"/>
        <v>9.028734188000001E-2</v>
      </c>
    </row>
    <row r="5944" spans="1:5" x14ac:dyDescent="0.25">
      <c r="A5944" s="1">
        <v>43803.458333333336</v>
      </c>
      <c r="B5944" s="2">
        <v>23.23</v>
      </c>
      <c r="C5944">
        <v>3.808462</v>
      </c>
      <c r="D5944">
        <f t="shared" si="184"/>
        <v>3.8084619999999999E-3</v>
      </c>
      <c r="E5944" s="6">
        <f t="shared" si="185"/>
        <v>8.8470572260000005E-2</v>
      </c>
    </row>
    <row r="5945" spans="1:5" x14ac:dyDescent="0.25">
      <c r="A5945" s="1">
        <v>43803.5</v>
      </c>
      <c r="B5945" s="2">
        <v>22.18</v>
      </c>
      <c r="C5945">
        <v>5.9205060000000005</v>
      </c>
      <c r="D5945">
        <f t="shared" si="184"/>
        <v>5.9205060000000007E-3</v>
      </c>
      <c r="E5945" s="6">
        <f t="shared" si="185"/>
        <v>0.13131682308000001</v>
      </c>
    </row>
    <row r="5946" spans="1:5" x14ac:dyDescent="0.25">
      <c r="A5946" s="1">
        <v>43803.541666666664</v>
      </c>
      <c r="B5946" s="2">
        <v>21.77</v>
      </c>
      <c r="C5946">
        <v>5.5413310000000005</v>
      </c>
      <c r="D5946">
        <f t="shared" si="184"/>
        <v>5.541331E-3</v>
      </c>
      <c r="E5946" s="6">
        <f t="shared" si="185"/>
        <v>0.12063477587</v>
      </c>
    </row>
    <row r="5947" spans="1:5" x14ac:dyDescent="0.25">
      <c r="A5947" s="1">
        <v>43803.583333333336</v>
      </c>
      <c r="B5947" s="2">
        <v>21.59</v>
      </c>
      <c r="C5947">
        <v>4.6693059999999997</v>
      </c>
      <c r="D5947">
        <f t="shared" si="184"/>
        <v>4.6693059999999998E-3</v>
      </c>
      <c r="E5947" s="6">
        <f t="shared" si="185"/>
        <v>0.10081031654</v>
      </c>
    </row>
    <row r="5948" spans="1:5" x14ac:dyDescent="0.25">
      <c r="A5948" s="1">
        <v>43803.625</v>
      </c>
      <c r="B5948" s="2">
        <v>21.5</v>
      </c>
      <c r="C5948">
        <v>3.2600100000000003</v>
      </c>
      <c r="D5948">
        <f t="shared" si="184"/>
        <v>3.2600100000000003E-3</v>
      </c>
      <c r="E5948" s="6">
        <f t="shared" si="185"/>
        <v>7.0090215000000011E-2</v>
      </c>
    </row>
    <row r="5949" spans="1:5" x14ac:dyDescent="0.25">
      <c r="A5949" s="1">
        <v>43803.666666666664</v>
      </c>
      <c r="B5949" s="2">
        <v>23.05</v>
      </c>
      <c r="C5949">
        <v>1.393799</v>
      </c>
      <c r="D5949">
        <f t="shared" si="184"/>
        <v>1.393799E-3</v>
      </c>
      <c r="E5949" s="6">
        <f t="shared" si="185"/>
        <v>3.2127066950000005E-2</v>
      </c>
    </row>
    <row r="5950" spans="1:5" x14ac:dyDescent="0.25">
      <c r="A5950" s="1">
        <v>43803.708333333336</v>
      </c>
      <c r="B5950" s="2">
        <v>27.92</v>
      </c>
      <c r="C5950">
        <v>0</v>
      </c>
      <c r="D5950">
        <f t="shared" si="184"/>
        <v>0</v>
      </c>
      <c r="E5950" s="6">
        <f t="shared" si="185"/>
        <v>0</v>
      </c>
    </row>
    <row r="5951" spans="1:5" x14ac:dyDescent="0.25">
      <c r="A5951" s="1">
        <v>43803.75</v>
      </c>
      <c r="B5951" s="2">
        <v>26.77</v>
      </c>
      <c r="C5951">
        <v>0</v>
      </c>
      <c r="D5951">
        <f t="shared" si="184"/>
        <v>0</v>
      </c>
      <c r="E5951" s="6">
        <f t="shared" si="185"/>
        <v>0</v>
      </c>
    </row>
    <row r="5952" spans="1:5" x14ac:dyDescent="0.25">
      <c r="A5952" s="1">
        <v>43803.791666666664</v>
      </c>
      <c r="B5952" s="2">
        <v>26.64</v>
      </c>
      <c r="C5952">
        <v>0</v>
      </c>
      <c r="D5952">
        <f t="shared" si="184"/>
        <v>0</v>
      </c>
      <c r="E5952" s="6">
        <f t="shared" si="185"/>
        <v>0</v>
      </c>
    </row>
    <row r="5953" spans="1:5" x14ac:dyDescent="0.25">
      <c r="A5953" s="1">
        <v>43803.833333333336</v>
      </c>
      <c r="B5953" s="2">
        <v>27.25</v>
      </c>
      <c r="C5953">
        <v>0</v>
      </c>
      <c r="D5953">
        <f t="shared" si="184"/>
        <v>0</v>
      </c>
      <c r="E5953" s="6">
        <f t="shared" si="185"/>
        <v>0</v>
      </c>
    </row>
    <row r="5954" spans="1:5" x14ac:dyDescent="0.25">
      <c r="A5954" s="1">
        <v>43803.875</v>
      </c>
      <c r="B5954" s="2">
        <v>24.26</v>
      </c>
      <c r="C5954">
        <v>0</v>
      </c>
      <c r="D5954">
        <f t="shared" si="184"/>
        <v>0</v>
      </c>
      <c r="E5954" s="6">
        <f t="shared" si="185"/>
        <v>0</v>
      </c>
    </row>
    <row r="5955" spans="1:5" x14ac:dyDescent="0.25">
      <c r="A5955" s="1">
        <v>43803.916666666664</v>
      </c>
      <c r="B5955" s="2">
        <v>22.38</v>
      </c>
      <c r="C5955">
        <v>0</v>
      </c>
      <c r="D5955">
        <f t="shared" si="184"/>
        <v>0</v>
      </c>
      <c r="E5955" s="6">
        <f t="shared" si="185"/>
        <v>0</v>
      </c>
    </row>
    <row r="5956" spans="1:5" x14ac:dyDescent="0.25">
      <c r="A5956" s="1">
        <v>43803.958333333336</v>
      </c>
      <c r="B5956" s="2">
        <v>20.85</v>
      </c>
      <c r="C5956">
        <v>0</v>
      </c>
      <c r="D5956">
        <f t="shared" si="184"/>
        <v>0</v>
      </c>
      <c r="E5956" s="6">
        <f t="shared" si="185"/>
        <v>0</v>
      </c>
    </row>
    <row r="5957" spans="1:5" x14ac:dyDescent="0.25">
      <c r="A5957" s="1">
        <v>43804</v>
      </c>
      <c r="B5957" s="2">
        <v>20.56</v>
      </c>
      <c r="C5957">
        <v>0</v>
      </c>
      <c r="D5957">
        <f t="shared" si="184"/>
        <v>0</v>
      </c>
      <c r="E5957" s="6">
        <f t="shared" si="185"/>
        <v>0</v>
      </c>
    </row>
    <row r="5958" spans="1:5" x14ac:dyDescent="0.25">
      <c r="A5958" s="1">
        <v>43804.041666666664</v>
      </c>
      <c r="B5958" s="2">
        <v>20.29</v>
      </c>
      <c r="C5958">
        <v>0</v>
      </c>
      <c r="D5958">
        <f t="shared" ref="D5958:D6021" si="186">C5958/1000</f>
        <v>0</v>
      </c>
      <c r="E5958" s="6">
        <f t="shared" ref="E5958:E6021" si="187">D5958*B5958</f>
        <v>0</v>
      </c>
    </row>
    <row r="5959" spans="1:5" x14ac:dyDescent="0.25">
      <c r="A5959" s="1">
        <v>43804.083333333336</v>
      </c>
      <c r="B5959" s="2">
        <v>20.05</v>
      </c>
      <c r="C5959">
        <v>0</v>
      </c>
      <c r="D5959">
        <f t="shared" si="186"/>
        <v>0</v>
      </c>
      <c r="E5959" s="6">
        <f t="shared" si="187"/>
        <v>0</v>
      </c>
    </row>
    <row r="5960" spans="1:5" x14ac:dyDescent="0.25">
      <c r="A5960" s="1">
        <v>43804.125</v>
      </c>
      <c r="B5960" s="2">
        <v>20.3</v>
      </c>
      <c r="C5960">
        <v>0</v>
      </c>
      <c r="D5960">
        <f t="shared" si="186"/>
        <v>0</v>
      </c>
      <c r="E5960" s="6">
        <f t="shared" si="187"/>
        <v>0</v>
      </c>
    </row>
    <row r="5961" spans="1:5" x14ac:dyDescent="0.25">
      <c r="A5961" s="1">
        <v>43804.166666666664</v>
      </c>
      <c r="B5961" s="2">
        <v>21.28</v>
      </c>
      <c r="C5961">
        <v>0</v>
      </c>
      <c r="D5961">
        <f t="shared" si="186"/>
        <v>0</v>
      </c>
      <c r="E5961" s="6">
        <f t="shared" si="187"/>
        <v>0</v>
      </c>
    </row>
    <row r="5962" spans="1:5" x14ac:dyDescent="0.25">
      <c r="A5962" s="1">
        <v>43804.208333333336</v>
      </c>
      <c r="B5962" s="2">
        <v>22.93</v>
      </c>
      <c r="C5962">
        <v>0</v>
      </c>
      <c r="D5962">
        <f t="shared" si="186"/>
        <v>0</v>
      </c>
      <c r="E5962" s="6">
        <f t="shared" si="187"/>
        <v>0</v>
      </c>
    </row>
    <row r="5963" spans="1:5" x14ac:dyDescent="0.25">
      <c r="A5963" s="1">
        <v>43804.25</v>
      </c>
      <c r="B5963" s="2">
        <v>30</v>
      </c>
      <c r="C5963">
        <v>0</v>
      </c>
      <c r="D5963">
        <f t="shared" si="186"/>
        <v>0</v>
      </c>
      <c r="E5963" s="6">
        <f t="shared" si="187"/>
        <v>0</v>
      </c>
    </row>
    <row r="5964" spans="1:5" x14ac:dyDescent="0.25">
      <c r="A5964" s="1">
        <v>43804.291666666664</v>
      </c>
      <c r="B5964" s="2">
        <v>40.86</v>
      </c>
      <c r="C5964">
        <v>0</v>
      </c>
      <c r="D5964">
        <f t="shared" si="186"/>
        <v>0</v>
      </c>
      <c r="E5964" s="6">
        <f t="shared" si="187"/>
        <v>0</v>
      </c>
    </row>
    <row r="5965" spans="1:5" x14ac:dyDescent="0.25">
      <c r="A5965" s="1">
        <v>43804.333333333336</v>
      </c>
      <c r="B5965" s="2">
        <v>29.36</v>
      </c>
      <c r="C5965">
        <v>0.182975</v>
      </c>
      <c r="D5965">
        <f t="shared" si="186"/>
        <v>1.8297499999999999E-4</v>
      </c>
      <c r="E5965" s="6">
        <f t="shared" si="187"/>
        <v>5.3721459999999995E-3</v>
      </c>
    </row>
    <row r="5966" spans="1:5" x14ac:dyDescent="0.25">
      <c r="A5966" s="1">
        <v>43804.375</v>
      </c>
      <c r="B5966" s="2">
        <v>27.63</v>
      </c>
      <c r="C5966">
        <v>0.30604700000000001</v>
      </c>
      <c r="D5966">
        <f t="shared" si="186"/>
        <v>3.0604699999999999E-4</v>
      </c>
      <c r="E5966" s="6">
        <f t="shared" si="187"/>
        <v>8.456078609999999E-3</v>
      </c>
    </row>
    <row r="5967" spans="1:5" x14ac:dyDescent="0.25">
      <c r="A5967" s="1">
        <v>43804.416666666664</v>
      </c>
      <c r="B5967" s="2">
        <v>25.47</v>
      </c>
      <c r="C5967">
        <v>0.47254599999999997</v>
      </c>
      <c r="D5967">
        <f t="shared" si="186"/>
        <v>4.7254599999999996E-4</v>
      </c>
      <c r="E5967" s="6">
        <f t="shared" si="187"/>
        <v>1.2035746619999999E-2</v>
      </c>
    </row>
    <row r="5968" spans="1:5" x14ac:dyDescent="0.25">
      <c r="A5968" s="1">
        <v>43804.458333333336</v>
      </c>
      <c r="B5968" s="2">
        <v>24.22</v>
      </c>
      <c r="C5968">
        <v>0.65799800000000008</v>
      </c>
      <c r="D5968">
        <f t="shared" si="186"/>
        <v>6.5799800000000013E-4</v>
      </c>
      <c r="E5968" s="6">
        <f t="shared" si="187"/>
        <v>1.5936711560000004E-2</v>
      </c>
    </row>
    <row r="5969" spans="1:5" x14ac:dyDescent="0.25">
      <c r="A5969" s="1">
        <v>43804.5</v>
      </c>
      <c r="B5969" s="2">
        <v>23.33</v>
      </c>
      <c r="C5969">
        <v>1.2336549999999999</v>
      </c>
      <c r="D5969">
        <f t="shared" si="186"/>
        <v>1.233655E-3</v>
      </c>
      <c r="E5969" s="6">
        <f t="shared" si="187"/>
        <v>2.8781171149999996E-2</v>
      </c>
    </row>
    <row r="5970" spans="1:5" x14ac:dyDescent="0.25">
      <c r="A5970" s="1">
        <v>43804.541666666664</v>
      </c>
      <c r="B5970" s="2">
        <v>22.9</v>
      </c>
      <c r="C5970">
        <v>0.78956100000000007</v>
      </c>
      <c r="D5970">
        <f t="shared" si="186"/>
        <v>7.8956100000000004E-4</v>
      </c>
      <c r="E5970" s="6">
        <f t="shared" si="187"/>
        <v>1.8080946899999999E-2</v>
      </c>
    </row>
    <row r="5971" spans="1:5" x14ac:dyDescent="0.25">
      <c r="A5971" s="1">
        <v>43804.583333333336</v>
      </c>
      <c r="B5971" s="2">
        <v>22.66</v>
      </c>
      <c r="C5971">
        <v>2.4475599999999997</v>
      </c>
      <c r="D5971">
        <f t="shared" si="186"/>
        <v>2.4475599999999997E-3</v>
      </c>
      <c r="E5971" s="6">
        <f t="shared" si="187"/>
        <v>5.5461709599999992E-2</v>
      </c>
    </row>
    <row r="5972" spans="1:5" x14ac:dyDescent="0.25">
      <c r="A5972" s="1">
        <v>43804.625</v>
      </c>
      <c r="B5972" s="2">
        <v>22.53</v>
      </c>
      <c r="C5972">
        <v>0.78521099999999999</v>
      </c>
      <c r="D5972">
        <f t="shared" si="186"/>
        <v>7.8521099999999996E-4</v>
      </c>
      <c r="E5972" s="6">
        <f t="shared" si="187"/>
        <v>1.7690803830000001E-2</v>
      </c>
    </row>
    <row r="5973" spans="1:5" x14ac:dyDescent="0.25">
      <c r="A5973" s="1">
        <v>43804.666666666664</v>
      </c>
      <c r="B5973" s="2">
        <v>24.44</v>
      </c>
      <c r="C5973">
        <v>0.22289300000000001</v>
      </c>
      <c r="D5973">
        <f t="shared" si="186"/>
        <v>2.22893E-4</v>
      </c>
      <c r="E5973" s="6">
        <f t="shared" si="187"/>
        <v>5.4475049200000004E-3</v>
      </c>
    </row>
    <row r="5974" spans="1:5" x14ac:dyDescent="0.25">
      <c r="A5974" s="1">
        <v>43804.708333333336</v>
      </c>
      <c r="B5974" s="2">
        <v>30.58</v>
      </c>
      <c r="C5974">
        <v>0</v>
      </c>
      <c r="D5974">
        <f t="shared" si="186"/>
        <v>0</v>
      </c>
      <c r="E5974" s="6">
        <f t="shared" si="187"/>
        <v>0</v>
      </c>
    </row>
    <row r="5975" spans="1:5" x14ac:dyDescent="0.25">
      <c r="A5975" s="1">
        <v>43804.75</v>
      </c>
      <c r="B5975" s="2">
        <v>30.55</v>
      </c>
      <c r="C5975">
        <v>0</v>
      </c>
      <c r="D5975">
        <f t="shared" si="186"/>
        <v>0</v>
      </c>
      <c r="E5975" s="6">
        <f t="shared" si="187"/>
        <v>0</v>
      </c>
    </row>
    <row r="5976" spans="1:5" x14ac:dyDescent="0.25">
      <c r="A5976" s="1">
        <v>43804.791666666664</v>
      </c>
      <c r="B5976" s="2">
        <v>28.06</v>
      </c>
      <c r="C5976">
        <v>0</v>
      </c>
      <c r="D5976">
        <f t="shared" si="186"/>
        <v>0</v>
      </c>
      <c r="E5976" s="6">
        <f t="shared" si="187"/>
        <v>0</v>
      </c>
    </row>
    <row r="5977" spans="1:5" x14ac:dyDescent="0.25">
      <c r="A5977" s="1">
        <v>43804.833333333336</v>
      </c>
      <c r="B5977" s="2">
        <v>27.7</v>
      </c>
      <c r="C5977">
        <v>0</v>
      </c>
      <c r="D5977">
        <f t="shared" si="186"/>
        <v>0</v>
      </c>
      <c r="E5977" s="6">
        <f t="shared" si="187"/>
        <v>0</v>
      </c>
    </row>
    <row r="5978" spans="1:5" x14ac:dyDescent="0.25">
      <c r="A5978" s="1">
        <v>43804.875</v>
      </c>
      <c r="B5978" s="2">
        <v>24.47</v>
      </c>
      <c r="C5978">
        <v>0</v>
      </c>
      <c r="D5978">
        <f t="shared" si="186"/>
        <v>0</v>
      </c>
      <c r="E5978" s="6">
        <f t="shared" si="187"/>
        <v>0</v>
      </c>
    </row>
    <row r="5979" spans="1:5" x14ac:dyDescent="0.25">
      <c r="A5979" s="1">
        <v>43804.916666666664</v>
      </c>
      <c r="B5979" s="2">
        <v>22.67</v>
      </c>
      <c r="C5979">
        <v>0</v>
      </c>
      <c r="D5979">
        <f t="shared" si="186"/>
        <v>0</v>
      </c>
      <c r="E5979" s="6">
        <f t="shared" si="187"/>
        <v>0</v>
      </c>
    </row>
    <row r="5980" spans="1:5" x14ac:dyDescent="0.25">
      <c r="A5980" s="1">
        <v>43804.958333333336</v>
      </c>
      <c r="B5980" s="2">
        <v>21.63</v>
      </c>
      <c r="C5980">
        <v>0</v>
      </c>
      <c r="D5980">
        <f t="shared" si="186"/>
        <v>0</v>
      </c>
      <c r="E5980" s="6">
        <f t="shared" si="187"/>
        <v>0</v>
      </c>
    </row>
    <row r="5981" spans="1:5" x14ac:dyDescent="0.25">
      <c r="A5981" s="1">
        <v>43805</v>
      </c>
      <c r="B5981" s="2">
        <v>20.239999999999998</v>
      </c>
      <c r="C5981">
        <v>0</v>
      </c>
      <c r="D5981">
        <f t="shared" si="186"/>
        <v>0</v>
      </c>
      <c r="E5981" s="6">
        <f t="shared" si="187"/>
        <v>0</v>
      </c>
    </row>
    <row r="5982" spans="1:5" x14ac:dyDescent="0.25">
      <c r="A5982" s="1">
        <v>43805.041666666664</v>
      </c>
      <c r="B5982" s="2">
        <v>19.68</v>
      </c>
      <c r="C5982">
        <v>0</v>
      </c>
      <c r="D5982">
        <f t="shared" si="186"/>
        <v>0</v>
      </c>
      <c r="E5982" s="6">
        <f t="shared" si="187"/>
        <v>0</v>
      </c>
    </row>
    <row r="5983" spans="1:5" x14ac:dyDescent="0.25">
      <c r="A5983" s="1">
        <v>43805.083333333336</v>
      </c>
      <c r="B5983" s="2">
        <v>19.559999999999999</v>
      </c>
      <c r="C5983">
        <v>0</v>
      </c>
      <c r="D5983">
        <f t="shared" si="186"/>
        <v>0</v>
      </c>
      <c r="E5983" s="6">
        <f t="shared" si="187"/>
        <v>0</v>
      </c>
    </row>
    <row r="5984" spans="1:5" x14ac:dyDescent="0.25">
      <c r="A5984" s="1">
        <v>43805.125</v>
      </c>
      <c r="B5984" s="2">
        <v>19.690000000000001</v>
      </c>
      <c r="C5984">
        <v>0</v>
      </c>
      <c r="D5984">
        <f t="shared" si="186"/>
        <v>0</v>
      </c>
      <c r="E5984" s="6">
        <f t="shared" si="187"/>
        <v>0</v>
      </c>
    </row>
    <row r="5985" spans="1:5" x14ac:dyDescent="0.25">
      <c r="A5985" s="1">
        <v>43805.166666666664</v>
      </c>
      <c r="B5985" s="2">
        <v>20.53</v>
      </c>
      <c r="C5985">
        <v>0</v>
      </c>
      <c r="D5985">
        <f t="shared" si="186"/>
        <v>0</v>
      </c>
      <c r="E5985" s="6">
        <f t="shared" si="187"/>
        <v>0</v>
      </c>
    </row>
    <row r="5986" spans="1:5" x14ac:dyDescent="0.25">
      <c r="A5986" s="1">
        <v>43805.208333333336</v>
      </c>
      <c r="B5986" s="2">
        <v>23.95</v>
      </c>
      <c r="C5986">
        <v>0</v>
      </c>
      <c r="D5986">
        <f t="shared" si="186"/>
        <v>0</v>
      </c>
      <c r="E5986" s="6">
        <f t="shared" si="187"/>
        <v>0</v>
      </c>
    </row>
    <row r="5987" spans="1:5" x14ac:dyDescent="0.25">
      <c r="A5987" s="1">
        <v>43805.25</v>
      </c>
      <c r="B5987" s="2">
        <v>36</v>
      </c>
      <c r="C5987">
        <v>0</v>
      </c>
      <c r="D5987">
        <f t="shared" si="186"/>
        <v>0</v>
      </c>
      <c r="E5987" s="6">
        <f t="shared" si="187"/>
        <v>0</v>
      </c>
    </row>
    <row r="5988" spans="1:5" x14ac:dyDescent="0.25">
      <c r="A5988" s="1">
        <v>43805.291666666664</v>
      </c>
      <c r="B5988" s="2">
        <v>35.770000000000003</v>
      </c>
      <c r="C5988">
        <v>0</v>
      </c>
      <c r="D5988">
        <f t="shared" si="186"/>
        <v>0</v>
      </c>
      <c r="E5988" s="6">
        <f t="shared" si="187"/>
        <v>0</v>
      </c>
    </row>
    <row r="5989" spans="1:5" x14ac:dyDescent="0.25">
      <c r="A5989" s="1">
        <v>43805.333333333336</v>
      </c>
      <c r="B5989" s="2">
        <v>26.24</v>
      </c>
      <c r="C5989">
        <v>0.45214399999999999</v>
      </c>
      <c r="D5989">
        <f t="shared" si="186"/>
        <v>4.5214399999999997E-4</v>
      </c>
      <c r="E5989" s="6">
        <f t="shared" si="187"/>
        <v>1.1864258559999999E-2</v>
      </c>
    </row>
    <row r="5990" spans="1:5" x14ac:dyDescent="0.25">
      <c r="A5990" s="1">
        <v>43805.375</v>
      </c>
      <c r="B5990" s="2">
        <v>24.88</v>
      </c>
      <c r="C5990">
        <v>3.6395790000000003</v>
      </c>
      <c r="D5990">
        <f t="shared" si="186"/>
        <v>3.6395790000000004E-3</v>
      </c>
      <c r="E5990" s="6">
        <f t="shared" si="187"/>
        <v>9.0552725520000002E-2</v>
      </c>
    </row>
    <row r="5991" spans="1:5" x14ac:dyDescent="0.25">
      <c r="A5991" s="1">
        <v>43805.416666666664</v>
      </c>
      <c r="B5991" s="2">
        <v>24.65</v>
      </c>
      <c r="C5991">
        <v>4.9009999999999998</v>
      </c>
      <c r="D5991">
        <f t="shared" si="186"/>
        <v>4.901E-3</v>
      </c>
      <c r="E5991" s="6">
        <f t="shared" si="187"/>
        <v>0.12080964999999999</v>
      </c>
    </row>
    <row r="5992" spans="1:5" x14ac:dyDescent="0.25">
      <c r="A5992" s="1">
        <v>43805.458333333336</v>
      </c>
      <c r="B5992" s="2">
        <v>23.66</v>
      </c>
      <c r="C5992">
        <v>3.7496520000000002</v>
      </c>
      <c r="D5992">
        <f t="shared" si="186"/>
        <v>3.749652E-3</v>
      </c>
      <c r="E5992" s="6">
        <f t="shared" si="187"/>
        <v>8.8716766320000001E-2</v>
      </c>
    </row>
    <row r="5993" spans="1:5" x14ac:dyDescent="0.25">
      <c r="A5993" s="1">
        <v>43805.5</v>
      </c>
      <c r="B5993" s="2">
        <v>23.27</v>
      </c>
      <c r="C5993">
        <v>1.855337</v>
      </c>
      <c r="D5993">
        <f t="shared" si="186"/>
        <v>1.8553370000000001E-3</v>
      </c>
      <c r="E5993" s="6">
        <f t="shared" si="187"/>
        <v>4.3173691989999999E-2</v>
      </c>
    </row>
    <row r="5994" spans="1:5" x14ac:dyDescent="0.25">
      <c r="A5994" s="1">
        <v>43805.541666666664</v>
      </c>
      <c r="B5994" s="2">
        <v>22.83</v>
      </c>
      <c r="C5994">
        <v>5.5778429999999997</v>
      </c>
      <c r="D5994">
        <f t="shared" si="186"/>
        <v>5.5778429999999999E-3</v>
      </c>
      <c r="E5994" s="6">
        <f t="shared" si="187"/>
        <v>0.12734215568999999</v>
      </c>
    </row>
    <row r="5995" spans="1:5" x14ac:dyDescent="0.25">
      <c r="A5995" s="1">
        <v>43805.583333333336</v>
      </c>
      <c r="B5995" s="2">
        <v>22.63</v>
      </c>
      <c r="C5995">
        <v>4.7032639999999999</v>
      </c>
      <c r="D5995">
        <f t="shared" si="186"/>
        <v>4.7032639999999995E-3</v>
      </c>
      <c r="E5995" s="6">
        <f t="shared" si="187"/>
        <v>0.10643486431999999</v>
      </c>
    </row>
    <row r="5996" spans="1:5" x14ac:dyDescent="0.25">
      <c r="A5996" s="1">
        <v>43805.625</v>
      </c>
      <c r="B5996" s="2">
        <v>22.34</v>
      </c>
      <c r="C5996">
        <v>3.307258</v>
      </c>
      <c r="D5996">
        <f t="shared" si="186"/>
        <v>3.307258E-3</v>
      </c>
      <c r="E5996" s="6">
        <f t="shared" si="187"/>
        <v>7.3884143720000003E-2</v>
      </c>
    </row>
    <row r="5997" spans="1:5" x14ac:dyDescent="0.25">
      <c r="A5997" s="1">
        <v>43805.666666666664</v>
      </c>
      <c r="B5997" s="2">
        <v>23.6</v>
      </c>
      <c r="C5997">
        <v>1.4230340000000001</v>
      </c>
      <c r="D5997">
        <f t="shared" si="186"/>
        <v>1.4230340000000001E-3</v>
      </c>
      <c r="E5997" s="6">
        <f t="shared" si="187"/>
        <v>3.3583602400000002E-2</v>
      </c>
    </row>
    <row r="5998" spans="1:5" x14ac:dyDescent="0.25">
      <c r="A5998" s="1">
        <v>43805.708333333336</v>
      </c>
      <c r="B5998" s="2">
        <v>26.79</v>
      </c>
      <c r="C5998">
        <v>0</v>
      </c>
      <c r="D5998">
        <f t="shared" si="186"/>
        <v>0</v>
      </c>
      <c r="E5998" s="6">
        <f t="shared" si="187"/>
        <v>0</v>
      </c>
    </row>
    <row r="5999" spans="1:5" x14ac:dyDescent="0.25">
      <c r="A5999" s="1">
        <v>43805.75</v>
      </c>
      <c r="B5999" s="2">
        <v>26.5</v>
      </c>
      <c r="C5999">
        <v>0</v>
      </c>
      <c r="D5999">
        <f t="shared" si="186"/>
        <v>0</v>
      </c>
      <c r="E5999" s="6">
        <f t="shared" si="187"/>
        <v>0</v>
      </c>
    </row>
    <row r="6000" spans="1:5" x14ac:dyDescent="0.25">
      <c r="A6000" s="1">
        <v>43805.791666666664</v>
      </c>
      <c r="B6000" s="2">
        <v>26.72</v>
      </c>
      <c r="C6000">
        <v>0</v>
      </c>
      <c r="D6000">
        <f t="shared" si="186"/>
        <v>0</v>
      </c>
      <c r="E6000" s="6">
        <f t="shared" si="187"/>
        <v>0</v>
      </c>
    </row>
    <row r="6001" spans="1:5" x14ac:dyDescent="0.25">
      <c r="A6001" s="1">
        <v>43805.833333333336</v>
      </c>
      <c r="B6001" s="2">
        <v>26.33</v>
      </c>
      <c r="C6001">
        <v>0</v>
      </c>
      <c r="D6001">
        <f t="shared" si="186"/>
        <v>0</v>
      </c>
      <c r="E6001" s="6">
        <f t="shared" si="187"/>
        <v>0</v>
      </c>
    </row>
    <row r="6002" spans="1:5" x14ac:dyDescent="0.25">
      <c r="A6002" s="1">
        <v>43805.875</v>
      </c>
      <c r="B6002" s="2">
        <v>24.04</v>
      </c>
      <c r="C6002">
        <v>0</v>
      </c>
      <c r="D6002">
        <f t="shared" si="186"/>
        <v>0</v>
      </c>
      <c r="E6002" s="6">
        <f t="shared" si="187"/>
        <v>0</v>
      </c>
    </row>
    <row r="6003" spans="1:5" x14ac:dyDescent="0.25">
      <c r="A6003" s="1">
        <v>43805.916666666664</v>
      </c>
      <c r="B6003" s="2">
        <v>22.15</v>
      </c>
      <c r="C6003">
        <v>0</v>
      </c>
      <c r="D6003">
        <f t="shared" si="186"/>
        <v>0</v>
      </c>
      <c r="E6003" s="6">
        <f t="shared" si="187"/>
        <v>0</v>
      </c>
    </row>
    <row r="6004" spans="1:5" x14ac:dyDescent="0.25">
      <c r="A6004" s="1">
        <v>43805.958333333336</v>
      </c>
      <c r="B6004" s="2">
        <v>20.87</v>
      </c>
      <c r="C6004">
        <v>0</v>
      </c>
      <c r="D6004">
        <f t="shared" si="186"/>
        <v>0</v>
      </c>
      <c r="E6004" s="6">
        <f t="shared" si="187"/>
        <v>0</v>
      </c>
    </row>
    <row r="6005" spans="1:5" x14ac:dyDescent="0.25">
      <c r="A6005" s="1">
        <v>43806</v>
      </c>
      <c r="B6005" s="2">
        <v>21.81</v>
      </c>
      <c r="C6005">
        <v>0</v>
      </c>
      <c r="D6005">
        <f t="shared" si="186"/>
        <v>0</v>
      </c>
      <c r="E6005" s="6">
        <f t="shared" si="187"/>
        <v>0</v>
      </c>
    </row>
    <row r="6006" spans="1:5" x14ac:dyDescent="0.25">
      <c r="A6006" s="1">
        <v>43806.041666666664</v>
      </c>
      <c r="B6006" s="2">
        <v>21.25</v>
      </c>
      <c r="C6006">
        <v>0</v>
      </c>
      <c r="D6006">
        <f t="shared" si="186"/>
        <v>0</v>
      </c>
      <c r="E6006" s="6">
        <f t="shared" si="187"/>
        <v>0</v>
      </c>
    </row>
    <row r="6007" spans="1:5" x14ac:dyDescent="0.25">
      <c r="A6007" s="1">
        <v>43806.083333333336</v>
      </c>
      <c r="B6007" s="2">
        <v>21.31</v>
      </c>
      <c r="C6007">
        <v>0</v>
      </c>
      <c r="D6007">
        <f t="shared" si="186"/>
        <v>0</v>
      </c>
      <c r="E6007" s="6">
        <f t="shared" si="187"/>
        <v>0</v>
      </c>
    </row>
    <row r="6008" spans="1:5" x14ac:dyDescent="0.25">
      <c r="A6008" s="1">
        <v>43806.125</v>
      </c>
      <c r="B6008" s="2">
        <v>21.66</v>
      </c>
      <c r="C6008">
        <v>0</v>
      </c>
      <c r="D6008">
        <f t="shared" si="186"/>
        <v>0</v>
      </c>
      <c r="E6008" s="6">
        <f t="shared" si="187"/>
        <v>0</v>
      </c>
    </row>
    <row r="6009" spans="1:5" x14ac:dyDescent="0.25">
      <c r="A6009" s="1">
        <v>43806.166666666664</v>
      </c>
      <c r="B6009" s="2">
        <v>21.89</v>
      </c>
      <c r="C6009">
        <v>0</v>
      </c>
      <c r="D6009">
        <f t="shared" si="186"/>
        <v>0</v>
      </c>
      <c r="E6009" s="6">
        <f t="shared" si="187"/>
        <v>0</v>
      </c>
    </row>
    <row r="6010" spans="1:5" x14ac:dyDescent="0.25">
      <c r="A6010" s="1">
        <v>43806.208333333336</v>
      </c>
      <c r="B6010" s="2">
        <v>22.42</v>
      </c>
      <c r="C6010">
        <v>0</v>
      </c>
      <c r="D6010">
        <f t="shared" si="186"/>
        <v>0</v>
      </c>
      <c r="E6010" s="6">
        <f t="shared" si="187"/>
        <v>0</v>
      </c>
    </row>
    <row r="6011" spans="1:5" x14ac:dyDescent="0.25">
      <c r="A6011" s="1">
        <v>43806.25</v>
      </c>
      <c r="B6011" s="2">
        <v>25.37</v>
      </c>
      <c r="C6011">
        <v>0</v>
      </c>
      <c r="D6011">
        <f t="shared" si="186"/>
        <v>0</v>
      </c>
      <c r="E6011" s="6">
        <f t="shared" si="187"/>
        <v>0</v>
      </c>
    </row>
    <row r="6012" spans="1:5" x14ac:dyDescent="0.25">
      <c r="A6012" s="1">
        <v>43806.291666666664</v>
      </c>
      <c r="B6012" s="2">
        <v>28.98</v>
      </c>
      <c r="C6012">
        <v>0</v>
      </c>
      <c r="D6012">
        <f t="shared" si="186"/>
        <v>0</v>
      </c>
      <c r="E6012" s="6">
        <f t="shared" si="187"/>
        <v>0</v>
      </c>
    </row>
    <row r="6013" spans="1:5" x14ac:dyDescent="0.25">
      <c r="A6013" s="1">
        <v>43806.333333333336</v>
      </c>
      <c r="B6013" s="2">
        <v>29.38</v>
      </c>
      <c r="C6013">
        <v>0.32088299999999997</v>
      </c>
      <c r="D6013">
        <f t="shared" si="186"/>
        <v>3.20883E-4</v>
      </c>
      <c r="E6013" s="6">
        <f t="shared" si="187"/>
        <v>9.4275425400000001E-3</v>
      </c>
    </row>
    <row r="6014" spans="1:5" x14ac:dyDescent="0.25">
      <c r="A6014" s="1">
        <v>43806.375</v>
      </c>
      <c r="B6014" s="2">
        <v>27.97</v>
      </c>
      <c r="C6014">
        <v>0.42373</v>
      </c>
      <c r="D6014">
        <f t="shared" si="186"/>
        <v>4.2372999999999998E-4</v>
      </c>
      <c r="E6014" s="6">
        <f t="shared" si="187"/>
        <v>1.1851728099999998E-2</v>
      </c>
    </row>
    <row r="6015" spans="1:5" x14ac:dyDescent="0.25">
      <c r="A6015" s="1">
        <v>43806.416666666664</v>
      </c>
      <c r="B6015" s="2">
        <v>25.62</v>
      </c>
      <c r="C6015">
        <v>0.58279700000000001</v>
      </c>
      <c r="D6015">
        <f t="shared" si="186"/>
        <v>5.8279700000000002E-4</v>
      </c>
      <c r="E6015" s="6">
        <f t="shared" si="187"/>
        <v>1.4931259140000002E-2</v>
      </c>
    </row>
    <row r="6016" spans="1:5" x14ac:dyDescent="0.25">
      <c r="A6016" s="1">
        <v>43806.458333333336</v>
      </c>
      <c r="B6016" s="2">
        <v>24.31</v>
      </c>
      <c r="C6016">
        <v>0.69940099999999994</v>
      </c>
      <c r="D6016">
        <f t="shared" si="186"/>
        <v>6.9940099999999989E-4</v>
      </c>
      <c r="E6016" s="6">
        <f t="shared" si="187"/>
        <v>1.7002438309999996E-2</v>
      </c>
    </row>
    <row r="6017" spans="1:5" x14ac:dyDescent="0.25">
      <c r="A6017" s="1">
        <v>43806.5</v>
      </c>
      <c r="B6017" s="2">
        <v>22.87</v>
      </c>
      <c r="C6017">
        <v>0.54959599999999997</v>
      </c>
      <c r="D6017">
        <f t="shared" si="186"/>
        <v>5.4959599999999996E-4</v>
      </c>
      <c r="E6017" s="6">
        <f t="shared" si="187"/>
        <v>1.256926052E-2</v>
      </c>
    </row>
    <row r="6018" spans="1:5" x14ac:dyDescent="0.25">
      <c r="A6018" s="1">
        <v>43806.541666666664</v>
      </c>
      <c r="B6018" s="2">
        <v>22.59</v>
      </c>
      <c r="C6018">
        <v>1.268416</v>
      </c>
      <c r="D6018">
        <f t="shared" si="186"/>
        <v>1.2684160000000001E-3</v>
      </c>
      <c r="E6018" s="6">
        <f t="shared" si="187"/>
        <v>2.8653517440000002E-2</v>
      </c>
    </row>
    <row r="6019" spans="1:5" x14ac:dyDescent="0.25">
      <c r="A6019" s="1">
        <v>43806.583333333336</v>
      </c>
      <c r="B6019" s="2">
        <v>22.39</v>
      </c>
      <c r="C6019">
        <v>0.24945900000000001</v>
      </c>
      <c r="D6019">
        <f t="shared" si="186"/>
        <v>2.49459E-4</v>
      </c>
      <c r="E6019" s="6">
        <f t="shared" si="187"/>
        <v>5.5853870099999998E-3</v>
      </c>
    </row>
    <row r="6020" spans="1:5" x14ac:dyDescent="0.25">
      <c r="A6020" s="1">
        <v>43806.625</v>
      </c>
      <c r="B6020" s="2">
        <v>22.71</v>
      </c>
      <c r="C6020">
        <v>0.33221100000000003</v>
      </c>
      <c r="D6020">
        <f t="shared" si="186"/>
        <v>3.3221100000000001E-4</v>
      </c>
      <c r="E6020" s="6">
        <f t="shared" si="187"/>
        <v>7.5445118100000005E-3</v>
      </c>
    </row>
    <row r="6021" spans="1:5" x14ac:dyDescent="0.25">
      <c r="A6021" s="1">
        <v>43806.666666666664</v>
      </c>
      <c r="B6021" s="2">
        <v>25.66</v>
      </c>
      <c r="C6021">
        <v>0</v>
      </c>
      <c r="D6021">
        <f t="shared" si="186"/>
        <v>0</v>
      </c>
      <c r="E6021" s="6">
        <f t="shared" si="187"/>
        <v>0</v>
      </c>
    </row>
    <row r="6022" spans="1:5" x14ac:dyDescent="0.25">
      <c r="A6022" s="1">
        <v>43806.708333333336</v>
      </c>
      <c r="B6022" s="2">
        <v>33.299999999999997</v>
      </c>
      <c r="C6022">
        <v>0</v>
      </c>
      <c r="D6022">
        <f t="shared" ref="D6022:D6085" si="188">C6022/1000</f>
        <v>0</v>
      </c>
      <c r="E6022" s="6">
        <f t="shared" ref="E6022:E6085" si="189">D6022*B6022</f>
        <v>0</v>
      </c>
    </row>
    <row r="6023" spans="1:5" x14ac:dyDescent="0.25">
      <c r="A6023" s="1">
        <v>43806.75</v>
      </c>
      <c r="B6023" s="2">
        <v>29.89</v>
      </c>
      <c r="C6023">
        <v>0</v>
      </c>
      <c r="D6023">
        <f t="shared" si="188"/>
        <v>0</v>
      </c>
      <c r="E6023" s="6">
        <f t="shared" si="189"/>
        <v>0</v>
      </c>
    </row>
    <row r="6024" spans="1:5" x14ac:dyDescent="0.25">
      <c r="A6024" s="1">
        <v>43806.791666666664</v>
      </c>
      <c r="B6024" s="2">
        <v>29.56</v>
      </c>
      <c r="C6024">
        <v>0</v>
      </c>
      <c r="D6024">
        <f t="shared" si="188"/>
        <v>0</v>
      </c>
      <c r="E6024" s="6">
        <f t="shared" si="189"/>
        <v>0</v>
      </c>
    </row>
    <row r="6025" spans="1:5" x14ac:dyDescent="0.25">
      <c r="A6025" s="1">
        <v>43806.833333333336</v>
      </c>
      <c r="B6025" s="2">
        <v>29.26</v>
      </c>
      <c r="C6025">
        <v>0</v>
      </c>
      <c r="D6025">
        <f t="shared" si="188"/>
        <v>0</v>
      </c>
      <c r="E6025" s="6">
        <f t="shared" si="189"/>
        <v>0</v>
      </c>
    </row>
    <row r="6026" spans="1:5" x14ac:dyDescent="0.25">
      <c r="A6026" s="1">
        <v>43806.875</v>
      </c>
      <c r="B6026" s="2">
        <v>25.88</v>
      </c>
      <c r="C6026">
        <v>0</v>
      </c>
      <c r="D6026">
        <f t="shared" si="188"/>
        <v>0</v>
      </c>
      <c r="E6026" s="6">
        <f t="shared" si="189"/>
        <v>0</v>
      </c>
    </row>
    <row r="6027" spans="1:5" x14ac:dyDescent="0.25">
      <c r="A6027" s="1">
        <v>43806.916666666664</v>
      </c>
      <c r="B6027" s="2">
        <v>23.33</v>
      </c>
      <c r="C6027">
        <v>0</v>
      </c>
      <c r="D6027">
        <f t="shared" si="188"/>
        <v>0</v>
      </c>
      <c r="E6027" s="6">
        <f t="shared" si="189"/>
        <v>0</v>
      </c>
    </row>
    <row r="6028" spans="1:5" x14ac:dyDescent="0.25">
      <c r="A6028" s="1">
        <v>43806.958333333336</v>
      </c>
      <c r="B6028" s="2">
        <v>22.43</v>
      </c>
      <c r="C6028">
        <v>0</v>
      </c>
      <c r="D6028">
        <f t="shared" si="188"/>
        <v>0</v>
      </c>
      <c r="E6028" s="6">
        <f t="shared" si="189"/>
        <v>0</v>
      </c>
    </row>
    <row r="6029" spans="1:5" x14ac:dyDescent="0.25">
      <c r="A6029" s="1">
        <v>43807</v>
      </c>
      <c r="B6029" s="2">
        <v>23.6</v>
      </c>
      <c r="C6029">
        <v>0</v>
      </c>
      <c r="D6029">
        <f t="shared" si="188"/>
        <v>0</v>
      </c>
      <c r="E6029" s="6">
        <f t="shared" si="189"/>
        <v>0</v>
      </c>
    </row>
    <row r="6030" spans="1:5" x14ac:dyDescent="0.25">
      <c r="A6030" s="1">
        <v>43807.041666666664</v>
      </c>
      <c r="B6030" s="2">
        <v>23.21</v>
      </c>
      <c r="C6030">
        <v>0</v>
      </c>
      <c r="D6030">
        <f t="shared" si="188"/>
        <v>0</v>
      </c>
      <c r="E6030" s="6">
        <f t="shared" si="189"/>
        <v>0</v>
      </c>
    </row>
    <row r="6031" spans="1:5" x14ac:dyDescent="0.25">
      <c r="A6031" s="1">
        <v>43807.083333333336</v>
      </c>
      <c r="B6031" s="2">
        <v>23.07</v>
      </c>
      <c r="C6031">
        <v>0</v>
      </c>
      <c r="D6031">
        <f t="shared" si="188"/>
        <v>0</v>
      </c>
      <c r="E6031" s="6">
        <f t="shared" si="189"/>
        <v>0</v>
      </c>
    </row>
    <row r="6032" spans="1:5" x14ac:dyDescent="0.25">
      <c r="A6032" s="1">
        <v>43807.125</v>
      </c>
      <c r="B6032" s="2">
        <v>22.73</v>
      </c>
      <c r="C6032">
        <v>0</v>
      </c>
      <c r="D6032">
        <f t="shared" si="188"/>
        <v>0</v>
      </c>
      <c r="E6032" s="6">
        <f t="shared" si="189"/>
        <v>0</v>
      </c>
    </row>
    <row r="6033" spans="1:5" x14ac:dyDescent="0.25">
      <c r="A6033" s="1">
        <v>43807.166666666664</v>
      </c>
      <c r="B6033" s="2">
        <v>22.98</v>
      </c>
      <c r="C6033">
        <v>0</v>
      </c>
      <c r="D6033">
        <f t="shared" si="188"/>
        <v>0</v>
      </c>
      <c r="E6033" s="6">
        <f t="shared" si="189"/>
        <v>0</v>
      </c>
    </row>
    <row r="6034" spans="1:5" x14ac:dyDescent="0.25">
      <c r="A6034" s="1">
        <v>43807.208333333336</v>
      </c>
      <c r="B6034" s="2">
        <v>23.38</v>
      </c>
      <c r="C6034">
        <v>0</v>
      </c>
      <c r="D6034">
        <f t="shared" si="188"/>
        <v>0</v>
      </c>
      <c r="E6034" s="6">
        <f t="shared" si="189"/>
        <v>0</v>
      </c>
    </row>
    <row r="6035" spans="1:5" x14ac:dyDescent="0.25">
      <c r="A6035" s="1">
        <v>43807.25</v>
      </c>
      <c r="B6035" s="2">
        <v>25.33</v>
      </c>
      <c r="C6035">
        <v>0</v>
      </c>
      <c r="D6035">
        <f t="shared" si="188"/>
        <v>0</v>
      </c>
      <c r="E6035" s="6">
        <f t="shared" si="189"/>
        <v>0</v>
      </c>
    </row>
    <row r="6036" spans="1:5" x14ac:dyDescent="0.25">
      <c r="A6036" s="1">
        <v>43807.291666666664</v>
      </c>
      <c r="B6036" s="2">
        <v>26.1</v>
      </c>
      <c r="C6036">
        <v>0</v>
      </c>
      <c r="D6036">
        <f t="shared" si="188"/>
        <v>0</v>
      </c>
      <c r="E6036" s="6">
        <f t="shared" si="189"/>
        <v>0</v>
      </c>
    </row>
    <row r="6037" spans="1:5" x14ac:dyDescent="0.25">
      <c r="A6037" s="1">
        <v>43807.333333333336</v>
      </c>
      <c r="B6037" s="2">
        <v>25.15</v>
      </c>
      <c r="C6037">
        <v>0</v>
      </c>
      <c r="D6037">
        <f t="shared" si="188"/>
        <v>0</v>
      </c>
      <c r="E6037" s="6">
        <f t="shared" si="189"/>
        <v>0</v>
      </c>
    </row>
    <row r="6038" spans="1:5" x14ac:dyDescent="0.25">
      <c r="A6038" s="1">
        <v>43807.375</v>
      </c>
      <c r="B6038" s="2">
        <v>23.45</v>
      </c>
      <c r="C6038">
        <v>0.31151699999999999</v>
      </c>
      <c r="D6038">
        <f t="shared" si="188"/>
        <v>3.1151699999999998E-4</v>
      </c>
      <c r="E6038" s="6">
        <f t="shared" si="189"/>
        <v>7.3050736499999996E-3</v>
      </c>
    </row>
    <row r="6039" spans="1:5" x14ac:dyDescent="0.25">
      <c r="A6039" s="1">
        <v>43807.416666666664</v>
      </c>
      <c r="B6039" s="2">
        <v>21.4</v>
      </c>
      <c r="C6039">
        <v>0.69502900000000001</v>
      </c>
      <c r="D6039">
        <f t="shared" si="188"/>
        <v>6.95029E-4</v>
      </c>
      <c r="E6039" s="6">
        <f t="shared" si="189"/>
        <v>1.48736206E-2</v>
      </c>
    </row>
    <row r="6040" spans="1:5" x14ac:dyDescent="0.25">
      <c r="A6040" s="1">
        <v>43807.458333333336</v>
      </c>
      <c r="B6040" s="2">
        <v>20.93</v>
      </c>
      <c r="C6040">
        <v>0.57278700000000005</v>
      </c>
      <c r="D6040">
        <f t="shared" si="188"/>
        <v>5.7278700000000006E-4</v>
      </c>
      <c r="E6040" s="6">
        <f t="shared" si="189"/>
        <v>1.1988431910000001E-2</v>
      </c>
    </row>
    <row r="6041" spans="1:5" x14ac:dyDescent="0.25">
      <c r="A6041" s="1">
        <v>43807.5</v>
      </c>
      <c r="B6041" s="2">
        <v>20.34</v>
      </c>
      <c r="C6041">
        <v>0.68971700000000002</v>
      </c>
      <c r="D6041">
        <f t="shared" si="188"/>
        <v>6.8971700000000006E-4</v>
      </c>
      <c r="E6041" s="6">
        <f t="shared" si="189"/>
        <v>1.4028843780000001E-2</v>
      </c>
    </row>
    <row r="6042" spans="1:5" x14ac:dyDescent="0.25">
      <c r="A6042" s="1">
        <v>43807.541666666664</v>
      </c>
      <c r="B6042" s="2">
        <v>20.29</v>
      </c>
      <c r="C6042">
        <v>0.85752399999999995</v>
      </c>
      <c r="D6042">
        <f t="shared" si="188"/>
        <v>8.5752399999999992E-4</v>
      </c>
      <c r="E6042" s="6">
        <f t="shared" si="189"/>
        <v>1.7399161959999996E-2</v>
      </c>
    </row>
    <row r="6043" spans="1:5" x14ac:dyDescent="0.25">
      <c r="A6043" s="1">
        <v>43807.583333333336</v>
      </c>
      <c r="B6043" s="2">
        <v>19.87</v>
      </c>
      <c r="C6043">
        <v>0.63823099999999999</v>
      </c>
      <c r="D6043">
        <f t="shared" si="188"/>
        <v>6.3823099999999995E-4</v>
      </c>
      <c r="E6043" s="6">
        <f t="shared" si="189"/>
        <v>1.268164997E-2</v>
      </c>
    </row>
    <row r="6044" spans="1:5" x14ac:dyDescent="0.25">
      <c r="A6044" s="1">
        <v>43807.625</v>
      </c>
      <c r="B6044" s="2">
        <v>19.91</v>
      </c>
      <c r="C6044">
        <v>0.45857900000000001</v>
      </c>
      <c r="D6044">
        <f t="shared" si="188"/>
        <v>4.5857900000000003E-4</v>
      </c>
      <c r="E6044" s="6">
        <f t="shared" si="189"/>
        <v>9.1303078900000015E-3</v>
      </c>
    </row>
    <row r="6045" spans="1:5" x14ac:dyDescent="0.25">
      <c r="A6045" s="1">
        <v>43807.666666666664</v>
      </c>
      <c r="B6045" s="2">
        <v>22.31</v>
      </c>
      <c r="C6045">
        <v>0.18665100000000001</v>
      </c>
      <c r="D6045">
        <f t="shared" si="188"/>
        <v>1.86651E-4</v>
      </c>
      <c r="E6045" s="6">
        <f t="shared" si="189"/>
        <v>4.1641838099999995E-3</v>
      </c>
    </row>
    <row r="6046" spans="1:5" x14ac:dyDescent="0.25">
      <c r="A6046" s="1">
        <v>43807.708333333336</v>
      </c>
      <c r="B6046" s="2">
        <v>27.58</v>
      </c>
      <c r="C6046">
        <v>0</v>
      </c>
      <c r="D6046">
        <f t="shared" si="188"/>
        <v>0</v>
      </c>
      <c r="E6046" s="6">
        <f t="shared" si="189"/>
        <v>0</v>
      </c>
    </row>
    <row r="6047" spans="1:5" x14ac:dyDescent="0.25">
      <c r="A6047" s="1">
        <v>43807.75</v>
      </c>
      <c r="B6047" s="2">
        <v>25.86</v>
      </c>
      <c r="C6047">
        <v>0</v>
      </c>
      <c r="D6047">
        <f t="shared" si="188"/>
        <v>0</v>
      </c>
      <c r="E6047" s="6">
        <f t="shared" si="189"/>
        <v>0</v>
      </c>
    </row>
    <row r="6048" spans="1:5" x14ac:dyDescent="0.25">
      <c r="A6048" s="1">
        <v>43807.791666666664</v>
      </c>
      <c r="B6048" s="2">
        <v>25.23</v>
      </c>
      <c r="C6048">
        <v>0</v>
      </c>
      <c r="D6048">
        <f t="shared" si="188"/>
        <v>0</v>
      </c>
      <c r="E6048" s="6">
        <f t="shared" si="189"/>
        <v>0</v>
      </c>
    </row>
    <row r="6049" spans="1:5" x14ac:dyDescent="0.25">
      <c r="A6049" s="1">
        <v>43807.833333333336</v>
      </c>
      <c r="B6049" s="2">
        <v>24.35</v>
      </c>
      <c r="C6049">
        <v>0</v>
      </c>
      <c r="D6049">
        <f t="shared" si="188"/>
        <v>0</v>
      </c>
      <c r="E6049" s="6">
        <f t="shared" si="189"/>
        <v>0</v>
      </c>
    </row>
    <row r="6050" spans="1:5" x14ac:dyDescent="0.25">
      <c r="A6050" s="1">
        <v>43807.875</v>
      </c>
      <c r="B6050" s="2">
        <v>21.99</v>
      </c>
      <c r="C6050">
        <v>0</v>
      </c>
      <c r="D6050">
        <f t="shared" si="188"/>
        <v>0</v>
      </c>
      <c r="E6050" s="6">
        <f t="shared" si="189"/>
        <v>0</v>
      </c>
    </row>
    <row r="6051" spans="1:5" x14ac:dyDescent="0.25">
      <c r="A6051" s="1">
        <v>43807.916666666664</v>
      </c>
      <c r="B6051" s="2">
        <v>20.62</v>
      </c>
      <c r="C6051">
        <v>0</v>
      </c>
      <c r="D6051">
        <f t="shared" si="188"/>
        <v>0</v>
      </c>
      <c r="E6051" s="6">
        <f t="shared" si="189"/>
        <v>0</v>
      </c>
    </row>
    <row r="6052" spans="1:5" x14ac:dyDescent="0.25">
      <c r="A6052" s="1">
        <v>43807.958333333336</v>
      </c>
      <c r="B6052" s="2">
        <v>19.37</v>
      </c>
      <c r="C6052">
        <v>0</v>
      </c>
      <c r="D6052">
        <f t="shared" si="188"/>
        <v>0</v>
      </c>
      <c r="E6052" s="6">
        <f t="shared" si="189"/>
        <v>0</v>
      </c>
    </row>
    <row r="6053" spans="1:5" x14ac:dyDescent="0.25">
      <c r="A6053" s="1">
        <v>43808</v>
      </c>
      <c r="B6053" s="2">
        <v>18.690000000000001</v>
      </c>
      <c r="C6053">
        <v>0</v>
      </c>
      <c r="D6053">
        <f t="shared" si="188"/>
        <v>0</v>
      </c>
      <c r="E6053" s="6">
        <f t="shared" si="189"/>
        <v>0</v>
      </c>
    </row>
    <row r="6054" spans="1:5" x14ac:dyDescent="0.25">
      <c r="A6054" s="1">
        <v>43808.041666666664</v>
      </c>
      <c r="B6054" s="2">
        <v>17.399999999999999</v>
      </c>
      <c r="C6054">
        <v>0</v>
      </c>
      <c r="D6054">
        <f t="shared" si="188"/>
        <v>0</v>
      </c>
      <c r="E6054" s="6">
        <f t="shared" si="189"/>
        <v>0</v>
      </c>
    </row>
    <row r="6055" spans="1:5" x14ac:dyDescent="0.25">
      <c r="A6055" s="1">
        <v>43808.083333333336</v>
      </c>
      <c r="B6055" s="2">
        <v>16.63</v>
      </c>
      <c r="C6055">
        <v>0</v>
      </c>
      <c r="D6055">
        <f t="shared" si="188"/>
        <v>0</v>
      </c>
      <c r="E6055" s="6">
        <f t="shared" si="189"/>
        <v>0</v>
      </c>
    </row>
    <row r="6056" spans="1:5" x14ac:dyDescent="0.25">
      <c r="A6056" s="1">
        <v>43808.125</v>
      </c>
      <c r="B6056" s="2">
        <v>17.52</v>
      </c>
      <c r="C6056">
        <v>0</v>
      </c>
      <c r="D6056">
        <f t="shared" si="188"/>
        <v>0</v>
      </c>
      <c r="E6056" s="6">
        <f t="shared" si="189"/>
        <v>0</v>
      </c>
    </row>
    <row r="6057" spans="1:5" x14ac:dyDescent="0.25">
      <c r="A6057" s="1">
        <v>43808.166666666664</v>
      </c>
      <c r="B6057" s="2">
        <v>19.079999999999998</v>
      </c>
      <c r="C6057">
        <v>0</v>
      </c>
      <c r="D6057">
        <f t="shared" si="188"/>
        <v>0</v>
      </c>
      <c r="E6057" s="6">
        <f t="shared" si="189"/>
        <v>0</v>
      </c>
    </row>
    <row r="6058" spans="1:5" x14ac:dyDescent="0.25">
      <c r="A6058" s="1">
        <v>43808.208333333336</v>
      </c>
      <c r="B6058" s="2">
        <v>21.13</v>
      </c>
      <c r="C6058">
        <v>0</v>
      </c>
      <c r="D6058">
        <f t="shared" si="188"/>
        <v>0</v>
      </c>
      <c r="E6058" s="6">
        <f t="shared" si="189"/>
        <v>0</v>
      </c>
    </row>
    <row r="6059" spans="1:5" x14ac:dyDescent="0.25">
      <c r="A6059" s="1">
        <v>43808.25</v>
      </c>
      <c r="B6059" s="2">
        <v>25.61</v>
      </c>
      <c r="C6059">
        <v>0</v>
      </c>
      <c r="D6059">
        <f t="shared" si="188"/>
        <v>0</v>
      </c>
      <c r="E6059" s="6">
        <f t="shared" si="189"/>
        <v>0</v>
      </c>
    </row>
    <row r="6060" spans="1:5" x14ac:dyDescent="0.25">
      <c r="A6060" s="1">
        <v>43808.291666666664</v>
      </c>
      <c r="B6060" s="2">
        <v>27.71</v>
      </c>
      <c r="C6060">
        <v>0</v>
      </c>
      <c r="D6060">
        <f t="shared" si="188"/>
        <v>0</v>
      </c>
      <c r="E6060" s="6">
        <f t="shared" si="189"/>
        <v>0</v>
      </c>
    </row>
    <row r="6061" spans="1:5" x14ac:dyDescent="0.25">
      <c r="A6061" s="1">
        <v>43808.333333333336</v>
      </c>
      <c r="B6061" s="2">
        <v>27.27</v>
      </c>
      <c r="C6061">
        <v>2.0561439999999997</v>
      </c>
      <c r="D6061">
        <f t="shared" si="188"/>
        <v>2.0561439999999998E-3</v>
      </c>
      <c r="E6061" s="6">
        <f t="shared" si="189"/>
        <v>5.6071046879999996E-2</v>
      </c>
    </row>
    <row r="6062" spans="1:5" x14ac:dyDescent="0.25">
      <c r="A6062" s="1">
        <v>43808.375</v>
      </c>
      <c r="B6062" s="2">
        <v>26.83</v>
      </c>
      <c r="C6062">
        <v>4.1598490000000004</v>
      </c>
      <c r="D6062">
        <f t="shared" si="188"/>
        <v>4.1598490000000002E-3</v>
      </c>
      <c r="E6062" s="6">
        <f t="shared" si="189"/>
        <v>0.11160874866999999</v>
      </c>
    </row>
    <row r="6063" spans="1:5" x14ac:dyDescent="0.25">
      <c r="A6063" s="1">
        <v>43808.416666666664</v>
      </c>
      <c r="B6063" s="2">
        <v>25.93</v>
      </c>
      <c r="C6063">
        <v>5.6224369999999997</v>
      </c>
      <c r="D6063">
        <f t="shared" si="188"/>
        <v>5.6224370000000001E-3</v>
      </c>
      <c r="E6063" s="6">
        <f t="shared" si="189"/>
        <v>0.14578979141000001</v>
      </c>
    </row>
    <row r="6064" spans="1:5" x14ac:dyDescent="0.25">
      <c r="A6064" s="1">
        <v>43808.458333333336</v>
      </c>
      <c r="B6064" s="2">
        <v>25.31</v>
      </c>
      <c r="C6064">
        <v>6.3696919999999997</v>
      </c>
      <c r="D6064">
        <f t="shared" si="188"/>
        <v>6.3696919999999997E-3</v>
      </c>
      <c r="E6064" s="6">
        <f t="shared" si="189"/>
        <v>0.16121690451999998</v>
      </c>
    </row>
    <row r="6065" spans="1:5" x14ac:dyDescent="0.25">
      <c r="A6065" s="1">
        <v>43808.5</v>
      </c>
      <c r="B6065" s="2">
        <v>24.14</v>
      </c>
      <c r="C6065">
        <v>6.5699129999999997</v>
      </c>
      <c r="D6065">
        <f t="shared" si="188"/>
        <v>6.5699129999999993E-3</v>
      </c>
      <c r="E6065" s="6">
        <f t="shared" si="189"/>
        <v>0.15859769981999999</v>
      </c>
    </row>
    <row r="6066" spans="1:5" x14ac:dyDescent="0.25">
      <c r="A6066" s="1">
        <v>43808.541666666664</v>
      </c>
      <c r="B6066" s="2">
        <v>23.88</v>
      </c>
      <c r="C6066">
        <v>6.1958980000000006</v>
      </c>
      <c r="D6066">
        <f t="shared" si="188"/>
        <v>6.1958980000000009E-3</v>
      </c>
      <c r="E6066" s="6">
        <f t="shared" si="189"/>
        <v>0.14795804424</v>
      </c>
    </row>
    <row r="6067" spans="1:5" x14ac:dyDescent="0.25">
      <c r="A6067" s="1">
        <v>43808.583333333336</v>
      </c>
      <c r="B6067" s="2">
        <v>23</v>
      </c>
      <c r="C6067">
        <v>5.2690349999999997</v>
      </c>
      <c r="D6067">
        <f t="shared" si="188"/>
        <v>5.269035E-3</v>
      </c>
      <c r="E6067" s="6">
        <f t="shared" si="189"/>
        <v>0.121187805</v>
      </c>
    </row>
    <row r="6068" spans="1:5" x14ac:dyDescent="0.25">
      <c r="A6068" s="1">
        <v>43808.625</v>
      </c>
      <c r="B6068" s="2">
        <v>22.72</v>
      </c>
      <c r="C6068">
        <v>3.7918670000000003</v>
      </c>
      <c r="D6068">
        <f t="shared" si="188"/>
        <v>3.7918670000000004E-3</v>
      </c>
      <c r="E6068" s="6">
        <f t="shared" si="189"/>
        <v>8.6151218240000008E-2</v>
      </c>
    </row>
    <row r="6069" spans="1:5" x14ac:dyDescent="0.25">
      <c r="A6069" s="1">
        <v>43808.666666666664</v>
      </c>
      <c r="B6069" s="2">
        <v>24.31</v>
      </c>
      <c r="C6069">
        <v>1.701878</v>
      </c>
      <c r="D6069">
        <f t="shared" si="188"/>
        <v>1.701878E-3</v>
      </c>
      <c r="E6069" s="6">
        <f t="shared" si="189"/>
        <v>4.1372654179999996E-2</v>
      </c>
    </row>
    <row r="6070" spans="1:5" x14ac:dyDescent="0.25">
      <c r="A6070" s="1">
        <v>43808.708333333336</v>
      </c>
      <c r="B6070" s="2">
        <v>28.81</v>
      </c>
      <c r="C6070">
        <v>0</v>
      </c>
      <c r="D6070">
        <f t="shared" si="188"/>
        <v>0</v>
      </c>
      <c r="E6070" s="6">
        <f t="shared" si="189"/>
        <v>0</v>
      </c>
    </row>
    <row r="6071" spans="1:5" x14ac:dyDescent="0.25">
      <c r="A6071" s="1">
        <v>43808.75</v>
      </c>
      <c r="B6071" s="2">
        <v>26.51</v>
      </c>
      <c r="C6071">
        <v>0</v>
      </c>
      <c r="D6071">
        <f t="shared" si="188"/>
        <v>0</v>
      </c>
      <c r="E6071" s="6">
        <f t="shared" si="189"/>
        <v>0</v>
      </c>
    </row>
    <row r="6072" spans="1:5" x14ac:dyDescent="0.25">
      <c r="A6072" s="1">
        <v>43808.791666666664</v>
      </c>
      <c r="B6072" s="2">
        <v>25.11</v>
      </c>
      <c r="C6072">
        <v>0</v>
      </c>
      <c r="D6072">
        <f t="shared" si="188"/>
        <v>0</v>
      </c>
      <c r="E6072" s="6">
        <f t="shared" si="189"/>
        <v>0</v>
      </c>
    </row>
    <row r="6073" spans="1:5" x14ac:dyDescent="0.25">
      <c r="A6073" s="1">
        <v>43808.833333333336</v>
      </c>
      <c r="B6073" s="2">
        <v>23.93</v>
      </c>
      <c r="C6073">
        <v>0</v>
      </c>
      <c r="D6073">
        <f t="shared" si="188"/>
        <v>0</v>
      </c>
      <c r="E6073" s="6">
        <f t="shared" si="189"/>
        <v>0</v>
      </c>
    </row>
    <row r="6074" spans="1:5" x14ac:dyDescent="0.25">
      <c r="A6074" s="1">
        <v>43808.875</v>
      </c>
      <c r="B6074" s="2">
        <v>21.45</v>
      </c>
      <c r="C6074">
        <v>0</v>
      </c>
      <c r="D6074">
        <f t="shared" si="188"/>
        <v>0</v>
      </c>
      <c r="E6074" s="6">
        <f t="shared" si="189"/>
        <v>0</v>
      </c>
    </row>
    <row r="6075" spans="1:5" x14ac:dyDescent="0.25">
      <c r="A6075" s="1">
        <v>43808.916666666664</v>
      </c>
      <c r="B6075" s="2">
        <v>19.71</v>
      </c>
      <c r="C6075">
        <v>0</v>
      </c>
      <c r="D6075">
        <f t="shared" si="188"/>
        <v>0</v>
      </c>
      <c r="E6075" s="6">
        <f t="shared" si="189"/>
        <v>0</v>
      </c>
    </row>
    <row r="6076" spans="1:5" x14ac:dyDescent="0.25">
      <c r="A6076" s="1">
        <v>43808.958333333336</v>
      </c>
      <c r="B6076" s="2">
        <v>16.48</v>
      </c>
      <c r="C6076">
        <v>0</v>
      </c>
      <c r="D6076">
        <f t="shared" si="188"/>
        <v>0</v>
      </c>
      <c r="E6076" s="6">
        <f t="shared" si="189"/>
        <v>0</v>
      </c>
    </row>
    <row r="6077" spans="1:5" x14ac:dyDescent="0.25">
      <c r="A6077" s="1">
        <v>43809</v>
      </c>
      <c r="B6077" s="2">
        <v>16.59</v>
      </c>
      <c r="C6077">
        <v>0</v>
      </c>
      <c r="D6077">
        <f t="shared" si="188"/>
        <v>0</v>
      </c>
      <c r="E6077" s="6">
        <f t="shared" si="189"/>
        <v>0</v>
      </c>
    </row>
    <row r="6078" spans="1:5" x14ac:dyDescent="0.25">
      <c r="A6078" s="1">
        <v>43809.041666666664</v>
      </c>
      <c r="B6078" s="2">
        <v>16.18</v>
      </c>
      <c r="C6078">
        <v>0</v>
      </c>
      <c r="D6078">
        <f t="shared" si="188"/>
        <v>0</v>
      </c>
      <c r="E6078" s="6">
        <f t="shared" si="189"/>
        <v>0</v>
      </c>
    </row>
    <row r="6079" spans="1:5" x14ac:dyDescent="0.25">
      <c r="A6079" s="1">
        <v>43809.083333333336</v>
      </c>
      <c r="B6079" s="2">
        <v>15.51</v>
      </c>
      <c r="C6079">
        <v>0</v>
      </c>
      <c r="D6079">
        <f t="shared" si="188"/>
        <v>0</v>
      </c>
      <c r="E6079" s="6">
        <f t="shared" si="189"/>
        <v>0</v>
      </c>
    </row>
    <row r="6080" spans="1:5" x14ac:dyDescent="0.25">
      <c r="A6080" s="1">
        <v>43809.125</v>
      </c>
      <c r="B6080" s="2">
        <v>15.84</v>
      </c>
      <c r="C6080">
        <v>0</v>
      </c>
      <c r="D6080">
        <f t="shared" si="188"/>
        <v>0</v>
      </c>
      <c r="E6080" s="6">
        <f t="shared" si="189"/>
        <v>0</v>
      </c>
    </row>
    <row r="6081" spans="1:5" x14ac:dyDescent="0.25">
      <c r="A6081" s="1">
        <v>43809.166666666664</v>
      </c>
      <c r="B6081" s="2">
        <v>17.71</v>
      </c>
      <c r="C6081">
        <v>0</v>
      </c>
      <c r="D6081">
        <f t="shared" si="188"/>
        <v>0</v>
      </c>
      <c r="E6081" s="6">
        <f t="shared" si="189"/>
        <v>0</v>
      </c>
    </row>
    <row r="6082" spans="1:5" x14ac:dyDescent="0.25">
      <c r="A6082" s="1">
        <v>43809.208333333336</v>
      </c>
      <c r="B6082" s="2">
        <v>19.739999999999998</v>
      </c>
      <c r="C6082">
        <v>0</v>
      </c>
      <c r="D6082">
        <f t="shared" si="188"/>
        <v>0</v>
      </c>
      <c r="E6082" s="6">
        <f t="shared" si="189"/>
        <v>0</v>
      </c>
    </row>
    <row r="6083" spans="1:5" x14ac:dyDescent="0.25">
      <c r="A6083" s="1">
        <v>43809.25</v>
      </c>
      <c r="B6083" s="2">
        <v>25.39</v>
      </c>
      <c r="C6083">
        <v>0</v>
      </c>
      <c r="D6083">
        <f t="shared" si="188"/>
        <v>0</v>
      </c>
      <c r="E6083" s="6">
        <f t="shared" si="189"/>
        <v>0</v>
      </c>
    </row>
    <row r="6084" spans="1:5" x14ac:dyDescent="0.25">
      <c r="A6084" s="1">
        <v>43809.291666666664</v>
      </c>
      <c r="B6084" s="2">
        <v>26.93</v>
      </c>
      <c r="C6084">
        <v>0</v>
      </c>
      <c r="D6084">
        <f t="shared" si="188"/>
        <v>0</v>
      </c>
      <c r="E6084" s="6">
        <f t="shared" si="189"/>
        <v>0</v>
      </c>
    </row>
    <row r="6085" spans="1:5" x14ac:dyDescent="0.25">
      <c r="A6085" s="1">
        <v>43809.333333333336</v>
      </c>
      <c r="B6085" s="2">
        <v>27.48</v>
      </c>
      <c r="C6085">
        <v>2.0001569999999997</v>
      </c>
      <c r="D6085">
        <f t="shared" si="188"/>
        <v>2.0001569999999998E-3</v>
      </c>
      <c r="E6085" s="6">
        <f t="shared" si="189"/>
        <v>5.4964314359999995E-2</v>
      </c>
    </row>
    <row r="6086" spans="1:5" x14ac:dyDescent="0.25">
      <c r="A6086" s="1">
        <v>43809.375</v>
      </c>
      <c r="B6086" s="2">
        <v>27.22</v>
      </c>
      <c r="C6086">
        <v>0.80451400000000006</v>
      </c>
      <c r="D6086">
        <f t="shared" ref="D6086:D6149" si="190">C6086/1000</f>
        <v>8.045140000000001E-4</v>
      </c>
      <c r="E6086" s="6">
        <f t="shared" ref="E6086:E6149" si="191">D6086*B6086</f>
        <v>2.1898871080000003E-2</v>
      </c>
    </row>
    <row r="6087" spans="1:5" x14ac:dyDescent="0.25">
      <c r="A6087" s="1">
        <v>43809.416666666664</v>
      </c>
      <c r="B6087" s="2">
        <v>27.28</v>
      </c>
      <c r="C6087">
        <v>2.8246410000000002</v>
      </c>
      <c r="D6087">
        <f t="shared" si="190"/>
        <v>2.8246410000000001E-3</v>
      </c>
      <c r="E6087" s="6">
        <f t="shared" si="191"/>
        <v>7.705620648E-2</v>
      </c>
    </row>
    <row r="6088" spans="1:5" x14ac:dyDescent="0.25">
      <c r="A6088" s="1">
        <v>43809.458333333336</v>
      </c>
      <c r="B6088" s="2">
        <v>27.31</v>
      </c>
      <c r="C6088">
        <v>2.9244729999999999</v>
      </c>
      <c r="D6088">
        <f t="shared" si="190"/>
        <v>2.9244729999999999E-3</v>
      </c>
      <c r="E6088" s="6">
        <f t="shared" si="191"/>
        <v>7.9867357629999997E-2</v>
      </c>
    </row>
    <row r="6089" spans="1:5" x14ac:dyDescent="0.25">
      <c r="A6089" s="1">
        <v>43809.5</v>
      </c>
      <c r="B6089" s="2">
        <v>26.74</v>
      </c>
      <c r="C6089">
        <v>5.370641</v>
      </c>
      <c r="D6089">
        <f t="shared" si="190"/>
        <v>5.3706409999999998E-3</v>
      </c>
      <c r="E6089" s="6">
        <f t="shared" si="191"/>
        <v>0.14361094033999999</v>
      </c>
    </row>
    <row r="6090" spans="1:5" x14ac:dyDescent="0.25">
      <c r="A6090" s="1">
        <v>43809.541666666664</v>
      </c>
      <c r="B6090" s="2">
        <v>26.58</v>
      </c>
      <c r="C6090">
        <v>1.321372</v>
      </c>
      <c r="D6090">
        <f t="shared" si="190"/>
        <v>1.3213719999999999E-3</v>
      </c>
      <c r="E6090" s="6">
        <f t="shared" si="191"/>
        <v>3.5122067759999993E-2</v>
      </c>
    </row>
    <row r="6091" spans="1:5" x14ac:dyDescent="0.25">
      <c r="A6091" s="1">
        <v>43809.583333333336</v>
      </c>
      <c r="B6091" s="2">
        <v>26.18</v>
      </c>
      <c r="C6091">
        <v>1.4934609999999999</v>
      </c>
      <c r="D6091">
        <f t="shared" si="190"/>
        <v>1.493461E-3</v>
      </c>
      <c r="E6091" s="6">
        <f t="shared" si="191"/>
        <v>3.9098808979999997E-2</v>
      </c>
    </row>
    <row r="6092" spans="1:5" x14ac:dyDescent="0.25">
      <c r="A6092" s="1">
        <v>43809.625</v>
      </c>
      <c r="B6092" s="2">
        <v>27.33</v>
      </c>
      <c r="C6092">
        <v>1.4835129999999999</v>
      </c>
      <c r="D6092">
        <f t="shared" si="190"/>
        <v>1.4835129999999999E-3</v>
      </c>
      <c r="E6092" s="6">
        <f t="shared" si="191"/>
        <v>4.0544410289999992E-2</v>
      </c>
    </row>
    <row r="6093" spans="1:5" x14ac:dyDescent="0.25">
      <c r="A6093" s="1">
        <v>43809.666666666664</v>
      </c>
      <c r="B6093" s="2">
        <v>31.81</v>
      </c>
      <c r="C6093">
        <v>0.74651299999999998</v>
      </c>
      <c r="D6093">
        <f t="shared" si="190"/>
        <v>7.4651299999999997E-4</v>
      </c>
      <c r="E6093" s="6">
        <f t="shared" si="191"/>
        <v>2.374657853E-2</v>
      </c>
    </row>
    <row r="6094" spans="1:5" x14ac:dyDescent="0.25">
      <c r="A6094" s="1">
        <v>43809.708333333336</v>
      </c>
      <c r="B6094" s="2">
        <v>44.1</v>
      </c>
      <c r="C6094">
        <v>0</v>
      </c>
      <c r="D6094">
        <f t="shared" si="190"/>
        <v>0</v>
      </c>
      <c r="E6094" s="6">
        <f t="shared" si="191"/>
        <v>0</v>
      </c>
    </row>
    <row r="6095" spans="1:5" x14ac:dyDescent="0.25">
      <c r="A6095" s="1">
        <v>43809.75</v>
      </c>
      <c r="B6095" s="2">
        <v>42.78</v>
      </c>
      <c r="C6095">
        <v>0</v>
      </c>
      <c r="D6095">
        <f t="shared" si="190"/>
        <v>0</v>
      </c>
      <c r="E6095" s="6">
        <f t="shared" si="191"/>
        <v>0</v>
      </c>
    </row>
    <row r="6096" spans="1:5" x14ac:dyDescent="0.25">
      <c r="A6096" s="1">
        <v>43809.791666666664</v>
      </c>
      <c r="B6096" s="2">
        <v>39.28</v>
      </c>
      <c r="C6096">
        <v>0</v>
      </c>
      <c r="D6096">
        <f t="shared" si="190"/>
        <v>0</v>
      </c>
      <c r="E6096" s="6">
        <f t="shared" si="191"/>
        <v>0</v>
      </c>
    </row>
    <row r="6097" spans="1:5" x14ac:dyDescent="0.25">
      <c r="A6097" s="1">
        <v>43809.833333333336</v>
      </c>
      <c r="B6097" s="2">
        <v>35.119999999999997</v>
      </c>
      <c r="C6097">
        <v>0</v>
      </c>
      <c r="D6097">
        <f t="shared" si="190"/>
        <v>0</v>
      </c>
      <c r="E6097" s="6">
        <f t="shared" si="191"/>
        <v>0</v>
      </c>
    </row>
    <row r="6098" spans="1:5" x14ac:dyDescent="0.25">
      <c r="A6098" s="1">
        <v>43809.875</v>
      </c>
      <c r="B6098" s="2">
        <v>32.71</v>
      </c>
      <c r="C6098">
        <v>0</v>
      </c>
      <c r="D6098">
        <f t="shared" si="190"/>
        <v>0</v>
      </c>
      <c r="E6098" s="6">
        <f t="shared" si="191"/>
        <v>0</v>
      </c>
    </row>
    <row r="6099" spans="1:5" x14ac:dyDescent="0.25">
      <c r="A6099" s="1">
        <v>43809.916666666664</v>
      </c>
      <c r="B6099" s="2">
        <v>27.37</v>
      </c>
      <c r="C6099">
        <v>0</v>
      </c>
      <c r="D6099">
        <f t="shared" si="190"/>
        <v>0</v>
      </c>
      <c r="E6099" s="6">
        <f t="shared" si="191"/>
        <v>0</v>
      </c>
    </row>
    <row r="6100" spans="1:5" x14ac:dyDescent="0.25">
      <c r="A6100" s="1">
        <v>43809.958333333336</v>
      </c>
      <c r="B6100" s="2">
        <v>24.74</v>
      </c>
      <c r="C6100">
        <v>0</v>
      </c>
      <c r="D6100">
        <f t="shared" si="190"/>
        <v>0</v>
      </c>
      <c r="E6100" s="6">
        <f t="shared" si="191"/>
        <v>0</v>
      </c>
    </row>
    <row r="6101" spans="1:5" x14ac:dyDescent="0.25">
      <c r="A6101" s="1">
        <v>43810</v>
      </c>
      <c r="B6101" s="2">
        <v>21.29</v>
      </c>
      <c r="C6101">
        <v>0</v>
      </c>
      <c r="D6101">
        <f t="shared" si="190"/>
        <v>0</v>
      </c>
      <c r="E6101" s="6">
        <f t="shared" si="191"/>
        <v>0</v>
      </c>
    </row>
    <row r="6102" spans="1:5" x14ac:dyDescent="0.25">
      <c r="A6102" s="1">
        <v>43810.041666666664</v>
      </c>
      <c r="B6102" s="2">
        <v>20.149999999999999</v>
      </c>
      <c r="C6102">
        <v>0</v>
      </c>
      <c r="D6102">
        <f t="shared" si="190"/>
        <v>0</v>
      </c>
      <c r="E6102" s="6">
        <f t="shared" si="191"/>
        <v>0</v>
      </c>
    </row>
    <row r="6103" spans="1:5" x14ac:dyDescent="0.25">
      <c r="A6103" s="1">
        <v>43810.083333333336</v>
      </c>
      <c r="B6103" s="2">
        <v>20.09</v>
      </c>
      <c r="C6103">
        <v>0</v>
      </c>
      <c r="D6103">
        <f t="shared" si="190"/>
        <v>0</v>
      </c>
      <c r="E6103" s="6">
        <f t="shared" si="191"/>
        <v>0</v>
      </c>
    </row>
    <row r="6104" spans="1:5" x14ac:dyDescent="0.25">
      <c r="A6104" s="1">
        <v>43810.125</v>
      </c>
      <c r="B6104" s="2">
        <v>20.399999999999999</v>
      </c>
      <c r="C6104">
        <v>0</v>
      </c>
      <c r="D6104">
        <f t="shared" si="190"/>
        <v>0</v>
      </c>
      <c r="E6104" s="6">
        <f t="shared" si="191"/>
        <v>0</v>
      </c>
    </row>
    <row r="6105" spans="1:5" x14ac:dyDescent="0.25">
      <c r="A6105" s="1">
        <v>43810.166666666664</v>
      </c>
      <c r="B6105" s="2">
        <v>21.86</v>
      </c>
      <c r="C6105">
        <v>0</v>
      </c>
      <c r="D6105">
        <f t="shared" si="190"/>
        <v>0</v>
      </c>
      <c r="E6105" s="6">
        <f t="shared" si="191"/>
        <v>0</v>
      </c>
    </row>
    <row r="6106" spans="1:5" x14ac:dyDescent="0.25">
      <c r="A6106" s="1">
        <v>43810.208333333336</v>
      </c>
      <c r="B6106" s="2">
        <v>24.4</v>
      </c>
      <c r="C6106">
        <v>0</v>
      </c>
      <c r="D6106">
        <f t="shared" si="190"/>
        <v>0</v>
      </c>
      <c r="E6106" s="6">
        <f t="shared" si="191"/>
        <v>0</v>
      </c>
    </row>
    <row r="6107" spans="1:5" x14ac:dyDescent="0.25">
      <c r="A6107" s="1">
        <v>43810.25</v>
      </c>
      <c r="B6107" s="2">
        <v>38.33</v>
      </c>
      <c r="C6107">
        <v>0</v>
      </c>
      <c r="D6107">
        <f t="shared" si="190"/>
        <v>0</v>
      </c>
      <c r="E6107" s="6">
        <f t="shared" si="191"/>
        <v>0</v>
      </c>
    </row>
    <row r="6108" spans="1:5" x14ac:dyDescent="0.25">
      <c r="A6108" s="1">
        <v>43810.291666666664</v>
      </c>
      <c r="B6108" s="2">
        <v>49.85</v>
      </c>
      <c r="C6108">
        <v>0</v>
      </c>
      <c r="D6108">
        <f t="shared" si="190"/>
        <v>0</v>
      </c>
      <c r="E6108" s="6">
        <f t="shared" si="191"/>
        <v>0</v>
      </c>
    </row>
    <row r="6109" spans="1:5" x14ac:dyDescent="0.25">
      <c r="A6109" s="1">
        <v>43810.333333333336</v>
      </c>
      <c r="B6109" s="2">
        <v>37.18</v>
      </c>
      <c r="C6109">
        <v>0.83641700000000008</v>
      </c>
      <c r="D6109">
        <f t="shared" si="190"/>
        <v>8.3641700000000011E-4</v>
      </c>
      <c r="E6109" s="6">
        <f t="shared" si="191"/>
        <v>3.1097984060000004E-2</v>
      </c>
    </row>
    <row r="6110" spans="1:5" x14ac:dyDescent="0.25">
      <c r="A6110" s="1">
        <v>43810.375</v>
      </c>
      <c r="B6110" s="2">
        <v>31.97</v>
      </c>
      <c r="C6110">
        <v>2.872217</v>
      </c>
      <c r="D6110">
        <f t="shared" si="190"/>
        <v>2.8722169999999998E-3</v>
      </c>
      <c r="E6110" s="6">
        <f t="shared" si="191"/>
        <v>9.1824777489999995E-2</v>
      </c>
    </row>
    <row r="6111" spans="1:5" x14ac:dyDescent="0.25">
      <c r="A6111" s="1">
        <v>43810.416666666664</v>
      </c>
      <c r="B6111" s="2">
        <v>31.52</v>
      </c>
      <c r="C6111">
        <v>3.531771</v>
      </c>
      <c r="D6111">
        <f t="shared" si="190"/>
        <v>3.531771E-3</v>
      </c>
      <c r="E6111" s="6">
        <f t="shared" si="191"/>
        <v>0.11132142192</v>
      </c>
    </row>
    <row r="6112" spans="1:5" x14ac:dyDescent="0.25">
      <c r="A6112" s="1">
        <v>43810.458333333336</v>
      </c>
      <c r="B6112" s="2">
        <v>27.99</v>
      </c>
      <c r="C6112">
        <v>5.3502529999999995</v>
      </c>
      <c r="D6112">
        <f t="shared" si="190"/>
        <v>5.3502529999999993E-3</v>
      </c>
      <c r="E6112" s="6">
        <f t="shared" si="191"/>
        <v>0.14975358146999998</v>
      </c>
    </row>
    <row r="6113" spans="1:5" x14ac:dyDescent="0.25">
      <c r="A6113" s="1">
        <v>43810.5</v>
      </c>
      <c r="B6113" s="2">
        <v>26.43</v>
      </c>
      <c r="C6113">
        <v>5.5820950000000007</v>
      </c>
      <c r="D6113">
        <f t="shared" si="190"/>
        <v>5.5820950000000005E-3</v>
      </c>
      <c r="E6113" s="6">
        <f t="shared" si="191"/>
        <v>0.14753477085000002</v>
      </c>
    </row>
    <row r="6114" spans="1:5" x14ac:dyDescent="0.25">
      <c r="A6114" s="1">
        <v>43810.541666666664</v>
      </c>
      <c r="B6114" s="2">
        <v>25.34</v>
      </c>
      <c r="C6114">
        <v>3.9250210000000001</v>
      </c>
      <c r="D6114">
        <f t="shared" si="190"/>
        <v>3.9250209999999999E-3</v>
      </c>
      <c r="E6114" s="6">
        <f t="shared" si="191"/>
        <v>9.9460032140000001E-2</v>
      </c>
    </row>
    <row r="6115" spans="1:5" x14ac:dyDescent="0.25">
      <c r="A6115" s="1">
        <v>43810.583333333336</v>
      </c>
      <c r="B6115" s="2">
        <v>25</v>
      </c>
      <c r="C6115">
        <v>2.7772040000000002</v>
      </c>
      <c r="D6115">
        <f t="shared" si="190"/>
        <v>2.7772040000000001E-3</v>
      </c>
      <c r="E6115" s="6">
        <f t="shared" si="191"/>
        <v>6.9430100000000008E-2</v>
      </c>
    </row>
    <row r="6116" spans="1:5" x14ac:dyDescent="0.25">
      <c r="A6116" s="1">
        <v>43810.625</v>
      </c>
      <c r="B6116" s="2">
        <v>25.33</v>
      </c>
      <c r="C6116">
        <v>3.7961529999999999</v>
      </c>
      <c r="D6116">
        <f t="shared" si="190"/>
        <v>3.796153E-3</v>
      </c>
      <c r="E6116" s="6">
        <f t="shared" si="191"/>
        <v>9.615655548999999E-2</v>
      </c>
    </row>
    <row r="6117" spans="1:5" x14ac:dyDescent="0.25">
      <c r="A6117" s="1">
        <v>43810.666666666664</v>
      </c>
      <c r="B6117" s="2">
        <v>30.98</v>
      </c>
      <c r="C6117">
        <v>1.6639889999999999</v>
      </c>
      <c r="D6117">
        <f t="shared" si="190"/>
        <v>1.6639889999999998E-3</v>
      </c>
      <c r="E6117" s="6">
        <f t="shared" si="191"/>
        <v>5.1550379219999998E-2</v>
      </c>
    </row>
    <row r="6118" spans="1:5" x14ac:dyDescent="0.25">
      <c r="A6118" s="1">
        <v>43810.708333333336</v>
      </c>
      <c r="B6118" s="2">
        <v>46.41</v>
      </c>
      <c r="C6118">
        <v>0</v>
      </c>
      <c r="D6118">
        <f t="shared" si="190"/>
        <v>0</v>
      </c>
      <c r="E6118" s="6">
        <f t="shared" si="191"/>
        <v>0</v>
      </c>
    </row>
    <row r="6119" spans="1:5" x14ac:dyDescent="0.25">
      <c r="A6119" s="1">
        <v>43810.75</v>
      </c>
      <c r="B6119" s="2">
        <v>40.799999999999997</v>
      </c>
      <c r="C6119">
        <v>0</v>
      </c>
      <c r="D6119">
        <f t="shared" si="190"/>
        <v>0</v>
      </c>
      <c r="E6119" s="6">
        <f t="shared" si="191"/>
        <v>0</v>
      </c>
    </row>
    <row r="6120" spans="1:5" x14ac:dyDescent="0.25">
      <c r="A6120" s="1">
        <v>43810.791666666664</v>
      </c>
      <c r="B6120" s="2">
        <v>39.42</v>
      </c>
      <c r="C6120">
        <v>0</v>
      </c>
      <c r="D6120">
        <f t="shared" si="190"/>
        <v>0</v>
      </c>
      <c r="E6120" s="6">
        <f t="shared" si="191"/>
        <v>0</v>
      </c>
    </row>
    <row r="6121" spans="1:5" x14ac:dyDescent="0.25">
      <c r="A6121" s="1">
        <v>43810.833333333336</v>
      </c>
      <c r="B6121" s="2">
        <v>35.06</v>
      </c>
      <c r="C6121">
        <v>0</v>
      </c>
      <c r="D6121">
        <f t="shared" si="190"/>
        <v>0</v>
      </c>
      <c r="E6121" s="6">
        <f t="shared" si="191"/>
        <v>0</v>
      </c>
    </row>
    <row r="6122" spans="1:5" x14ac:dyDescent="0.25">
      <c r="A6122" s="1">
        <v>43810.875</v>
      </c>
      <c r="B6122" s="2">
        <v>32.42</v>
      </c>
      <c r="C6122">
        <v>0</v>
      </c>
      <c r="D6122">
        <f t="shared" si="190"/>
        <v>0</v>
      </c>
      <c r="E6122" s="6">
        <f t="shared" si="191"/>
        <v>0</v>
      </c>
    </row>
    <row r="6123" spans="1:5" x14ac:dyDescent="0.25">
      <c r="A6123" s="1">
        <v>43810.916666666664</v>
      </c>
      <c r="B6123" s="2">
        <v>28.17</v>
      </c>
      <c r="C6123">
        <v>0</v>
      </c>
      <c r="D6123">
        <f t="shared" si="190"/>
        <v>0</v>
      </c>
      <c r="E6123" s="6">
        <f t="shared" si="191"/>
        <v>0</v>
      </c>
    </row>
    <row r="6124" spans="1:5" x14ac:dyDescent="0.25">
      <c r="A6124" s="1">
        <v>43810.958333333336</v>
      </c>
      <c r="B6124" s="2">
        <v>25.4</v>
      </c>
      <c r="C6124">
        <v>0</v>
      </c>
      <c r="D6124">
        <f t="shared" si="190"/>
        <v>0</v>
      </c>
      <c r="E6124" s="6">
        <f t="shared" si="191"/>
        <v>0</v>
      </c>
    </row>
    <row r="6125" spans="1:5" x14ac:dyDescent="0.25">
      <c r="A6125" s="1">
        <v>43811</v>
      </c>
      <c r="B6125" s="2">
        <v>25.93</v>
      </c>
      <c r="C6125">
        <v>0</v>
      </c>
      <c r="D6125">
        <f t="shared" si="190"/>
        <v>0</v>
      </c>
      <c r="E6125" s="6">
        <f t="shared" si="191"/>
        <v>0</v>
      </c>
    </row>
    <row r="6126" spans="1:5" x14ac:dyDescent="0.25">
      <c r="A6126" s="1">
        <v>43811.041666666664</v>
      </c>
      <c r="B6126" s="2">
        <v>25.31</v>
      </c>
      <c r="C6126">
        <v>0</v>
      </c>
      <c r="D6126">
        <f t="shared" si="190"/>
        <v>0</v>
      </c>
      <c r="E6126" s="6">
        <f t="shared" si="191"/>
        <v>0</v>
      </c>
    </row>
    <row r="6127" spans="1:5" x14ac:dyDescent="0.25">
      <c r="A6127" s="1">
        <v>43811.083333333336</v>
      </c>
      <c r="B6127" s="2">
        <v>25.26</v>
      </c>
      <c r="C6127">
        <v>0</v>
      </c>
      <c r="D6127">
        <f t="shared" si="190"/>
        <v>0</v>
      </c>
      <c r="E6127" s="6">
        <f t="shared" si="191"/>
        <v>0</v>
      </c>
    </row>
    <row r="6128" spans="1:5" x14ac:dyDescent="0.25">
      <c r="A6128" s="1">
        <v>43811.125</v>
      </c>
      <c r="B6128" s="2">
        <v>25.2</v>
      </c>
      <c r="C6128">
        <v>0</v>
      </c>
      <c r="D6128">
        <f t="shared" si="190"/>
        <v>0</v>
      </c>
      <c r="E6128" s="6">
        <f t="shared" si="191"/>
        <v>0</v>
      </c>
    </row>
    <row r="6129" spans="1:5" x14ac:dyDescent="0.25">
      <c r="A6129" s="1">
        <v>43811.166666666664</v>
      </c>
      <c r="B6129" s="2">
        <v>27.19</v>
      </c>
      <c r="C6129">
        <v>0</v>
      </c>
      <c r="D6129">
        <f t="shared" si="190"/>
        <v>0</v>
      </c>
      <c r="E6129" s="6">
        <f t="shared" si="191"/>
        <v>0</v>
      </c>
    </row>
    <row r="6130" spans="1:5" x14ac:dyDescent="0.25">
      <c r="A6130" s="1">
        <v>43811.208333333336</v>
      </c>
      <c r="B6130" s="2">
        <v>33.44</v>
      </c>
      <c r="C6130">
        <v>0</v>
      </c>
      <c r="D6130">
        <f t="shared" si="190"/>
        <v>0</v>
      </c>
      <c r="E6130" s="6">
        <f t="shared" si="191"/>
        <v>0</v>
      </c>
    </row>
    <row r="6131" spans="1:5" x14ac:dyDescent="0.25">
      <c r="A6131" s="1">
        <v>43811.25</v>
      </c>
      <c r="B6131" s="2">
        <v>59.91</v>
      </c>
      <c r="C6131">
        <v>0</v>
      </c>
      <c r="D6131">
        <f t="shared" si="190"/>
        <v>0</v>
      </c>
      <c r="E6131" s="6">
        <f t="shared" si="191"/>
        <v>0</v>
      </c>
    </row>
    <row r="6132" spans="1:5" x14ac:dyDescent="0.25">
      <c r="A6132" s="1">
        <v>43811.291666666664</v>
      </c>
      <c r="B6132" s="2">
        <v>74.489999999999995</v>
      </c>
      <c r="C6132">
        <v>0</v>
      </c>
      <c r="D6132">
        <f t="shared" si="190"/>
        <v>0</v>
      </c>
      <c r="E6132" s="6">
        <f t="shared" si="191"/>
        <v>0</v>
      </c>
    </row>
    <row r="6133" spans="1:5" x14ac:dyDescent="0.25">
      <c r="A6133" s="1">
        <v>43811.333333333336</v>
      </c>
      <c r="B6133" s="2">
        <v>41.96</v>
      </c>
      <c r="C6133">
        <v>0.50441000000000003</v>
      </c>
      <c r="D6133">
        <f t="shared" si="190"/>
        <v>5.0441000000000006E-4</v>
      </c>
      <c r="E6133" s="6">
        <f t="shared" si="191"/>
        <v>2.1165043600000003E-2</v>
      </c>
    </row>
    <row r="6134" spans="1:5" x14ac:dyDescent="0.25">
      <c r="A6134" s="1">
        <v>43811.375</v>
      </c>
      <c r="B6134" s="2">
        <v>32.08</v>
      </c>
      <c r="C6134">
        <v>0.34982100000000005</v>
      </c>
      <c r="D6134">
        <f t="shared" si="190"/>
        <v>3.4982100000000005E-4</v>
      </c>
      <c r="E6134" s="6">
        <f t="shared" si="191"/>
        <v>1.1222257680000002E-2</v>
      </c>
    </row>
    <row r="6135" spans="1:5" x14ac:dyDescent="0.25">
      <c r="A6135" s="1">
        <v>43811.416666666664</v>
      </c>
      <c r="B6135" s="2">
        <v>28.62</v>
      </c>
      <c r="C6135">
        <v>0.66363800000000006</v>
      </c>
      <c r="D6135">
        <f t="shared" si="190"/>
        <v>6.6363800000000003E-4</v>
      </c>
      <c r="E6135" s="6">
        <f t="shared" si="191"/>
        <v>1.8993319560000003E-2</v>
      </c>
    </row>
    <row r="6136" spans="1:5" x14ac:dyDescent="0.25">
      <c r="A6136" s="1">
        <v>43811.458333333336</v>
      </c>
      <c r="B6136" s="2">
        <v>25.34</v>
      </c>
      <c r="C6136">
        <v>1.3195429999999999</v>
      </c>
      <c r="D6136">
        <f t="shared" si="190"/>
        <v>1.3195429999999998E-3</v>
      </c>
      <c r="E6136" s="6">
        <f t="shared" si="191"/>
        <v>3.3437219619999993E-2</v>
      </c>
    </row>
    <row r="6137" spans="1:5" x14ac:dyDescent="0.25">
      <c r="A6137" s="1">
        <v>43811.5</v>
      </c>
      <c r="B6137" s="2">
        <v>24.24</v>
      </c>
      <c r="C6137">
        <v>2.5117440000000002</v>
      </c>
      <c r="D6137">
        <f t="shared" si="190"/>
        <v>2.5117440000000002E-3</v>
      </c>
      <c r="E6137" s="6">
        <f t="shared" si="191"/>
        <v>6.0884674560000004E-2</v>
      </c>
    </row>
    <row r="6138" spans="1:5" x14ac:dyDescent="0.25">
      <c r="A6138" s="1">
        <v>43811.541666666664</v>
      </c>
      <c r="B6138" s="2">
        <v>23.72</v>
      </c>
      <c r="C6138">
        <v>0.77776800000000001</v>
      </c>
      <c r="D6138">
        <f t="shared" si="190"/>
        <v>7.7776799999999997E-4</v>
      </c>
      <c r="E6138" s="6">
        <f t="shared" si="191"/>
        <v>1.8448656959999997E-2</v>
      </c>
    </row>
    <row r="6139" spans="1:5" x14ac:dyDescent="0.25">
      <c r="A6139" s="1">
        <v>43811.583333333336</v>
      </c>
      <c r="B6139" s="2">
        <v>23.53</v>
      </c>
      <c r="C6139">
        <v>1.2573910000000001</v>
      </c>
      <c r="D6139">
        <f t="shared" si="190"/>
        <v>1.2573910000000001E-3</v>
      </c>
      <c r="E6139" s="6">
        <f t="shared" si="191"/>
        <v>2.9586410230000002E-2</v>
      </c>
    </row>
    <row r="6140" spans="1:5" x14ac:dyDescent="0.25">
      <c r="A6140" s="1">
        <v>43811.625</v>
      </c>
      <c r="B6140" s="2">
        <v>23.9</v>
      </c>
      <c r="C6140">
        <v>2.072406</v>
      </c>
      <c r="D6140">
        <f t="shared" si="190"/>
        <v>2.0724060000000002E-3</v>
      </c>
      <c r="E6140" s="6">
        <f t="shared" si="191"/>
        <v>4.9530503400000002E-2</v>
      </c>
    </row>
    <row r="6141" spans="1:5" x14ac:dyDescent="0.25">
      <c r="A6141" s="1">
        <v>43811.666666666664</v>
      </c>
      <c r="B6141" s="2">
        <v>27.79</v>
      </c>
      <c r="C6141">
        <v>0.18735400000000002</v>
      </c>
      <c r="D6141">
        <f t="shared" si="190"/>
        <v>1.8735400000000001E-4</v>
      </c>
      <c r="E6141" s="6">
        <f t="shared" si="191"/>
        <v>5.2065676600000005E-3</v>
      </c>
    </row>
    <row r="6142" spans="1:5" x14ac:dyDescent="0.25">
      <c r="A6142" s="1">
        <v>43811.708333333336</v>
      </c>
      <c r="B6142" s="2">
        <v>38.520000000000003</v>
      </c>
      <c r="C6142">
        <v>0</v>
      </c>
      <c r="D6142">
        <f t="shared" si="190"/>
        <v>0</v>
      </c>
      <c r="E6142" s="6">
        <f t="shared" si="191"/>
        <v>0</v>
      </c>
    </row>
    <row r="6143" spans="1:5" x14ac:dyDescent="0.25">
      <c r="A6143" s="1">
        <v>43811.75</v>
      </c>
      <c r="B6143" s="2">
        <v>35.71</v>
      </c>
      <c r="C6143">
        <v>0</v>
      </c>
      <c r="D6143">
        <f t="shared" si="190"/>
        <v>0</v>
      </c>
      <c r="E6143" s="6">
        <f t="shared" si="191"/>
        <v>0</v>
      </c>
    </row>
    <row r="6144" spans="1:5" x14ac:dyDescent="0.25">
      <c r="A6144" s="1">
        <v>43811.791666666664</v>
      </c>
      <c r="B6144" s="2">
        <v>35.08</v>
      </c>
      <c r="C6144">
        <v>0</v>
      </c>
      <c r="D6144">
        <f t="shared" si="190"/>
        <v>0</v>
      </c>
      <c r="E6144" s="6">
        <f t="shared" si="191"/>
        <v>0</v>
      </c>
    </row>
    <row r="6145" spans="1:5" x14ac:dyDescent="0.25">
      <c r="A6145" s="1">
        <v>43811.833333333336</v>
      </c>
      <c r="B6145" s="2">
        <v>31.81</v>
      </c>
      <c r="C6145">
        <v>0</v>
      </c>
      <c r="D6145">
        <f t="shared" si="190"/>
        <v>0</v>
      </c>
      <c r="E6145" s="6">
        <f t="shared" si="191"/>
        <v>0</v>
      </c>
    </row>
    <row r="6146" spans="1:5" x14ac:dyDescent="0.25">
      <c r="A6146" s="1">
        <v>43811.875</v>
      </c>
      <c r="B6146" s="2">
        <v>28.65</v>
      </c>
      <c r="C6146">
        <v>0</v>
      </c>
      <c r="D6146">
        <f t="shared" si="190"/>
        <v>0</v>
      </c>
      <c r="E6146" s="6">
        <f t="shared" si="191"/>
        <v>0</v>
      </c>
    </row>
    <row r="6147" spans="1:5" x14ac:dyDescent="0.25">
      <c r="A6147" s="1">
        <v>43811.916666666664</v>
      </c>
      <c r="B6147" s="2">
        <v>25.02</v>
      </c>
      <c r="C6147">
        <v>0</v>
      </c>
      <c r="D6147">
        <f t="shared" si="190"/>
        <v>0</v>
      </c>
      <c r="E6147" s="6">
        <f t="shared" si="191"/>
        <v>0</v>
      </c>
    </row>
    <row r="6148" spans="1:5" x14ac:dyDescent="0.25">
      <c r="A6148" s="1">
        <v>43811.958333333336</v>
      </c>
      <c r="B6148" s="2">
        <v>23.78</v>
      </c>
      <c r="C6148">
        <v>0</v>
      </c>
      <c r="D6148">
        <f t="shared" si="190"/>
        <v>0</v>
      </c>
      <c r="E6148" s="6">
        <f t="shared" si="191"/>
        <v>0</v>
      </c>
    </row>
    <row r="6149" spans="1:5" x14ac:dyDescent="0.25">
      <c r="A6149" s="1">
        <v>43812</v>
      </c>
      <c r="B6149" s="2">
        <v>21.7</v>
      </c>
      <c r="C6149">
        <v>0</v>
      </c>
      <c r="D6149">
        <f t="shared" si="190"/>
        <v>0</v>
      </c>
      <c r="E6149" s="6">
        <f t="shared" si="191"/>
        <v>0</v>
      </c>
    </row>
    <row r="6150" spans="1:5" x14ac:dyDescent="0.25">
      <c r="A6150" s="1">
        <v>43812.041666666664</v>
      </c>
      <c r="B6150" s="2">
        <v>21.39</v>
      </c>
      <c r="C6150">
        <v>0</v>
      </c>
      <c r="D6150">
        <f t="shared" ref="D6150:D6213" si="192">C6150/1000</f>
        <v>0</v>
      </c>
      <c r="E6150" s="6">
        <f t="shared" ref="E6150:E6213" si="193">D6150*B6150</f>
        <v>0</v>
      </c>
    </row>
    <row r="6151" spans="1:5" x14ac:dyDescent="0.25">
      <c r="A6151" s="1">
        <v>43812.083333333336</v>
      </c>
      <c r="B6151" s="2">
        <v>21.12</v>
      </c>
      <c r="C6151">
        <v>0</v>
      </c>
      <c r="D6151">
        <f t="shared" si="192"/>
        <v>0</v>
      </c>
      <c r="E6151" s="6">
        <f t="shared" si="193"/>
        <v>0</v>
      </c>
    </row>
    <row r="6152" spans="1:5" x14ac:dyDescent="0.25">
      <c r="A6152" s="1">
        <v>43812.125</v>
      </c>
      <c r="B6152" s="2">
        <v>21.18</v>
      </c>
      <c r="C6152">
        <v>0</v>
      </c>
      <c r="D6152">
        <f t="shared" si="192"/>
        <v>0</v>
      </c>
      <c r="E6152" s="6">
        <f t="shared" si="193"/>
        <v>0</v>
      </c>
    </row>
    <row r="6153" spans="1:5" x14ac:dyDescent="0.25">
      <c r="A6153" s="1">
        <v>43812.166666666664</v>
      </c>
      <c r="B6153" s="2">
        <v>21.88</v>
      </c>
      <c r="C6153">
        <v>0</v>
      </c>
      <c r="D6153">
        <f t="shared" si="192"/>
        <v>0</v>
      </c>
      <c r="E6153" s="6">
        <f t="shared" si="193"/>
        <v>0</v>
      </c>
    </row>
    <row r="6154" spans="1:5" x14ac:dyDescent="0.25">
      <c r="A6154" s="1">
        <v>43812.208333333336</v>
      </c>
      <c r="B6154" s="2">
        <v>24.76</v>
      </c>
      <c r="C6154">
        <v>0</v>
      </c>
      <c r="D6154">
        <f t="shared" si="192"/>
        <v>0</v>
      </c>
      <c r="E6154" s="6">
        <f t="shared" si="193"/>
        <v>0</v>
      </c>
    </row>
    <row r="6155" spans="1:5" x14ac:dyDescent="0.25">
      <c r="A6155" s="1">
        <v>43812.25</v>
      </c>
      <c r="B6155" s="2">
        <v>31.03</v>
      </c>
      <c r="C6155">
        <v>0</v>
      </c>
      <c r="D6155">
        <f t="shared" si="192"/>
        <v>0</v>
      </c>
      <c r="E6155" s="6">
        <f t="shared" si="193"/>
        <v>0</v>
      </c>
    </row>
    <row r="6156" spans="1:5" x14ac:dyDescent="0.25">
      <c r="A6156" s="1">
        <v>43812.291666666664</v>
      </c>
      <c r="B6156" s="2">
        <v>37.130000000000003</v>
      </c>
      <c r="C6156">
        <v>0</v>
      </c>
      <c r="D6156">
        <f t="shared" si="192"/>
        <v>0</v>
      </c>
      <c r="E6156" s="6">
        <f t="shared" si="193"/>
        <v>0</v>
      </c>
    </row>
    <row r="6157" spans="1:5" x14ac:dyDescent="0.25">
      <c r="A6157" s="1">
        <v>43812.333333333336</v>
      </c>
      <c r="B6157" s="2">
        <v>29.87</v>
      </c>
      <c r="C6157">
        <v>0</v>
      </c>
      <c r="D6157">
        <f t="shared" si="192"/>
        <v>0</v>
      </c>
      <c r="E6157" s="6">
        <f t="shared" si="193"/>
        <v>0</v>
      </c>
    </row>
    <row r="6158" spans="1:5" x14ac:dyDescent="0.25">
      <c r="A6158" s="1">
        <v>43812.375</v>
      </c>
      <c r="B6158" s="2">
        <v>29.97</v>
      </c>
      <c r="C6158">
        <v>0.161438</v>
      </c>
      <c r="D6158">
        <f t="shared" si="192"/>
        <v>1.6143799999999999E-4</v>
      </c>
      <c r="E6158" s="6">
        <f t="shared" si="193"/>
        <v>4.8382968599999998E-3</v>
      </c>
    </row>
    <row r="6159" spans="1:5" x14ac:dyDescent="0.25">
      <c r="A6159" s="1">
        <v>43812.416666666664</v>
      </c>
      <c r="B6159" s="2">
        <v>29.62</v>
      </c>
      <c r="C6159">
        <v>1.000604</v>
      </c>
      <c r="D6159">
        <f t="shared" si="192"/>
        <v>1.000604E-3</v>
      </c>
      <c r="E6159" s="6">
        <f t="shared" si="193"/>
        <v>2.9637890480000002E-2</v>
      </c>
    </row>
    <row r="6160" spans="1:5" x14ac:dyDescent="0.25">
      <c r="A6160" s="1">
        <v>43812.458333333336</v>
      </c>
      <c r="B6160" s="2">
        <v>26.55</v>
      </c>
      <c r="C6160">
        <v>1.410825</v>
      </c>
      <c r="D6160">
        <f t="shared" si="192"/>
        <v>1.4108250000000001E-3</v>
      </c>
      <c r="E6160" s="6">
        <f t="shared" si="193"/>
        <v>3.7457403750000007E-2</v>
      </c>
    </row>
    <row r="6161" spans="1:5" x14ac:dyDescent="0.25">
      <c r="A6161" s="1">
        <v>43812.5</v>
      </c>
      <c r="B6161" s="2">
        <v>25.41</v>
      </c>
      <c r="C6161">
        <v>0.93108100000000005</v>
      </c>
      <c r="D6161">
        <f t="shared" si="192"/>
        <v>9.3108100000000005E-4</v>
      </c>
      <c r="E6161" s="6">
        <f t="shared" si="193"/>
        <v>2.365876821E-2</v>
      </c>
    </row>
    <row r="6162" spans="1:5" x14ac:dyDescent="0.25">
      <c r="A6162" s="1">
        <v>43812.541666666664</v>
      </c>
      <c r="B6162" s="2">
        <v>25.28</v>
      </c>
      <c r="C6162">
        <v>0.96002700000000007</v>
      </c>
      <c r="D6162">
        <f t="shared" si="192"/>
        <v>9.6002700000000012E-4</v>
      </c>
      <c r="E6162" s="6">
        <f t="shared" si="193"/>
        <v>2.4269482560000003E-2</v>
      </c>
    </row>
    <row r="6163" spans="1:5" x14ac:dyDescent="0.25">
      <c r="A6163" s="1">
        <v>43812.583333333336</v>
      </c>
      <c r="B6163" s="2">
        <v>24.54</v>
      </c>
      <c r="C6163">
        <v>0.59134299999999995</v>
      </c>
      <c r="D6163">
        <f t="shared" si="192"/>
        <v>5.9134299999999993E-4</v>
      </c>
      <c r="E6163" s="6">
        <f t="shared" si="193"/>
        <v>1.4511557219999997E-2</v>
      </c>
    </row>
    <row r="6164" spans="1:5" x14ac:dyDescent="0.25">
      <c r="A6164" s="1">
        <v>43812.625</v>
      </c>
      <c r="B6164" s="2">
        <v>24.31</v>
      </c>
      <c r="C6164">
        <v>0.21624000000000002</v>
      </c>
      <c r="D6164">
        <f t="shared" si="192"/>
        <v>2.1624E-4</v>
      </c>
      <c r="E6164" s="6">
        <f t="shared" si="193"/>
        <v>5.2567943999999997E-3</v>
      </c>
    </row>
    <row r="6165" spans="1:5" x14ac:dyDescent="0.25">
      <c r="A6165" s="1">
        <v>43812.666666666664</v>
      </c>
      <c r="B6165" s="2">
        <v>26.96</v>
      </c>
      <c r="C6165">
        <v>1.0416869999999998</v>
      </c>
      <c r="D6165">
        <f t="shared" si="192"/>
        <v>1.0416869999999999E-3</v>
      </c>
      <c r="E6165" s="6">
        <f t="shared" si="193"/>
        <v>2.8083881519999999E-2</v>
      </c>
    </row>
    <row r="6166" spans="1:5" x14ac:dyDescent="0.25">
      <c r="A6166" s="1">
        <v>43812.708333333336</v>
      </c>
      <c r="B6166" s="2">
        <v>35.01</v>
      </c>
      <c r="C6166">
        <v>0</v>
      </c>
      <c r="D6166">
        <f t="shared" si="192"/>
        <v>0</v>
      </c>
      <c r="E6166" s="6">
        <f t="shared" si="193"/>
        <v>0</v>
      </c>
    </row>
    <row r="6167" spans="1:5" x14ac:dyDescent="0.25">
      <c r="A6167" s="1">
        <v>43812.75</v>
      </c>
      <c r="B6167" s="2">
        <v>31.51</v>
      </c>
      <c r="C6167">
        <v>0</v>
      </c>
      <c r="D6167">
        <f t="shared" si="192"/>
        <v>0</v>
      </c>
      <c r="E6167" s="6">
        <f t="shared" si="193"/>
        <v>0</v>
      </c>
    </row>
    <row r="6168" spans="1:5" x14ac:dyDescent="0.25">
      <c r="A6168" s="1">
        <v>43812.791666666664</v>
      </c>
      <c r="B6168" s="2">
        <v>30.34</v>
      </c>
      <c r="C6168">
        <v>0</v>
      </c>
      <c r="D6168">
        <f t="shared" si="192"/>
        <v>0</v>
      </c>
      <c r="E6168" s="6">
        <f t="shared" si="193"/>
        <v>0</v>
      </c>
    </row>
    <row r="6169" spans="1:5" x14ac:dyDescent="0.25">
      <c r="A6169" s="1">
        <v>43812.833333333336</v>
      </c>
      <c r="B6169" s="2">
        <v>26.94</v>
      </c>
      <c r="C6169">
        <v>0</v>
      </c>
      <c r="D6169">
        <f t="shared" si="192"/>
        <v>0</v>
      </c>
      <c r="E6169" s="6">
        <f t="shared" si="193"/>
        <v>0</v>
      </c>
    </row>
    <row r="6170" spans="1:5" x14ac:dyDescent="0.25">
      <c r="A6170" s="1">
        <v>43812.875</v>
      </c>
      <c r="B6170" s="2">
        <v>24.46</v>
      </c>
      <c r="C6170">
        <v>0</v>
      </c>
      <c r="D6170">
        <f t="shared" si="192"/>
        <v>0</v>
      </c>
      <c r="E6170" s="6">
        <f t="shared" si="193"/>
        <v>0</v>
      </c>
    </row>
    <row r="6171" spans="1:5" x14ac:dyDescent="0.25">
      <c r="A6171" s="1">
        <v>43812.916666666664</v>
      </c>
      <c r="B6171" s="2">
        <v>23.16</v>
      </c>
      <c r="C6171">
        <v>0</v>
      </c>
      <c r="D6171">
        <f t="shared" si="192"/>
        <v>0</v>
      </c>
      <c r="E6171" s="6">
        <f t="shared" si="193"/>
        <v>0</v>
      </c>
    </row>
    <row r="6172" spans="1:5" x14ac:dyDescent="0.25">
      <c r="A6172" s="1">
        <v>43812.958333333336</v>
      </c>
      <c r="B6172" s="2">
        <v>22.08</v>
      </c>
      <c r="C6172">
        <v>0</v>
      </c>
      <c r="D6172">
        <f t="shared" si="192"/>
        <v>0</v>
      </c>
      <c r="E6172" s="6">
        <f t="shared" si="193"/>
        <v>0</v>
      </c>
    </row>
    <row r="6173" spans="1:5" x14ac:dyDescent="0.25">
      <c r="A6173" s="1">
        <v>43813</v>
      </c>
      <c r="B6173" s="2">
        <v>20.74</v>
      </c>
      <c r="C6173">
        <v>0</v>
      </c>
      <c r="D6173">
        <f t="shared" si="192"/>
        <v>0</v>
      </c>
      <c r="E6173" s="6">
        <f t="shared" si="193"/>
        <v>0</v>
      </c>
    </row>
    <row r="6174" spans="1:5" x14ac:dyDescent="0.25">
      <c r="A6174" s="1">
        <v>43813.041666666664</v>
      </c>
      <c r="B6174" s="2">
        <v>20.52</v>
      </c>
      <c r="C6174">
        <v>0</v>
      </c>
      <c r="D6174">
        <f t="shared" si="192"/>
        <v>0</v>
      </c>
      <c r="E6174" s="6">
        <f t="shared" si="193"/>
        <v>0</v>
      </c>
    </row>
    <row r="6175" spans="1:5" x14ac:dyDescent="0.25">
      <c r="A6175" s="1">
        <v>43813.083333333336</v>
      </c>
      <c r="B6175" s="2">
        <v>20.170000000000002</v>
      </c>
      <c r="C6175">
        <v>0</v>
      </c>
      <c r="D6175">
        <f t="shared" si="192"/>
        <v>0</v>
      </c>
      <c r="E6175" s="6">
        <f t="shared" si="193"/>
        <v>0</v>
      </c>
    </row>
    <row r="6176" spans="1:5" x14ac:dyDescent="0.25">
      <c r="A6176" s="1">
        <v>43813.125</v>
      </c>
      <c r="B6176" s="2">
        <v>19.8</v>
      </c>
      <c r="C6176">
        <v>0</v>
      </c>
      <c r="D6176">
        <f t="shared" si="192"/>
        <v>0</v>
      </c>
      <c r="E6176" s="6">
        <f t="shared" si="193"/>
        <v>0</v>
      </c>
    </row>
    <row r="6177" spans="1:5" x14ac:dyDescent="0.25">
      <c r="A6177" s="1">
        <v>43813.166666666664</v>
      </c>
      <c r="B6177" s="2">
        <v>20.100000000000001</v>
      </c>
      <c r="C6177">
        <v>0</v>
      </c>
      <c r="D6177">
        <f t="shared" si="192"/>
        <v>0</v>
      </c>
      <c r="E6177" s="6">
        <f t="shared" si="193"/>
        <v>0</v>
      </c>
    </row>
    <row r="6178" spans="1:5" x14ac:dyDescent="0.25">
      <c r="A6178" s="1">
        <v>43813.208333333336</v>
      </c>
      <c r="B6178" s="2">
        <v>19.88</v>
      </c>
      <c r="C6178">
        <v>0</v>
      </c>
      <c r="D6178">
        <f t="shared" si="192"/>
        <v>0</v>
      </c>
      <c r="E6178" s="6">
        <f t="shared" si="193"/>
        <v>0</v>
      </c>
    </row>
    <row r="6179" spans="1:5" x14ac:dyDescent="0.25">
      <c r="A6179" s="1">
        <v>43813.25</v>
      </c>
      <c r="B6179" s="2">
        <v>21.25</v>
      </c>
      <c r="C6179">
        <v>0</v>
      </c>
      <c r="D6179">
        <f t="shared" si="192"/>
        <v>0</v>
      </c>
      <c r="E6179" s="6">
        <f t="shared" si="193"/>
        <v>0</v>
      </c>
    </row>
    <row r="6180" spans="1:5" x14ac:dyDescent="0.25">
      <c r="A6180" s="1">
        <v>43813.291666666664</v>
      </c>
      <c r="B6180" s="2">
        <v>23.89</v>
      </c>
      <c r="C6180">
        <v>0</v>
      </c>
      <c r="D6180">
        <f t="shared" si="192"/>
        <v>0</v>
      </c>
      <c r="E6180" s="6">
        <f t="shared" si="193"/>
        <v>0</v>
      </c>
    </row>
    <row r="6181" spans="1:5" x14ac:dyDescent="0.25">
      <c r="A6181" s="1">
        <v>43813.333333333336</v>
      </c>
      <c r="B6181" s="2">
        <v>24.61</v>
      </c>
      <c r="C6181">
        <v>0.39271499999999998</v>
      </c>
      <c r="D6181">
        <f t="shared" si="192"/>
        <v>3.9271499999999997E-4</v>
      </c>
      <c r="E6181" s="6">
        <f t="shared" si="193"/>
        <v>9.6647161499999988E-3</v>
      </c>
    </row>
    <row r="6182" spans="1:5" x14ac:dyDescent="0.25">
      <c r="A6182" s="1">
        <v>43813.375</v>
      </c>
      <c r="B6182" s="2">
        <v>25.17</v>
      </c>
      <c r="C6182">
        <v>0.77754200000000007</v>
      </c>
      <c r="D6182">
        <f t="shared" si="192"/>
        <v>7.775420000000001E-4</v>
      </c>
      <c r="E6182" s="6">
        <f t="shared" si="193"/>
        <v>1.9570732140000005E-2</v>
      </c>
    </row>
    <row r="6183" spans="1:5" x14ac:dyDescent="0.25">
      <c r="A6183" s="1">
        <v>43813.416666666664</v>
      </c>
      <c r="B6183" s="2">
        <v>25.69</v>
      </c>
      <c r="C6183">
        <v>0.9644640000000001</v>
      </c>
      <c r="D6183">
        <f t="shared" si="192"/>
        <v>9.6446400000000005E-4</v>
      </c>
      <c r="E6183" s="6">
        <f t="shared" si="193"/>
        <v>2.4777080160000003E-2</v>
      </c>
    </row>
    <row r="6184" spans="1:5" x14ac:dyDescent="0.25">
      <c r="A6184" s="1">
        <v>43813.458333333336</v>
      </c>
      <c r="B6184" s="2">
        <v>24.39</v>
      </c>
      <c r="C6184">
        <v>1.194334</v>
      </c>
      <c r="D6184">
        <f t="shared" si="192"/>
        <v>1.194334E-3</v>
      </c>
      <c r="E6184" s="6">
        <f t="shared" si="193"/>
        <v>2.9129806260000002E-2</v>
      </c>
    </row>
    <row r="6185" spans="1:5" x14ac:dyDescent="0.25">
      <c r="A6185" s="1">
        <v>43813.5</v>
      </c>
      <c r="B6185" s="2">
        <v>23.6</v>
      </c>
      <c r="C6185">
        <v>1.251849</v>
      </c>
      <c r="D6185">
        <f t="shared" si="192"/>
        <v>1.251849E-3</v>
      </c>
      <c r="E6185" s="6">
        <f t="shared" si="193"/>
        <v>2.95436364E-2</v>
      </c>
    </row>
    <row r="6186" spans="1:5" x14ac:dyDescent="0.25">
      <c r="A6186" s="1">
        <v>43813.541666666664</v>
      </c>
      <c r="B6186" s="2">
        <v>22.74</v>
      </c>
      <c r="C6186">
        <v>2.2361430000000002</v>
      </c>
      <c r="D6186">
        <f t="shared" si="192"/>
        <v>2.2361430000000003E-3</v>
      </c>
      <c r="E6186" s="6">
        <f t="shared" si="193"/>
        <v>5.0849891820000007E-2</v>
      </c>
    </row>
    <row r="6187" spans="1:5" x14ac:dyDescent="0.25">
      <c r="A6187" s="1">
        <v>43813.583333333336</v>
      </c>
      <c r="B6187" s="2">
        <v>21.7</v>
      </c>
      <c r="C6187">
        <v>1.4506330000000001</v>
      </c>
      <c r="D6187">
        <f t="shared" si="192"/>
        <v>1.450633E-3</v>
      </c>
      <c r="E6187" s="6">
        <f t="shared" si="193"/>
        <v>3.1478736100000002E-2</v>
      </c>
    </row>
    <row r="6188" spans="1:5" x14ac:dyDescent="0.25">
      <c r="A6188" s="1">
        <v>43813.625</v>
      </c>
      <c r="B6188" s="2">
        <v>21.08</v>
      </c>
      <c r="C6188">
        <v>3.9579260000000001</v>
      </c>
      <c r="D6188">
        <f t="shared" si="192"/>
        <v>3.9579259999999996E-3</v>
      </c>
      <c r="E6188" s="6">
        <f t="shared" si="193"/>
        <v>8.3433080079999986E-2</v>
      </c>
    </row>
    <row r="6189" spans="1:5" x14ac:dyDescent="0.25">
      <c r="A6189" s="1">
        <v>43813.666666666664</v>
      </c>
      <c r="B6189" s="2">
        <v>23.09</v>
      </c>
      <c r="C6189">
        <v>1.7723949999999999</v>
      </c>
      <c r="D6189">
        <f t="shared" si="192"/>
        <v>1.772395E-3</v>
      </c>
      <c r="E6189" s="6">
        <f t="shared" si="193"/>
        <v>4.0924600549999995E-2</v>
      </c>
    </row>
    <row r="6190" spans="1:5" x14ac:dyDescent="0.25">
      <c r="A6190" s="1">
        <v>43813.708333333336</v>
      </c>
      <c r="B6190" s="2">
        <v>25.58</v>
      </c>
      <c r="C6190">
        <v>0</v>
      </c>
      <c r="D6190">
        <f t="shared" si="192"/>
        <v>0</v>
      </c>
      <c r="E6190" s="6">
        <f t="shared" si="193"/>
        <v>0</v>
      </c>
    </row>
    <row r="6191" spans="1:5" x14ac:dyDescent="0.25">
      <c r="A6191" s="1">
        <v>43813.75</v>
      </c>
      <c r="B6191" s="2">
        <v>24.7</v>
      </c>
      <c r="C6191">
        <v>0</v>
      </c>
      <c r="D6191">
        <f t="shared" si="192"/>
        <v>0</v>
      </c>
      <c r="E6191" s="6">
        <f t="shared" si="193"/>
        <v>0</v>
      </c>
    </row>
    <row r="6192" spans="1:5" x14ac:dyDescent="0.25">
      <c r="A6192" s="1">
        <v>43813.791666666664</v>
      </c>
      <c r="B6192" s="2">
        <v>25.45</v>
      </c>
      <c r="C6192">
        <v>0</v>
      </c>
      <c r="D6192">
        <f t="shared" si="192"/>
        <v>0</v>
      </c>
      <c r="E6192" s="6">
        <f t="shared" si="193"/>
        <v>0</v>
      </c>
    </row>
    <row r="6193" spans="1:5" x14ac:dyDescent="0.25">
      <c r="A6193" s="1">
        <v>43813.833333333336</v>
      </c>
      <c r="B6193" s="2">
        <v>24.26</v>
      </c>
      <c r="C6193">
        <v>0</v>
      </c>
      <c r="D6193">
        <f t="shared" si="192"/>
        <v>0</v>
      </c>
      <c r="E6193" s="6">
        <f t="shared" si="193"/>
        <v>0</v>
      </c>
    </row>
    <row r="6194" spans="1:5" x14ac:dyDescent="0.25">
      <c r="A6194" s="1">
        <v>43813.875</v>
      </c>
      <c r="B6194" s="2">
        <v>23.08</v>
      </c>
      <c r="C6194">
        <v>0</v>
      </c>
      <c r="D6194">
        <f t="shared" si="192"/>
        <v>0</v>
      </c>
      <c r="E6194" s="6">
        <f t="shared" si="193"/>
        <v>0</v>
      </c>
    </row>
    <row r="6195" spans="1:5" x14ac:dyDescent="0.25">
      <c r="A6195" s="1">
        <v>43813.916666666664</v>
      </c>
      <c r="B6195" s="2">
        <v>21.4</v>
      </c>
      <c r="C6195">
        <v>0</v>
      </c>
      <c r="D6195">
        <f t="shared" si="192"/>
        <v>0</v>
      </c>
      <c r="E6195" s="6">
        <f t="shared" si="193"/>
        <v>0</v>
      </c>
    </row>
    <row r="6196" spans="1:5" x14ac:dyDescent="0.25">
      <c r="A6196" s="1">
        <v>43813.958333333336</v>
      </c>
      <c r="B6196" s="2">
        <v>20.28</v>
      </c>
      <c r="C6196">
        <v>0</v>
      </c>
      <c r="D6196">
        <f t="shared" si="192"/>
        <v>0</v>
      </c>
      <c r="E6196" s="6">
        <f t="shared" si="193"/>
        <v>0</v>
      </c>
    </row>
    <row r="6197" spans="1:5" x14ac:dyDescent="0.25">
      <c r="A6197" s="1">
        <v>43814</v>
      </c>
      <c r="B6197" s="2">
        <v>19.62</v>
      </c>
      <c r="C6197">
        <v>0</v>
      </c>
      <c r="D6197">
        <f t="shared" si="192"/>
        <v>0</v>
      </c>
      <c r="E6197" s="6">
        <f t="shared" si="193"/>
        <v>0</v>
      </c>
    </row>
    <row r="6198" spans="1:5" x14ac:dyDescent="0.25">
      <c r="A6198" s="1">
        <v>43814.041666666664</v>
      </c>
      <c r="B6198" s="2">
        <v>19.309999999999999</v>
      </c>
      <c r="C6198">
        <v>0</v>
      </c>
      <c r="D6198">
        <f t="shared" si="192"/>
        <v>0</v>
      </c>
      <c r="E6198" s="6">
        <f t="shared" si="193"/>
        <v>0</v>
      </c>
    </row>
    <row r="6199" spans="1:5" x14ac:dyDescent="0.25">
      <c r="A6199" s="1">
        <v>43814.083333333336</v>
      </c>
      <c r="B6199" s="2">
        <v>19.54</v>
      </c>
      <c r="C6199">
        <v>0</v>
      </c>
      <c r="D6199">
        <f t="shared" si="192"/>
        <v>0</v>
      </c>
      <c r="E6199" s="6">
        <f t="shared" si="193"/>
        <v>0</v>
      </c>
    </row>
    <row r="6200" spans="1:5" x14ac:dyDescent="0.25">
      <c r="A6200" s="1">
        <v>43814.125</v>
      </c>
      <c r="B6200" s="2">
        <v>19.309999999999999</v>
      </c>
      <c r="C6200">
        <v>0</v>
      </c>
      <c r="D6200">
        <f t="shared" si="192"/>
        <v>0</v>
      </c>
      <c r="E6200" s="6">
        <f t="shared" si="193"/>
        <v>0</v>
      </c>
    </row>
    <row r="6201" spans="1:5" x14ac:dyDescent="0.25">
      <c r="A6201" s="1">
        <v>43814.166666666664</v>
      </c>
      <c r="B6201" s="2">
        <v>19.23</v>
      </c>
      <c r="C6201">
        <v>0</v>
      </c>
      <c r="D6201">
        <f t="shared" si="192"/>
        <v>0</v>
      </c>
      <c r="E6201" s="6">
        <f t="shared" si="193"/>
        <v>0</v>
      </c>
    </row>
    <row r="6202" spans="1:5" x14ac:dyDescent="0.25">
      <c r="A6202" s="1">
        <v>43814.208333333336</v>
      </c>
      <c r="B6202" s="2">
        <v>19.47</v>
      </c>
      <c r="C6202">
        <v>0</v>
      </c>
      <c r="D6202">
        <f t="shared" si="192"/>
        <v>0</v>
      </c>
      <c r="E6202" s="6">
        <f t="shared" si="193"/>
        <v>0</v>
      </c>
    </row>
    <row r="6203" spans="1:5" x14ac:dyDescent="0.25">
      <c r="A6203" s="1">
        <v>43814.25</v>
      </c>
      <c r="B6203" s="2">
        <v>20.39</v>
      </c>
      <c r="C6203">
        <v>0</v>
      </c>
      <c r="D6203">
        <f t="shared" si="192"/>
        <v>0</v>
      </c>
      <c r="E6203" s="6">
        <f t="shared" si="193"/>
        <v>0</v>
      </c>
    </row>
    <row r="6204" spans="1:5" x14ac:dyDescent="0.25">
      <c r="A6204" s="1">
        <v>43814.291666666664</v>
      </c>
      <c r="B6204" s="2">
        <v>22.13</v>
      </c>
      <c r="C6204">
        <v>0</v>
      </c>
      <c r="D6204">
        <f t="shared" si="192"/>
        <v>0</v>
      </c>
      <c r="E6204" s="6">
        <f t="shared" si="193"/>
        <v>0</v>
      </c>
    </row>
    <row r="6205" spans="1:5" x14ac:dyDescent="0.25">
      <c r="A6205" s="1">
        <v>43814.333333333336</v>
      </c>
      <c r="B6205" s="2">
        <v>22.74</v>
      </c>
      <c r="C6205">
        <v>0.27805799999999997</v>
      </c>
      <c r="D6205">
        <f t="shared" si="192"/>
        <v>2.7805799999999997E-4</v>
      </c>
      <c r="E6205" s="6">
        <f t="shared" si="193"/>
        <v>6.3230389199999994E-3</v>
      </c>
    </row>
    <row r="6206" spans="1:5" x14ac:dyDescent="0.25">
      <c r="A6206" s="1">
        <v>43814.375</v>
      </c>
      <c r="B6206" s="2">
        <v>22.93</v>
      </c>
      <c r="C6206">
        <v>1.2503309999999999</v>
      </c>
      <c r="D6206">
        <f t="shared" si="192"/>
        <v>1.2503309999999999E-3</v>
      </c>
      <c r="E6206" s="6">
        <f t="shared" si="193"/>
        <v>2.8670089829999999E-2</v>
      </c>
    </row>
    <row r="6207" spans="1:5" x14ac:dyDescent="0.25">
      <c r="A6207" s="1">
        <v>43814.416666666664</v>
      </c>
      <c r="B6207" s="2">
        <v>22.72</v>
      </c>
      <c r="C6207">
        <v>2.1468949999999998</v>
      </c>
      <c r="D6207">
        <f t="shared" si="192"/>
        <v>2.1468949999999998E-3</v>
      </c>
      <c r="E6207" s="6">
        <f t="shared" si="193"/>
        <v>4.8777454399999996E-2</v>
      </c>
    </row>
    <row r="6208" spans="1:5" x14ac:dyDescent="0.25">
      <c r="A6208" s="1">
        <v>43814.458333333336</v>
      </c>
      <c r="B6208" s="2">
        <v>21.76</v>
      </c>
      <c r="C6208">
        <v>3.6926750000000004</v>
      </c>
      <c r="D6208">
        <f t="shared" si="192"/>
        <v>3.6926750000000003E-3</v>
      </c>
      <c r="E6208" s="6">
        <f t="shared" si="193"/>
        <v>8.0352608000000006E-2</v>
      </c>
    </row>
    <row r="6209" spans="1:5" x14ac:dyDescent="0.25">
      <c r="A6209" s="1">
        <v>43814.5</v>
      </c>
      <c r="B6209" s="2">
        <v>21.08</v>
      </c>
      <c r="C6209">
        <v>5.1155789999999994</v>
      </c>
      <c r="D6209">
        <f t="shared" si="192"/>
        <v>5.1155789999999994E-3</v>
      </c>
      <c r="E6209" s="6">
        <f t="shared" si="193"/>
        <v>0.10783640531999998</v>
      </c>
    </row>
    <row r="6210" spans="1:5" x14ac:dyDescent="0.25">
      <c r="A6210" s="1">
        <v>43814.541666666664</v>
      </c>
      <c r="B6210" s="2">
        <v>20.68</v>
      </c>
      <c r="C6210">
        <v>6.167548</v>
      </c>
      <c r="D6210">
        <f t="shared" si="192"/>
        <v>6.1675480000000001E-3</v>
      </c>
      <c r="E6210" s="6">
        <f t="shared" si="193"/>
        <v>0.12754489263999999</v>
      </c>
    </row>
    <row r="6211" spans="1:5" x14ac:dyDescent="0.25">
      <c r="A6211" s="1">
        <v>43814.583333333336</v>
      </c>
      <c r="B6211" s="2">
        <v>20.59</v>
      </c>
      <c r="C6211">
        <v>5.2633489999999998</v>
      </c>
      <c r="D6211">
        <f t="shared" si="192"/>
        <v>5.2633489999999996E-3</v>
      </c>
      <c r="E6211" s="6">
        <f t="shared" si="193"/>
        <v>0.10837235591</v>
      </c>
    </row>
    <row r="6212" spans="1:5" x14ac:dyDescent="0.25">
      <c r="A6212" s="1">
        <v>43814.625</v>
      </c>
      <c r="B6212" s="2">
        <v>20.61</v>
      </c>
      <c r="C6212">
        <v>3.8367339999999999</v>
      </c>
      <c r="D6212">
        <f t="shared" si="192"/>
        <v>3.8367340000000001E-3</v>
      </c>
      <c r="E6212" s="6">
        <f t="shared" si="193"/>
        <v>7.9075087739999994E-2</v>
      </c>
    </row>
    <row r="6213" spans="1:5" x14ac:dyDescent="0.25">
      <c r="A6213" s="1">
        <v>43814.666666666664</v>
      </c>
      <c r="B6213" s="2">
        <v>22.68</v>
      </c>
      <c r="C6213">
        <v>1.55097</v>
      </c>
      <c r="D6213">
        <f t="shared" si="192"/>
        <v>1.55097E-3</v>
      </c>
      <c r="E6213" s="6">
        <f t="shared" si="193"/>
        <v>3.5175999600000001E-2</v>
      </c>
    </row>
    <row r="6214" spans="1:5" x14ac:dyDescent="0.25">
      <c r="A6214" s="1">
        <v>43814.708333333336</v>
      </c>
      <c r="B6214" s="2">
        <v>29.25</v>
      </c>
      <c r="C6214">
        <v>0</v>
      </c>
      <c r="D6214">
        <f t="shared" ref="D6214:D6277" si="194">C6214/1000</f>
        <v>0</v>
      </c>
      <c r="E6214" s="6">
        <f t="shared" ref="E6214:E6277" si="195">D6214*B6214</f>
        <v>0</v>
      </c>
    </row>
    <row r="6215" spans="1:5" x14ac:dyDescent="0.25">
      <c r="A6215" s="1">
        <v>43814.75</v>
      </c>
      <c r="B6215" s="2">
        <v>28.98</v>
      </c>
      <c r="C6215">
        <v>0</v>
      </c>
      <c r="D6215">
        <f t="shared" si="194"/>
        <v>0</v>
      </c>
      <c r="E6215" s="6">
        <f t="shared" si="195"/>
        <v>0</v>
      </c>
    </row>
    <row r="6216" spans="1:5" x14ac:dyDescent="0.25">
      <c r="A6216" s="1">
        <v>43814.791666666664</v>
      </c>
      <c r="B6216" s="2">
        <v>28.05</v>
      </c>
      <c r="C6216">
        <v>0</v>
      </c>
      <c r="D6216">
        <f t="shared" si="194"/>
        <v>0</v>
      </c>
      <c r="E6216" s="6">
        <f t="shared" si="195"/>
        <v>0</v>
      </c>
    </row>
    <row r="6217" spans="1:5" x14ac:dyDescent="0.25">
      <c r="A6217" s="1">
        <v>43814.833333333336</v>
      </c>
      <c r="B6217" s="2">
        <v>28.77</v>
      </c>
      <c r="C6217">
        <v>0</v>
      </c>
      <c r="D6217">
        <f t="shared" si="194"/>
        <v>0</v>
      </c>
      <c r="E6217" s="6">
        <f t="shared" si="195"/>
        <v>0</v>
      </c>
    </row>
    <row r="6218" spans="1:5" x14ac:dyDescent="0.25">
      <c r="A6218" s="1">
        <v>43814.875</v>
      </c>
      <c r="B6218" s="2">
        <v>24.66</v>
      </c>
      <c r="C6218">
        <v>0</v>
      </c>
      <c r="D6218">
        <f t="shared" si="194"/>
        <v>0</v>
      </c>
      <c r="E6218" s="6">
        <f t="shared" si="195"/>
        <v>0</v>
      </c>
    </row>
    <row r="6219" spans="1:5" x14ac:dyDescent="0.25">
      <c r="A6219" s="1">
        <v>43814.916666666664</v>
      </c>
      <c r="B6219" s="2">
        <v>23.07</v>
      </c>
      <c r="C6219">
        <v>0</v>
      </c>
      <c r="D6219">
        <f t="shared" si="194"/>
        <v>0</v>
      </c>
      <c r="E6219" s="6">
        <f t="shared" si="195"/>
        <v>0</v>
      </c>
    </row>
    <row r="6220" spans="1:5" x14ac:dyDescent="0.25">
      <c r="A6220" s="1">
        <v>43814.958333333336</v>
      </c>
      <c r="B6220" s="2">
        <v>21.89</v>
      </c>
      <c r="C6220">
        <v>0</v>
      </c>
      <c r="D6220">
        <f t="shared" si="194"/>
        <v>0</v>
      </c>
      <c r="E6220" s="6">
        <f t="shared" si="195"/>
        <v>0</v>
      </c>
    </row>
    <row r="6221" spans="1:5" x14ac:dyDescent="0.25">
      <c r="A6221" s="1">
        <v>43815</v>
      </c>
      <c r="B6221" s="2">
        <v>20.69</v>
      </c>
      <c r="C6221">
        <v>0</v>
      </c>
      <c r="D6221">
        <f t="shared" si="194"/>
        <v>0</v>
      </c>
      <c r="E6221" s="6">
        <f t="shared" si="195"/>
        <v>0</v>
      </c>
    </row>
    <row r="6222" spans="1:5" x14ac:dyDescent="0.25">
      <c r="A6222" s="1">
        <v>43815.041666666664</v>
      </c>
      <c r="B6222" s="2">
        <v>20.5</v>
      </c>
      <c r="C6222">
        <v>0</v>
      </c>
      <c r="D6222">
        <f t="shared" si="194"/>
        <v>0</v>
      </c>
      <c r="E6222" s="6">
        <f t="shared" si="195"/>
        <v>0</v>
      </c>
    </row>
    <row r="6223" spans="1:5" x14ac:dyDescent="0.25">
      <c r="A6223" s="1">
        <v>43815.083333333336</v>
      </c>
      <c r="B6223" s="2">
        <v>20.32</v>
      </c>
      <c r="C6223">
        <v>0</v>
      </c>
      <c r="D6223">
        <f t="shared" si="194"/>
        <v>0</v>
      </c>
      <c r="E6223" s="6">
        <f t="shared" si="195"/>
        <v>0</v>
      </c>
    </row>
    <row r="6224" spans="1:5" x14ac:dyDescent="0.25">
      <c r="A6224" s="1">
        <v>43815.125</v>
      </c>
      <c r="B6224" s="2">
        <v>20.41</v>
      </c>
      <c r="C6224">
        <v>0</v>
      </c>
      <c r="D6224">
        <f t="shared" si="194"/>
        <v>0</v>
      </c>
      <c r="E6224" s="6">
        <f t="shared" si="195"/>
        <v>0</v>
      </c>
    </row>
    <row r="6225" spans="1:5" x14ac:dyDescent="0.25">
      <c r="A6225" s="1">
        <v>43815.166666666664</v>
      </c>
      <c r="B6225" s="2">
        <v>20.56</v>
      </c>
      <c r="C6225">
        <v>0</v>
      </c>
      <c r="D6225">
        <f t="shared" si="194"/>
        <v>0</v>
      </c>
      <c r="E6225" s="6">
        <f t="shared" si="195"/>
        <v>0</v>
      </c>
    </row>
    <row r="6226" spans="1:5" x14ac:dyDescent="0.25">
      <c r="A6226" s="1">
        <v>43815.208333333336</v>
      </c>
      <c r="B6226" s="2">
        <v>23.38</v>
      </c>
      <c r="C6226">
        <v>0</v>
      </c>
      <c r="D6226">
        <f t="shared" si="194"/>
        <v>0</v>
      </c>
      <c r="E6226" s="6">
        <f t="shared" si="195"/>
        <v>0</v>
      </c>
    </row>
    <row r="6227" spans="1:5" x14ac:dyDescent="0.25">
      <c r="A6227" s="1">
        <v>43815.25</v>
      </c>
      <c r="B6227" s="2">
        <v>31.87</v>
      </c>
      <c r="C6227">
        <v>0</v>
      </c>
      <c r="D6227">
        <f t="shared" si="194"/>
        <v>0</v>
      </c>
      <c r="E6227" s="6">
        <f t="shared" si="195"/>
        <v>0</v>
      </c>
    </row>
    <row r="6228" spans="1:5" x14ac:dyDescent="0.25">
      <c r="A6228" s="1">
        <v>43815.291666666664</v>
      </c>
      <c r="B6228" s="2">
        <v>34.15</v>
      </c>
      <c r="C6228">
        <v>0</v>
      </c>
      <c r="D6228">
        <f t="shared" si="194"/>
        <v>0</v>
      </c>
      <c r="E6228" s="6">
        <f t="shared" si="195"/>
        <v>0</v>
      </c>
    </row>
    <row r="6229" spans="1:5" x14ac:dyDescent="0.25">
      <c r="A6229" s="1">
        <v>43815.333333333336</v>
      </c>
      <c r="B6229" s="2">
        <v>32.020000000000003</v>
      </c>
      <c r="C6229">
        <v>1.9310530000000001</v>
      </c>
      <c r="D6229">
        <f t="shared" si="194"/>
        <v>1.9310530000000001E-3</v>
      </c>
      <c r="E6229" s="6">
        <f t="shared" si="195"/>
        <v>6.183231706000001E-2</v>
      </c>
    </row>
    <row r="6230" spans="1:5" x14ac:dyDescent="0.25">
      <c r="A6230" s="1">
        <v>43815.375</v>
      </c>
      <c r="B6230" s="2">
        <v>32.01</v>
      </c>
      <c r="C6230">
        <v>2.4385920000000003</v>
      </c>
      <c r="D6230">
        <f t="shared" si="194"/>
        <v>2.4385920000000003E-3</v>
      </c>
      <c r="E6230" s="6">
        <f t="shared" si="195"/>
        <v>7.8059329920000003E-2</v>
      </c>
    </row>
    <row r="6231" spans="1:5" x14ac:dyDescent="0.25">
      <c r="A6231" s="1">
        <v>43815.416666666664</v>
      </c>
      <c r="B6231" s="2">
        <v>32.39</v>
      </c>
      <c r="C6231">
        <v>5.5575069999999993</v>
      </c>
      <c r="D6231">
        <f t="shared" si="194"/>
        <v>5.5575069999999997E-3</v>
      </c>
      <c r="E6231" s="6">
        <f t="shared" si="195"/>
        <v>0.18000765173</v>
      </c>
    </row>
    <row r="6232" spans="1:5" x14ac:dyDescent="0.25">
      <c r="A6232" s="1">
        <v>43815.458333333336</v>
      </c>
      <c r="B6232" s="2">
        <v>31.39</v>
      </c>
      <c r="C6232">
        <v>6.296786</v>
      </c>
      <c r="D6232">
        <f t="shared" si="194"/>
        <v>6.2967860000000004E-3</v>
      </c>
      <c r="E6232" s="6">
        <f t="shared" si="195"/>
        <v>0.19765611254000001</v>
      </c>
    </row>
    <row r="6233" spans="1:5" x14ac:dyDescent="0.25">
      <c r="A6233" s="1">
        <v>43815.5</v>
      </c>
      <c r="B6233" s="2">
        <v>27.81</v>
      </c>
      <c r="C6233">
        <v>6.5220379999999993</v>
      </c>
      <c r="D6233">
        <f t="shared" si="194"/>
        <v>6.5220379999999991E-3</v>
      </c>
      <c r="E6233" s="6">
        <f t="shared" si="195"/>
        <v>0.18137787677999997</v>
      </c>
    </row>
    <row r="6234" spans="1:5" x14ac:dyDescent="0.25">
      <c r="A6234" s="1">
        <v>43815.541666666664</v>
      </c>
      <c r="B6234" s="2">
        <v>27.09</v>
      </c>
      <c r="C6234">
        <v>6.1421650000000003</v>
      </c>
      <c r="D6234">
        <f t="shared" si="194"/>
        <v>6.1421650000000006E-3</v>
      </c>
      <c r="E6234" s="6">
        <f t="shared" si="195"/>
        <v>0.16639124985000001</v>
      </c>
    </row>
    <row r="6235" spans="1:5" x14ac:dyDescent="0.25">
      <c r="A6235" s="1">
        <v>43815.583333333336</v>
      </c>
      <c r="B6235" s="2">
        <v>26.03</v>
      </c>
      <c r="C6235">
        <v>5.2238379999999998</v>
      </c>
      <c r="D6235">
        <f t="shared" si="194"/>
        <v>5.2238379999999997E-3</v>
      </c>
      <c r="E6235" s="6">
        <f t="shared" si="195"/>
        <v>0.13597650314000001</v>
      </c>
    </row>
    <row r="6236" spans="1:5" x14ac:dyDescent="0.25">
      <c r="A6236" s="1">
        <v>43815.625</v>
      </c>
      <c r="B6236" s="2">
        <v>25.93</v>
      </c>
      <c r="C6236">
        <v>3.6862469999999998</v>
      </c>
      <c r="D6236">
        <f t="shared" si="194"/>
        <v>3.6862469999999997E-3</v>
      </c>
      <c r="E6236" s="6">
        <f t="shared" si="195"/>
        <v>9.5584384709999998E-2</v>
      </c>
    </row>
    <row r="6237" spans="1:5" x14ac:dyDescent="0.25">
      <c r="A6237" s="1">
        <v>43815.666666666664</v>
      </c>
      <c r="B6237" s="2">
        <v>31.32</v>
      </c>
      <c r="C6237">
        <v>1.633759</v>
      </c>
      <c r="D6237">
        <f t="shared" si="194"/>
        <v>1.633759E-3</v>
      </c>
      <c r="E6237" s="6">
        <f t="shared" si="195"/>
        <v>5.1169331880000002E-2</v>
      </c>
    </row>
    <row r="6238" spans="1:5" x14ac:dyDescent="0.25">
      <c r="A6238" s="1">
        <v>43815.708333333336</v>
      </c>
      <c r="B6238" s="2">
        <v>34.39</v>
      </c>
      <c r="C6238">
        <v>0</v>
      </c>
      <c r="D6238">
        <f t="shared" si="194"/>
        <v>0</v>
      </c>
      <c r="E6238" s="6">
        <f t="shared" si="195"/>
        <v>0</v>
      </c>
    </row>
    <row r="6239" spans="1:5" x14ac:dyDescent="0.25">
      <c r="A6239" s="1">
        <v>43815.75</v>
      </c>
      <c r="B6239" s="2">
        <v>34.78</v>
      </c>
      <c r="C6239">
        <v>0</v>
      </c>
      <c r="D6239">
        <f t="shared" si="194"/>
        <v>0</v>
      </c>
      <c r="E6239" s="6">
        <f t="shared" si="195"/>
        <v>0</v>
      </c>
    </row>
    <row r="6240" spans="1:5" x14ac:dyDescent="0.25">
      <c r="A6240" s="1">
        <v>43815.791666666664</v>
      </c>
      <c r="B6240" s="2">
        <v>34.840000000000003</v>
      </c>
      <c r="C6240">
        <v>0</v>
      </c>
      <c r="D6240">
        <f t="shared" si="194"/>
        <v>0</v>
      </c>
      <c r="E6240" s="6">
        <f t="shared" si="195"/>
        <v>0</v>
      </c>
    </row>
    <row r="6241" spans="1:5" x14ac:dyDescent="0.25">
      <c r="A6241" s="1">
        <v>43815.833333333336</v>
      </c>
      <c r="B6241" s="2">
        <v>31.6</v>
      </c>
      <c r="C6241">
        <v>0</v>
      </c>
      <c r="D6241">
        <f t="shared" si="194"/>
        <v>0</v>
      </c>
      <c r="E6241" s="6">
        <f t="shared" si="195"/>
        <v>0</v>
      </c>
    </row>
    <row r="6242" spans="1:5" x14ac:dyDescent="0.25">
      <c r="A6242" s="1">
        <v>43815.875</v>
      </c>
      <c r="B6242" s="2">
        <v>25.32</v>
      </c>
      <c r="C6242">
        <v>0</v>
      </c>
      <c r="D6242">
        <f t="shared" si="194"/>
        <v>0</v>
      </c>
      <c r="E6242" s="6">
        <f t="shared" si="195"/>
        <v>0</v>
      </c>
    </row>
    <row r="6243" spans="1:5" x14ac:dyDescent="0.25">
      <c r="A6243" s="1">
        <v>43815.916666666664</v>
      </c>
      <c r="B6243" s="2">
        <v>23.81</v>
      </c>
      <c r="C6243">
        <v>0</v>
      </c>
      <c r="D6243">
        <f t="shared" si="194"/>
        <v>0</v>
      </c>
      <c r="E6243" s="6">
        <f t="shared" si="195"/>
        <v>0</v>
      </c>
    </row>
    <row r="6244" spans="1:5" x14ac:dyDescent="0.25">
      <c r="A6244" s="1">
        <v>43815.958333333336</v>
      </c>
      <c r="B6244" s="2">
        <v>21.06</v>
      </c>
      <c r="C6244">
        <v>0</v>
      </c>
      <c r="D6244">
        <f t="shared" si="194"/>
        <v>0</v>
      </c>
      <c r="E6244" s="6">
        <f t="shared" si="195"/>
        <v>0</v>
      </c>
    </row>
    <row r="6245" spans="1:5" x14ac:dyDescent="0.25">
      <c r="A6245" s="1">
        <v>43816</v>
      </c>
      <c r="B6245" s="2">
        <v>19.62</v>
      </c>
      <c r="C6245">
        <v>0</v>
      </c>
      <c r="D6245">
        <f t="shared" si="194"/>
        <v>0</v>
      </c>
      <c r="E6245" s="6">
        <f t="shared" si="195"/>
        <v>0</v>
      </c>
    </row>
    <row r="6246" spans="1:5" x14ac:dyDescent="0.25">
      <c r="A6246" s="1">
        <v>43816.041666666664</v>
      </c>
      <c r="B6246" s="2">
        <v>19.57</v>
      </c>
      <c r="C6246">
        <v>0</v>
      </c>
      <c r="D6246">
        <f t="shared" si="194"/>
        <v>0</v>
      </c>
      <c r="E6246" s="6">
        <f t="shared" si="195"/>
        <v>0</v>
      </c>
    </row>
    <row r="6247" spans="1:5" x14ac:dyDescent="0.25">
      <c r="A6247" s="1">
        <v>43816.083333333336</v>
      </c>
      <c r="B6247" s="2">
        <v>19.190000000000001</v>
      </c>
      <c r="C6247">
        <v>0</v>
      </c>
      <c r="D6247">
        <f t="shared" si="194"/>
        <v>0</v>
      </c>
      <c r="E6247" s="6">
        <f t="shared" si="195"/>
        <v>0</v>
      </c>
    </row>
    <row r="6248" spans="1:5" x14ac:dyDescent="0.25">
      <c r="A6248" s="1">
        <v>43816.125</v>
      </c>
      <c r="B6248" s="2">
        <v>19.22</v>
      </c>
      <c r="C6248">
        <v>0</v>
      </c>
      <c r="D6248">
        <f t="shared" si="194"/>
        <v>0</v>
      </c>
      <c r="E6248" s="6">
        <f t="shared" si="195"/>
        <v>0</v>
      </c>
    </row>
    <row r="6249" spans="1:5" x14ac:dyDescent="0.25">
      <c r="A6249" s="1">
        <v>43816.166666666664</v>
      </c>
      <c r="B6249" s="2">
        <v>19.420000000000002</v>
      </c>
      <c r="C6249">
        <v>0</v>
      </c>
      <c r="D6249">
        <f t="shared" si="194"/>
        <v>0</v>
      </c>
      <c r="E6249" s="6">
        <f t="shared" si="195"/>
        <v>0</v>
      </c>
    </row>
    <row r="6250" spans="1:5" x14ac:dyDescent="0.25">
      <c r="A6250" s="1">
        <v>43816.208333333336</v>
      </c>
      <c r="B6250" s="2">
        <v>21.09</v>
      </c>
      <c r="C6250">
        <v>0</v>
      </c>
      <c r="D6250">
        <f t="shared" si="194"/>
        <v>0</v>
      </c>
      <c r="E6250" s="6">
        <f t="shared" si="195"/>
        <v>0</v>
      </c>
    </row>
    <row r="6251" spans="1:5" x14ac:dyDescent="0.25">
      <c r="A6251" s="1">
        <v>43816.25</v>
      </c>
      <c r="B6251" s="2">
        <v>25.91</v>
      </c>
      <c r="C6251">
        <v>0</v>
      </c>
      <c r="D6251">
        <f t="shared" si="194"/>
        <v>0</v>
      </c>
      <c r="E6251" s="6">
        <f t="shared" si="195"/>
        <v>0</v>
      </c>
    </row>
    <row r="6252" spans="1:5" x14ac:dyDescent="0.25">
      <c r="A6252" s="1">
        <v>43816.291666666664</v>
      </c>
      <c r="B6252" s="2">
        <v>27.45</v>
      </c>
      <c r="C6252">
        <v>0</v>
      </c>
      <c r="D6252">
        <f t="shared" si="194"/>
        <v>0</v>
      </c>
      <c r="E6252" s="6">
        <f t="shared" si="195"/>
        <v>0</v>
      </c>
    </row>
    <row r="6253" spans="1:5" x14ac:dyDescent="0.25">
      <c r="A6253" s="1">
        <v>43816.333333333336</v>
      </c>
      <c r="B6253" s="2">
        <v>26.56</v>
      </c>
      <c r="C6253">
        <v>5.1783999999999997E-2</v>
      </c>
      <c r="D6253">
        <f t="shared" si="194"/>
        <v>5.1783999999999998E-5</v>
      </c>
      <c r="E6253" s="6">
        <f t="shared" si="195"/>
        <v>1.3753830399999998E-3</v>
      </c>
    </row>
    <row r="6254" spans="1:5" x14ac:dyDescent="0.25">
      <c r="A6254" s="1">
        <v>43816.375</v>
      </c>
      <c r="B6254" s="2">
        <v>26.23</v>
      </c>
      <c r="C6254">
        <v>0.33743400000000001</v>
      </c>
      <c r="D6254">
        <f t="shared" si="194"/>
        <v>3.3743400000000001E-4</v>
      </c>
      <c r="E6254" s="6">
        <f t="shared" si="195"/>
        <v>8.8508938200000005E-3</v>
      </c>
    </row>
    <row r="6255" spans="1:5" x14ac:dyDescent="0.25">
      <c r="A6255" s="1">
        <v>43816.416666666664</v>
      </c>
      <c r="B6255" s="2">
        <v>25.93</v>
      </c>
      <c r="C6255">
        <v>0.73325099999999999</v>
      </c>
      <c r="D6255">
        <f t="shared" si="194"/>
        <v>7.3325099999999998E-4</v>
      </c>
      <c r="E6255" s="6">
        <f t="shared" si="195"/>
        <v>1.9013198429999999E-2</v>
      </c>
    </row>
    <row r="6256" spans="1:5" x14ac:dyDescent="0.25">
      <c r="A6256" s="1">
        <v>43816.458333333336</v>
      </c>
      <c r="B6256" s="2">
        <v>25.24</v>
      </c>
      <c r="C6256">
        <v>4.3196940000000001</v>
      </c>
      <c r="D6256">
        <f t="shared" si="194"/>
        <v>4.3196939999999998E-3</v>
      </c>
      <c r="E6256" s="6">
        <f t="shared" si="195"/>
        <v>0.10902907655999999</v>
      </c>
    </row>
    <row r="6257" spans="1:5" x14ac:dyDescent="0.25">
      <c r="A6257" s="1">
        <v>43816.5</v>
      </c>
      <c r="B6257" s="2">
        <v>24.02</v>
      </c>
      <c r="C6257">
        <v>1.4344140000000001</v>
      </c>
      <c r="D6257">
        <f t="shared" si="194"/>
        <v>1.4344140000000002E-3</v>
      </c>
      <c r="E6257" s="6">
        <f t="shared" si="195"/>
        <v>3.4454624280000005E-2</v>
      </c>
    </row>
    <row r="6258" spans="1:5" x14ac:dyDescent="0.25">
      <c r="A6258" s="1">
        <v>43816.541666666664</v>
      </c>
      <c r="B6258" s="2">
        <v>23.43</v>
      </c>
      <c r="C6258">
        <v>2.1691599999999998</v>
      </c>
      <c r="D6258">
        <f t="shared" si="194"/>
        <v>2.1691599999999998E-3</v>
      </c>
      <c r="E6258" s="6">
        <f t="shared" si="195"/>
        <v>5.0823418799999999E-2</v>
      </c>
    </row>
    <row r="6259" spans="1:5" x14ac:dyDescent="0.25">
      <c r="A6259" s="1">
        <v>43816.583333333336</v>
      </c>
      <c r="B6259" s="2">
        <v>22.97</v>
      </c>
      <c r="C6259">
        <v>0.89009799999999994</v>
      </c>
      <c r="D6259">
        <f t="shared" si="194"/>
        <v>8.9009799999999997E-4</v>
      </c>
      <c r="E6259" s="6">
        <f t="shared" si="195"/>
        <v>2.0445551059999997E-2</v>
      </c>
    </row>
    <row r="6260" spans="1:5" x14ac:dyDescent="0.25">
      <c r="A6260" s="1">
        <v>43816.625</v>
      </c>
      <c r="B6260" s="2">
        <v>23.1</v>
      </c>
      <c r="C6260">
        <v>3.8925100000000001</v>
      </c>
      <c r="D6260">
        <f t="shared" si="194"/>
        <v>3.8925100000000001E-3</v>
      </c>
      <c r="E6260" s="6">
        <f t="shared" si="195"/>
        <v>8.9916981000000007E-2</v>
      </c>
    </row>
    <row r="6261" spans="1:5" x14ac:dyDescent="0.25">
      <c r="A6261" s="1">
        <v>43816.666666666664</v>
      </c>
      <c r="B6261" s="2">
        <v>25.1</v>
      </c>
      <c r="C6261">
        <v>0.642177</v>
      </c>
      <c r="D6261">
        <f t="shared" si="194"/>
        <v>6.4217699999999996E-4</v>
      </c>
      <c r="E6261" s="6">
        <f t="shared" si="195"/>
        <v>1.6118642700000001E-2</v>
      </c>
    </row>
    <row r="6262" spans="1:5" x14ac:dyDescent="0.25">
      <c r="A6262" s="1">
        <v>43816.708333333336</v>
      </c>
      <c r="B6262" s="2">
        <v>29.62</v>
      </c>
      <c r="C6262">
        <v>0</v>
      </c>
      <c r="D6262">
        <f t="shared" si="194"/>
        <v>0</v>
      </c>
      <c r="E6262" s="6">
        <f t="shared" si="195"/>
        <v>0</v>
      </c>
    </row>
    <row r="6263" spans="1:5" x14ac:dyDescent="0.25">
      <c r="A6263" s="1">
        <v>43816.75</v>
      </c>
      <c r="B6263" s="2">
        <v>27.34</v>
      </c>
      <c r="C6263">
        <v>0</v>
      </c>
      <c r="D6263">
        <f t="shared" si="194"/>
        <v>0</v>
      </c>
      <c r="E6263" s="6">
        <f t="shared" si="195"/>
        <v>0</v>
      </c>
    </row>
    <row r="6264" spans="1:5" x14ac:dyDescent="0.25">
      <c r="A6264" s="1">
        <v>43816.791666666664</v>
      </c>
      <c r="B6264" s="2">
        <v>27.45</v>
      </c>
      <c r="C6264">
        <v>0</v>
      </c>
      <c r="D6264">
        <f t="shared" si="194"/>
        <v>0</v>
      </c>
      <c r="E6264" s="6">
        <f t="shared" si="195"/>
        <v>0</v>
      </c>
    </row>
    <row r="6265" spans="1:5" x14ac:dyDescent="0.25">
      <c r="A6265" s="1">
        <v>43816.833333333336</v>
      </c>
      <c r="B6265" s="2">
        <v>26.85</v>
      </c>
      <c r="C6265">
        <v>0</v>
      </c>
      <c r="D6265">
        <f t="shared" si="194"/>
        <v>0</v>
      </c>
      <c r="E6265" s="6">
        <f t="shared" si="195"/>
        <v>0</v>
      </c>
    </row>
    <row r="6266" spans="1:5" x14ac:dyDescent="0.25">
      <c r="A6266" s="1">
        <v>43816.875</v>
      </c>
      <c r="B6266" s="2">
        <v>24.4</v>
      </c>
      <c r="C6266">
        <v>0</v>
      </c>
      <c r="D6266">
        <f t="shared" si="194"/>
        <v>0</v>
      </c>
      <c r="E6266" s="6">
        <f t="shared" si="195"/>
        <v>0</v>
      </c>
    </row>
    <row r="6267" spans="1:5" x14ac:dyDescent="0.25">
      <c r="A6267" s="1">
        <v>43816.916666666664</v>
      </c>
      <c r="B6267" s="2">
        <v>22.78</v>
      </c>
      <c r="C6267">
        <v>0</v>
      </c>
      <c r="D6267">
        <f t="shared" si="194"/>
        <v>0</v>
      </c>
      <c r="E6267" s="6">
        <f t="shared" si="195"/>
        <v>0</v>
      </c>
    </row>
    <row r="6268" spans="1:5" x14ac:dyDescent="0.25">
      <c r="A6268" s="1">
        <v>43816.958333333336</v>
      </c>
      <c r="B6268" s="2">
        <v>21.26</v>
      </c>
      <c r="C6268">
        <v>0</v>
      </c>
      <c r="D6268">
        <f t="shared" si="194"/>
        <v>0</v>
      </c>
      <c r="E6268" s="6">
        <f t="shared" si="195"/>
        <v>0</v>
      </c>
    </row>
    <row r="6269" spans="1:5" x14ac:dyDescent="0.25">
      <c r="A6269" s="1">
        <v>43817</v>
      </c>
      <c r="B6269" s="2">
        <v>21.24</v>
      </c>
      <c r="C6269">
        <v>0</v>
      </c>
      <c r="D6269">
        <f t="shared" si="194"/>
        <v>0</v>
      </c>
      <c r="E6269" s="6">
        <f t="shared" si="195"/>
        <v>0</v>
      </c>
    </row>
    <row r="6270" spans="1:5" x14ac:dyDescent="0.25">
      <c r="A6270" s="1">
        <v>43817.041666666664</v>
      </c>
      <c r="B6270" s="2">
        <v>20.83</v>
      </c>
      <c r="C6270">
        <v>0</v>
      </c>
      <c r="D6270">
        <f t="shared" si="194"/>
        <v>0</v>
      </c>
      <c r="E6270" s="6">
        <f t="shared" si="195"/>
        <v>0</v>
      </c>
    </row>
    <row r="6271" spans="1:5" x14ac:dyDescent="0.25">
      <c r="A6271" s="1">
        <v>43817.083333333336</v>
      </c>
      <c r="B6271" s="2">
        <v>20.51</v>
      </c>
      <c r="C6271">
        <v>0</v>
      </c>
      <c r="D6271">
        <f t="shared" si="194"/>
        <v>0</v>
      </c>
      <c r="E6271" s="6">
        <f t="shared" si="195"/>
        <v>0</v>
      </c>
    </row>
    <row r="6272" spans="1:5" x14ac:dyDescent="0.25">
      <c r="A6272" s="1">
        <v>43817.125</v>
      </c>
      <c r="B6272" s="2">
        <v>20.78</v>
      </c>
      <c r="C6272">
        <v>0</v>
      </c>
      <c r="D6272">
        <f t="shared" si="194"/>
        <v>0</v>
      </c>
      <c r="E6272" s="6">
        <f t="shared" si="195"/>
        <v>0</v>
      </c>
    </row>
    <row r="6273" spans="1:5" x14ac:dyDescent="0.25">
      <c r="A6273" s="1">
        <v>43817.166666666664</v>
      </c>
      <c r="B6273" s="2">
        <v>21.91</v>
      </c>
      <c r="C6273">
        <v>0</v>
      </c>
      <c r="D6273">
        <f t="shared" si="194"/>
        <v>0</v>
      </c>
      <c r="E6273" s="6">
        <f t="shared" si="195"/>
        <v>0</v>
      </c>
    </row>
    <row r="6274" spans="1:5" x14ac:dyDescent="0.25">
      <c r="A6274" s="1">
        <v>43817.208333333336</v>
      </c>
      <c r="B6274" s="2">
        <v>24.74</v>
      </c>
      <c r="C6274">
        <v>0</v>
      </c>
      <c r="D6274">
        <f t="shared" si="194"/>
        <v>0</v>
      </c>
      <c r="E6274" s="6">
        <f t="shared" si="195"/>
        <v>0</v>
      </c>
    </row>
    <row r="6275" spans="1:5" x14ac:dyDescent="0.25">
      <c r="A6275" s="1">
        <v>43817.25</v>
      </c>
      <c r="B6275" s="2">
        <v>32.58</v>
      </c>
      <c r="C6275">
        <v>0</v>
      </c>
      <c r="D6275">
        <f t="shared" si="194"/>
        <v>0</v>
      </c>
      <c r="E6275" s="6">
        <f t="shared" si="195"/>
        <v>0</v>
      </c>
    </row>
    <row r="6276" spans="1:5" x14ac:dyDescent="0.25">
      <c r="A6276" s="1">
        <v>43817.291666666664</v>
      </c>
      <c r="B6276" s="2">
        <v>38.409999999999997</v>
      </c>
      <c r="C6276">
        <v>0</v>
      </c>
      <c r="D6276">
        <f t="shared" si="194"/>
        <v>0</v>
      </c>
      <c r="E6276" s="6">
        <f t="shared" si="195"/>
        <v>0</v>
      </c>
    </row>
    <row r="6277" spans="1:5" x14ac:dyDescent="0.25">
      <c r="A6277" s="1">
        <v>43817.333333333336</v>
      </c>
      <c r="B6277" s="2">
        <v>30.56</v>
      </c>
      <c r="C6277">
        <v>1.8274059999999999</v>
      </c>
      <c r="D6277">
        <f t="shared" si="194"/>
        <v>1.827406E-3</v>
      </c>
      <c r="E6277" s="6">
        <f t="shared" si="195"/>
        <v>5.5845527359999994E-2</v>
      </c>
    </row>
    <row r="6278" spans="1:5" x14ac:dyDescent="0.25">
      <c r="A6278" s="1">
        <v>43817.375</v>
      </c>
      <c r="B6278" s="2">
        <v>27.33</v>
      </c>
      <c r="C6278">
        <v>3.930469</v>
      </c>
      <c r="D6278">
        <f t="shared" ref="D6278:D6341" si="196">C6278/1000</f>
        <v>3.9304689999999998E-3</v>
      </c>
      <c r="E6278" s="6">
        <f t="shared" ref="E6278:E6341" si="197">D6278*B6278</f>
        <v>0.10741971776999999</v>
      </c>
    </row>
    <row r="6279" spans="1:5" x14ac:dyDescent="0.25">
      <c r="A6279" s="1">
        <v>43817.416666666664</v>
      </c>
      <c r="B6279" s="2">
        <v>31.4</v>
      </c>
      <c r="C6279">
        <v>5.3392939999999998</v>
      </c>
      <c r="D6279">
        <f t="shared" si="196"/>
        <v>5.3392939999999996E-3</v>
      </c>
      <c r="E6279" s="6">
        <f t="shared" si="197"/>
        <v>0.16765383159999997</v>
      </c>
    </row>
    <row r="6280" spans="1:5" x14ac:dyDescent="0.25">
      <c r="A6280" s="1">
        <v>43817.458333333336</v>
      </c>
      <c r="B6280" s="2">
        <v>29.51</v>
      </c>
      <c r="C6280">
        <v>6.1863540000000006</v>
      </c>
      <c r="D6280">
        <f t="shared" si="196"/>
        <v>6.1863540000000007E-3</v>
      </c>
      <c r="E6280" s="6">
        <f t="shared" si="197"/>
        <v>0.18255930654000002</v>
      </c>
    </row>
    <row r="6281" spans="1:5" x14ac:dyDescent="0.25">
      <c r="A6281" s="1">
        <v>43817.5</v>
      </c>
      <c r="B6281" s="2">
        <v>27.6</v>
      </c>
      <c r="C6281">
        <v>6.4297089999999999</v>
      </c>
      <c r="D6281">
        <f t="shared" si="196"/>
        <v>6.4297089999999996E-3</v>
      </c>
      <c r="E6281" s="6">
        <f t="shared" si="197"/>
        <v>0.1774599684</v>
      </c>
    </row>
    <row r="6282" spans="1:5" x14ac:dyDescent="0.25">
      <c r="A6282" s="1">
        <v>43817.541666666664</v>
      </c>
      <c r="B6282" s="2">
        <v>27.69</v>
      </c>
      <c r="C6282">
        <v>4.6644309999999995</v>
      </c>
      <c r="D6282">
        <f t="shared" si="196"/>
        <v>4.6644309999999993E-3</v>
      </c>
      <c r="E6282" s="6">
        <f t="shared" si="197"/>
        <v>0.12915809438999998</v>
      </c>
    </row>
    <row r="6283" spans="1:5" x14ac:dyDescent="0.25">
      <c r="A6283" s="1">
        <v>43817.583333333336</v>
      </c>
      <c r="B6283" s="2">
        <v>27.38</v>
      </c>
      <c r="C6283">
        <v>3.9933260000000002</v>
      </c>
      <c r="D6283">
        <f t="shared" si="196"/>
        <v>3.9933260000000002E-3</v>
      </c>
      <c r="E6283" s="6">
        <f t="shared" si="197"/>
        <v>0.10933726588000001</v>
      </c>
    </row>
    <row r="6284" spans="1:5" x14ac:dyDescent="0.25">
      <c r="A6284" s="1">
        <v>43817.625</v>
      </c>
      <c r="B6284" s="2">
        <v>27.89</v>
      </c>
      <c r="C6284">
        <v>1.5451600000000001</v>
      </c>
      <c r="D6284">
        <f t="shared" si="196"/>
        <v>1.5451600000000001E-3</v>
      </c>
      <c r="E6284" s="6">
        <f t="shared" si="197"/>
        <v>4.30945124E-2</v>
      </c>
    </row>
    <row r="6285" spans="1:5" x14ac:dyDescent="0.25">
      <c r="A6285" s="1">
        <v>43817.666666666664</v>
      </c>
      <c r="B6285" s="2">
        <v>33.36</v>
      </c>
      <c r="C6285">
        <v>1.177934</v>
      </c>
      <c r="D6285">
        <f t="shared" si="196"/>
        <v>1.1779340000000001E-3</v>
      </c>
      <c r="E6285" s="6">
        <f t="shared" si="197"/>
        <v>3.9295878239999998E-2</v>
      </c>
    </row>
    <row r="6286" spans="1:5" x14ac:dyDescent="0.25">
      <c r="A6286" s="1">
        <v>43817.708333333336</v>
      </c>
      <c r="B6286" s="2">
        <v>43.14</v>
      </c>
      <c r="C6286">
        <v>0</v>
      </c>
      <c r="D6286">
        <f t="shared" si="196"/>
        <v>0</v>
      </c>
      <c r="E6286" s="6">
        <f t="shared" si="197"/>
        <v>0</v>
      </c>
    </row>
    <row r="6287" spans="1:5" x14ac:dyDescent="0.25">
      <c r="A6287" s="1">
        <v>43817.75</v>
      </c>
      <c r="B6287" s="2">
        <v>40.659999999999997</v>
      </c>
      <c r="C6287">
        <v>0</v>
      </c>
      <c r="D6287">
        <f t="shared" si="196"/>
        <v>0</v>
      </c>
      <c r="E6287" s="6">
        <f t="shared" si="197"/>
        <v>0</v>
      </c>
    </row>
    <row r="6288" spans="1:5" x14ac:dyDescent="0.25">
      <c r="A6288" s="1">
        <v>43817.791666666664</v>
      </c>
      <c r="B6288" s="2">
        <v>39.9</v>
      </c>
      <c r="C6288">
        <v>0</v>
      </c>
      <c r="D6288">
        <f t="shared" si="196"/>
        <v>0</v>
      </c>
      <c r="E6288" s="6">
        <f t="shared" si="197"/>
        <v>0</v>
      </c>
    </row>
    <row r="6289" spans="1:5" x14ac:dyDescent="0.25">
      <c r="A6289" s="1">
        <v>43817.833333333336</v>
      </c>
      <c r="B6289" s="2">
        <v>41.24</v>
      </c>
      <c r="C6289">
        <v>0</v>
      </c>
      <c r="D6289">
        <f t="shared" si="196"/>
        <v>0</v>
      </c>
      <c r="E6289" s="6">
        <f t="shared" si="197"/>
        <v>0</v>
      </c>
    </row>
    <row r="6290" spans="1:5" x14ac:dyDescent="0.25">
      <c r="A6290" s="1">
        <v>43817.875</v>
      </c>
      <c r="B6290" s="2">
        <v>37.96</v>
      </c>
      <c r="C6290">
        <v>0</v>
      </c>
      <c r="D6290">
        <f t="shared" si="196"/>
        <v>0</v>
      </c>
      <c r="E6290" s="6">
        <f t="shared" si="197"/>
        <v>0</v>
      </c>
    </row>
    <row r="6291" spans="1:5" x14ac:dyDescent="0.25">
      <c r="A6291" s="1">
        <v>43817.916666666664</v>
      </c>
      <c r="B6291" s="2">
        <v>31.77</v>
      </c>
      <c r="C6291">
        <v>0</v>
      </c>
      <c r="D6291">
        <f t="shared" si="196"/>
        <v>0</v>
      </c>
      <c r="E6291" s="6">
        <f t="shared" si="197"/>
        <v>0</v>
      </c>
    </row>
    <row r="6292" spans="1:5" x14ac:dyDescent="0.25">
      <c r="A6292" s="1">
        <v>43817.958333333336</v>
      </c>
      <c r="B6292" s="2">
        <v>29.77</v>
      </c>
      <c r="C6292">
        <v>0</v>
      </c>
      <c r="D6292">
        <f t="shared" si="196"/>
        <v>0</v>
      </c>
      <c r="E6292" s="6">
        <f t="shared" si="197"/>
        <v>0</v>
      </c>
    </row>
    <row r="6293" spans="1:5" x14ac:dyDescent="0.25">
      <c r="A6293" s="1">
        <v>43818</v>
      </c>
      <c r="B6293" s="2">
        <v>29.07</v>
      </c>
      <c r="C6293">
        <v>0</v>
      </c>
      <c r="D6293">
        <f t="shared" si="196"/>
        <v>0</v>
      </c>
      <c r="E6293" s="6">
        <f t="shared" si="197"/>
        <v>0</v>
      </c>
    </row>
    <row r="6294" spans="1:5" x14ac:dyDescent="0.25">
      <c r="A6294" s="1">
        <v>43818.041666666664</v>
      </c>
      <c r="B6294" s="2">
        <v>27.57</v>
      </c>
      <c r="C6294">
        <v>0</v>
      </c>
      <c r="D6294">
        <f t="shared" si="196"/>
        <v>0</v>
      </c>
      <c r="E6294" s="6">
        <f t="shared" si="197"/>
        <v>0</v>
      </c>
    </row>
    <row r="6295" spans="1:5" x14ac:dyDescent="0.25">
      <c r="A6295" s="1">
        <v>43818.083333333336</v>
      </c>
      <c r="B6295" s="2">
        <v>27.54</v>
      </c>
      <c r="C6295">
        <v>0</v>
      </c>
      <c r="D6295">
        <f t="shared" si="196"/>
        <v>0</v>
      </c>
      <c r="E6295" s="6">
        <f t="shared" si="197"/>
        <v>0</v>
      </c>
    </row>
    <row r="6296" spans="1:5" x14ac:dyDescent="0.25">
      <c r="A6296" s="1">
        <v>43818.125</v>
      </c>
      <c r="B6296" s="2">
        <v>27.86</v>
      </c>
      <c r="C6296">
        <v>0</v>
      </c>
      <c r="D6296">
        <f t="shared" si="196"/>
        <v>0</v>
      </c>
      <c r="E6296" s="6">
        <f t="shared" si="197"/>
        <v>0</v>
      </c>
    </row>
    <row r="6297" spans="1:5" x14ac:dyDescent="0.25">
      <c r="A6297" s="1">
        <v>43818.166666666664</v>
      </c>
      <c r="B6297" s="2">
        <v>29.15</v>
      </c>
      <c r="C6297">
        <v>0</v>
      </c>
      <c r="D6297">
        <f t="shared" si="196"/>
        <v>0</v>
      </c>
      <c r="E6297" s="6">
        <f t="shared" si="197"/>
        <v>0</v>
      </c>
    </row>
    <row r="6298" spans="1:5" x14ac:dyDescent="0.25">
      <c r="A6298" s="1">
        <v>43818.208333333336</v>
      </c>
      <c r="B6298" s="2">
        <v>36.619999999999997</v>
      </c>
      <c r="C6298">
        <v>0</v>
      </c>
      <c r="D6298">
        <f t="shared" si="196"/>
        <v>0</v>
      </c>
      <c r="E6298" s="6">
        <f t="shared" si="197"/>
        <v>0</v>
      </c>
    </row>
    <row r="6299" spans="1:5" x14ac:dyDescent="0.25">
      <c r="A6299" s="1">
        <v>43818.25</v>
      </c>
      <c r="B6299" s="2">
        <v>56.91</v>
      </c>
      <c r="C6299">
        <v>0</v>
      </c>
      <c r="D6299">
        <f t="shared" si="196"/>
        <v>0</v>
      </c>
      <c r="E6299" s="6">
        <f t="shared" si="197"/>
        <v>0</v>
      </c>
    </row>
    <row r="6300" spans="1:5" x14ac:dyDescent="0.25">
      <c r="A6300" s="1">
        <v>43818.291666666664</v>
      </c>
      <c r="B6300" s="2">
        <v>68.180000000000007</v>
      </c>
      <c r="C6300">
        <v>0</v>
      </c>
      <c r="D6300">
        <f t="shared" si="196"/>
        <v>0</v>
      </c>
      <c r="E6300" s="6">
        <f t="shared" si="197"/>
        <v>0</v>
      </c>
    </row>
    <row r="6301" spans="1:5" x14ac:dyDescent="0.25">
      <c r="A6301" s="1">
        <v>43818.333333333336</v>
      </c>
      <c r="B6301" s="2">
        <v>40.020000000000003</v>
      </c>
      <c r="C6301">
        <v>3.1680000000000002E-3</v>
      </c>
      <c r="D6301">
        <f t="shared" si="196"/>
        <v>3.1680000000000004E-6</v>
      </c>
      <c r="E6301" s="6">
        <f t="shared" si="197"/>
        <v>1.2678336000000002E-4</v>
      </c>
    </row>
    <row r="6302" spans="1:5" x14ac:dyDescent="0.25">
      <c r="A6302" s="1">
        <v>43818.375</v>
      </c>
      <c r="B6302" s="2">
        <v>32.659999999999997</v>
      </c>
      <c r="C6302">
        <v>8.7822999999999998E-2</v>
      </c>
      <c r="D6302">
        <f t="shared" si="196"/>
        <v>8.7823000000000003E-5</v>
      </c>
      <c r="E6302" s="6">
        <f t="shared" si="197"/>
        <v>2.8682991799999996E-3</v>
      </c>
    </row>
    <row r="6303" spans="1:5" x14ac:dyDescent="0.25">
      <c r="A6303" s="1">
        <v>43818.416666666664</v>
      </c>
      <c r="B6303" s="2">
        <v>30.17</v>
      </c>
      <c r="C6303">
        <v>2.0011909999999999</v>
      </c>
      <c r="D6303">
        <f t="shared" si="196"/>
        <v>2.0011909999999998E-3</v>
      </c>
      <c r="E6303" s="6">
        <f t="shared" si="197"/>
        <v>6.0375932469999997E-2</v>
      </c>
    </row>
    <row r="6304" spans="1:5" x14ac:dyDescent="0.25">
      <c r="A6304" s="1">
        <v>43818.458333333336</v>
      </c>
      <c r="B6304" s="2">
        <v>28.32</v>
      </c>
      <c r="C6304">
        <v>1.6739439999999999</v>
      </c>
      <c r="D6304">
        <f t="shared" si="196"/>
        <v>1.6739439999999999E-3</v>
      </c>
      <c r="E6304" s="6">
        <f t="shared" si="197"/>
        <v>4.7406094079999996E-2</v>
      </c>
    </row>
    <row r="6305" spans="1:5" x14ac:dyDescent="0.25">
      <c r="A6305" s="1">
        <v>43818.5</v>
      </c>
      <c r="B6305" s="2">
        <v>26.24</v>
      </c>
      <c r="C6305">
        <v>2.0572249999999999</v>
      </c>
      <c r="D6305">
        <f t="shared" si="196"/>
        <v>2.0572249999999998E-3</v>
      </c>
      <c r="E6305" s="6">
        <f t="shared" si="197"/>
        <v>5.3981583999999992E-2</v>
      </c>
    </row>
    <row r="6306" spans="1:5" x14ac:dyDescent="0.25">
      <c r="A6306" s="1">
        <v>43818.541666666664</v>
      </c>
      <c r="B6306" s="2">
        <v>25.59</v>
      </c>
      <c r="C6306">
        <v>1.3015509999999999</v>
      </c>
      <c r="D6306">
        <f t="shared" si="196"/>
        <v>1.301551E-3</v>
      </c>
      <c r="E6306" s="6">
        <f t="shared" si="197"/>
        <v>3.330669009E-2</v>
      </c>
    </row>
    <row r="6307" spans="1:5" x14ac:dyDescent="0.25">
      <c r="A6307" s="1">
        <v>43818.583333333336</v>
      </c>
      <c r="B6307" s="2">
        <v>25.09</v>
      </c>
      <c r="C6307">
        <v>0.64850300000000005</v>
      </c>
      <c r="D6307">
        <f t="shared" si="196"/>
        <v>6.4850300000000004E-4</v>
      </c>
      <c r="E6307" s="6">
        <f t="shared" si="197"/>
        <v>1.6270940269999999E-2</v>
      </c>
    </row>
    <row r="6308" spans="1:5" x14ac:dyDescent="0.25">
      <c r="A6308" s="1">
        <v>43818.625</v>
      </c>
      <c r="B6308" s="2">
        <v>25.93</v>
      </c>
      <c r="C6308">
        <v>0.112396</v>
      </c>
      <c r="D6308">
        <f t="shared" si="196"/>
        <v>1.12396E-4</v>
      </c>
      <c r="E6308" s="6">
        <f t="shared" si="197"/>
        <v>2.9144282799999999E-3</v>
      </c>
    </row>
    <row r="6309" spans="1:5" x14ac:dyDescent="0.25">
      <c r="A6309" s="1">
        <v>43818.666666666664</v>
      </c>
      <c r="B6309" s="2">
        <v>29.5</v>
      </c>
      <c r="C6309">
        <v>1.177462</v>
      </c>
      <c r="D6309">
        <f t="shared" si="196"/>
        <v>1.177462E-3</v>
      </c>
      <c r="E6309" s="6">
        <f t="shared" si="197"/>
        <v>3.4735128999999997E-2</v>
      </c>
    </row>
    <row r="6310" spans="1:5" x14ac:dyDescent="0.25">
      <c r="A6310" s="1">
        <v>43818.708333333336</v>
      </c>
      <c r="B6310" s="2">
        <v>39.159999999999997</v>
      </c>
      <c r="C6310">
        <v>0</v>
      </c>
      <c r="D6310">
        <f t="shared" si="196"/>
        <v>0</v>
      </c>
      <c r="E6310" s="6">
        <f t="shared" si="197"/>
        <v>0</v>
      </c>
    </row>
    <row r="6311" spans="1:5" x14ac:dyDescent="0.25">
      <c r="A6311" s="1">
        <v>43818.75</v>
      </c>
      <c r="B6311" s="2">
        <v>36.49</v>
      </c>
      <c r="C6311">
        <v>0</v>
      </c>
      <c r="D6311">
        <f t="shared" si="196"/>
        <v>0</v>
      </c>
      <c r="E6311" s="6">
        <f t="shared" si="197"/>
        <v>0</v>
      </c>
    </row>
    <row r="6312" spans="1:5" x14ac:dyDescent="0.25">
      <c r="A6312" s="1">
        <v>43818.791666666664</v>
      </c>
      <c r="B6312" s="2">
        <v>35.450000000000003</v>
      </c>
      <c r="C6312">
        <v>0</v>
      </c>
      <c r="D6312">
        <f t="shared" si="196"/>
        <v>0</v>
      </c>
      <c r="E6312" s="6">
        <f t="shared" si="197"/>
        <v>0</v>
      </c>
    </row>
    <row r="6313" spans="1:5" x14ac:dyDescent="0.25">
      <c r="A6313" s="1">
        <v>43818.833333333336</v>
      </c>
      <c r="B6313" s="2">
        <v>35.44</v>
      </c>
      <c r="C6313">
        <v>0</v>
      </c>
      <c r="D6313">
        <f t="shared" si="196"/>
        <v>0</v>
      </c>
      <c r="E6313" s="6">
        <f t="shared" si="197"/>
        <v>0</v>
      </c>
    </row>
    <row r="6314" spans="1:5" x14ac:dyDescent="0.25">
      <c r="A6314" s="1">
        <v>43818.875</v>
      </c>
      <c r="B6314" s="2">
        <v>31.48</v>
      </c>
      <c r="C6314">
        <v>0</v>
      </c>
      <c r="D6314">
        <f t="shared" si="196"/>
        <v>0</v>
      </c>
      <c r="E6314" s="6">
        <f t="shared" si="197"/>
        <v>0</v>
      </c>
    </row>
    <row r="6315" spans="1:5" x14ac:dyDescent="0.25">
      <c r="A6315" s="1">
        <v>43818.916666666664</v>
      </c>
      <c r="B6315" s="2">
        <v>30.05</v>
      </c>
      <c r="C6315">
        <v>0</v>
      </c>
      <c r="D6315">
        <f t="shared" si="196"/>
        <v>0</v>
      </c>
      <c r="E6315" s="6">
        <f t="shared" si="197"/>
        <v>0</v>
      </c>
    </row>
    <row r="6316" spans="1:5" x14ac:dyDescent="0.25">
      <c r="A6316" s="1">
        <v>43818.958333333336</v>
      </c>
      <c r="B6316" s="2">
        <v>27.5</v>
      </c>
      <c r="C6316">
        <v>0</v>
      </c>
      <c r="D6316">
        <f t="shared" si="196"/>
        <v>0</v>
      </c>
      <c r="E6316" s="6">
        <f t="shared" si="197"/>
        <v>0</v>
      </c>
    </row>
    <row r="6317" spans="1:5" x14ac:dyDescent="0.25">
      <c r="A6317" s="1">
        <v>43819</v>
      </c>
      <c r="B6317" s="2">
        <v>28.33</v>
      </c>
      <c r="C6317">
        <v>0</v>
      </c>
      <c r="D6317">
        <f t="shared" si="196"/>
        <v>0</v>
      </c>
      <c r="E6317" s="6">
        <f t="shared" si="197"/>
        <v>0</v>
      </c>
    </row>
    <row r="6318" spans="1:5" x14ac:dyDescent="0.25">
      <c r="A6318" s="1">
        <v>43819.041666666664</v>
      </c>
      <c r="B6318" s="2">
        <v>28.12</v>
      </c>
      <c r="C6318">
        <v>0</v>
      </c>
      <c r="D6318">
        <f t="shared" si="196"/>
        <v>0</v>
      </c>
      <c r="E6318" s="6">
        <f t="shared" si="197"/>
        <v>0</v>
      </c>
    </row>
    <row r="6319" spans="1:5" x14ac:dyDescent="0.25">
      <c r="A6319" s="1">
        <v>43819.083333333336</v>
      </c>
      <c r="B6319" s="2">
        <v>27.93</v>
      </c>
      <c r="C6319">
        <v>0</v>
      </c>
      <c r="D6319">
        <f t="shared" si="196"/>
        <v>0</v>
      </c>
      <c r="E6319" s="6">
        <f t="shared" si="197"/>
        <v>0</v>
      </c>
    </row>
    <row r="6320" spans="1:5" x14ac:dyDescent="0.25">
      <c r="A6320" s="1">
        <v>43819.125</v>
      </c>
      <c r="B6320" s="2">
        <v>28.07</v>
      </c>
      <c r="C6320">
        <v>0</v>
      </c>
      <c r="D6320">
        <f t="shared" si="196"/>
        <v>0</v>
      </c>
      <c r="E6320" s="6">
        <f t="shared" si="197"/>
        <v>0</v>
      </c>
    </row>
    <row r="6321" spans="1:5" x14ac:dyDescent="0.25">
      <c r="A6321" s="1">
        <v>43819.166666666664</v>
      </c>
      <c r="B6321" s="2">
        <v>30.07</v>
      </c>
      <c r="C6321">
        <v>0</v>
      </c>
      <c r="D6321">
        <f t="shared" si="196"/>
        <v>0</v>
      </c>
      <c r="E6321" s="6">
        <f t="shared" si="197"/>
        <v>0</v>
      </c>
    </row>
    <row r="6322" spans="1:5" x14ac:dyDescent="0.25">
      <c r="A6322" s="1">
        <v>43819.208333333336</v>
      </c>
      <c r="B6322" s="2">
        <v>36.340000000000003</v>
      </c>
      <c r="C6322">
        <v>0</v>
      </c>
      <c r="D6322">
        <f t="shared" si="196"/>
        <v>0</v>
      </c>
      <c r="E6322" s="6">
        <f t="shared" si="197"/>
        <v>0</v>
      </c>
    </row>
    <row r="6323" spans="1:5" x14ac:dyDescent="0.25">
      <c r="A6323" s="1">
        <v>43819.25</v>
      </c>
      <c r="B6323" s="2">
        <v>52.41</v>
      </c>
      <c r="C6323">
        <v>0</v>
      </c>
      <c r="D6323">
        <f t="shared" si="196"/>
        <v>0</v>
      </c>
      <c r="E6323" s="6">
        <f t="shared" si="197"/>
        <v>0</v>
      </c>
    </row>
    <row r="6324" spans="1:5" x14ac:dyDescent="0.25">
      <c r="A6324" s="1">
        <v>43819.291666666664</v>
      </c>
      <c r="B6324" s="2">
        <v>64.569999999999993</v>
      </c>
      <c r="C6324">
        <v>0</v>
      </c>
      <c r="D6324">
        <f t="shared" si="196"/>
        <v>0</v>
      </c>
      <c r="E6324" s="6">
        <f t="shared" si="197"/>
        <v>0</v>
      </c>
    </row>
    <row r="6325" spans="1:5" x14ac:dyDescent="0.25">
      <c r="A6325" s="1">
        <v>43819.333333333336</v>
      </c>
      <c r="B6325" s="2">
        <v>38.590000000000003</v>
      </c>
      <c r="C6325">
        <v>0.86917100000000003</v>
      </c>
      <c r="D6325">
        <f t="shared" si="196"/>
        <v>8.6917100000000007E-4</v>
      </c>
      <c r="E6325" s="6">
        <f t="shared" si="197"/>
        <v>3.3541308890000003E-2</v>
      </c>
    </row>
    <row r="6326" spans="1:5" x14ac:dyDescent="0.25">
      <c r="A6326" s="1">
        <v>43819.375</v>
      </c>
      <c r="B6326" s="2">
        <v>33.67</v>
      </c>
      <c r="C6326">
        <v>2.0361340000000001</v>
      </c>
      <c r="D6326">
        <f t="shared" si="196"/>
        <v>2.0361340000000002E-3</v>
      </c>
      <c r="E6326" s="6">
        <f t="shared" si="197"/>
        <v>6.8556631780000016E-2</v>
      </c>
    </row>
    <row r="6327" spans="1:5" x14ac:dyDescent="0.25">
      <c r="A6327" s="1">
        <v>43819.416666666664</v>
      </c>
      <c r="B6327" s="2">
        <v>26.09</v>
      </c>
      <c r="C6327">
        <v>3.0331930000000003</v>
      </c>
      <c r="D6327">
        <f t="shared" si="196"/>
        <v>3.0331930000000004E-3</v>
      </c>
      <c r="E6327" s="6">
        <f t="shared" si="197"/>
        <v>7.9136005370000012E-2</v>
      </c>
    </row>
    <row r="6328" spans="1:5" x14ac:dyDescent="0.25">
      <c r="A6328" s="1">
        <v>43819.458333333336</v>
      </c>
      <c r="B6328" s="2">
        <v>24.64</v>
      </c>
      <c r="C6328">
        <v>2.7992399999999997</v>
      </c>
      <c r="D6328">
        <f t="shared" si="196"/>
        <v>2.7992399999999997E-3</v>
      </c>
      <c r="E6328" s="6">
        <f t="shared" si="197"/>
        <v>6.8973273599999996E-2</v>
      </c>
    </row>
    <row r="6329" spans="1:5" x14ac:dyDescent="0.25">
      <c r="A6329" s="1">
        <v>43819.5</v>
      </c>
      <c r="B6329" s="2">
        <v>23.22</v>
      </c>
      <c r="C6329">
        <v>2.17414</v>
      </c>
      <c r="D6329">
        <f t="shared" si="196"/>
        <v>2.1741399999999998E-3</v>
      </c>
      <c r="E6329" s="6">
        <f t="shared" si="197"/>
        <v>5.0483530799999989E-2</v>
      </c>
    </row>
    <row r="6330" spans="1:5" x14ac:dyDescent="0.25">
      <c r="A6330" s="1">
        <v>43819.541666666664</v>
      </c>
      <c r="B6330" s="2">
        <v>23.28</v>
      </c>
      <c r="C6330">
        <v>5.6519970000000006</v>
      </c>
      <c r="D6330">
        <f t="shared" si="196"/>
        <v>5.6519970000000006E-3</v>
      </c>
      <c r="E6330" s="6">
        <f t="shared" si="197"/>
        <v>0.13157849016000003</v>
      </c>
    </row>
    <row r="6331" spans="1:5" x14ac:dyDescent="0.25">
      <c r="A6331" s="1">
        <v>43819.583333333336</v>
      </c>
      <c r="B6331" s="2">
        <v>23.08</v>
      </c>
      <c r="C6331">
        <v>3.0478909999999999</v>
      </c>
      <c r="D6331">
        <f t="shared" si="196"/>
        <v>3.0478910000000001E-3</v>
      </c>
      <c r="E6331" s="6">
        <f t="shared" si="197"/>
        <v>7.0345324279999996E-2</v>
      </c>
    </row>
    <row r="6332" spans="1:5" x14ac:dyDescent="0.25">
      <c r="A6332" s="1">
        <v>43819.625</v>
      </c>
      <c r="B6332" s="2">
        <v>23.06</v>
      </c>
      <c r="C6332">
        <v>0.84579700000000002</v>
      </c>
      <c r="D6332">
        <f t="shared" si="196"/>
        <v>8.4579700000000002E-4</v>
      </c>
      <c r="E6332" s="6">
        <f t="shared" si="197"/>
        <v>1.950407882E-2</v>
      </c>
    </row>
    <row r="6333" spans="1:5" x14ac:dyDescent="0.25">
      <c r="A6333" s="1">
        <v>43819.666666666664</v>
      </c>
      <c r="B6333" s="2">
        <v>24.94</v>
      </c>
      <c r="C6333">
        <v>1.4340679999999999</v>
      </c>
      <c r="D6333">
        <f t="shared" si="196"/>
        <v>1.4340679999999999E-3</v>
      </c>
      <c r="E6333" s="6">
        <f t="shared" si="197"/>
        <v>3.576565592E-2</v>
      </c>
    </row>
    <row r="6334" spans="1:5" x14ac:dyDescent="0.25">
      <c r="A6334" s="1">
        <v>43819.708333333336</v>
      </c>
      <c r="B6334" s="2">
        <v>33.19</v>
      </c>
      <c r="C6334">
        <v>0</v>
      </c>
      <c r="D6334">
        <f t="shared" si="196"/>
        <v>0</v>
      </c>
      <c r="E6334" s="6">
        <f t="shared" si="197"/>
        <v>0</v>
      </c>
    </row>
    <row r="6335" spans="1:5" x14ac:dyDescent="0.25">
      <c r="A6335" s="1">
        <v>43819.75</v>
      </c>
      <c r="B6335" s="2">
        <v>29.78</v>
      </c>
      <c r="C6335">
        <v>0</v>
      </c>
      <c r="D6335">
        <f t="shared" si="196"/>
        <v>0</v>
      </c>
      <c r="E6335" s="6">
        <f t="shared" si="197"/>
        <v>0</v>
      </c>
    </row>
    <row r="6336" spans="1:5" x14ac:dyDescent="0.25">
      <c r="A6336" s="1">
        <v>43819.791666666664</v>
      </c>
      <c r="B6336" s="2">
        <v>28.46</v>
      </c>
      <c r="C6336">
        <v>0</v>
      </c>
      <c r="D6336">
        <f t="shared" si="196"/>
        <v>0</v>
      </c>
      <c r="E6336" s="6">
        <f t="shared" si="197"/>
        <v>0</v>
      </c>
    </row>
    <row r="6337" spans="1:5" x14ac:dyDescent="0.25">
      <c r="A6337" s="1">
        <v>43819.833333333336</v>
      </c>
      <c r="B6337" s="2">
        <v>27.62</v>
      </c>
      <c r="C6337">
        <v>0</v>
      </c>
      <c r="D6337">
        <f t="shared" si="196"/>
        <v>0</v>
      </c>
      <c r="E6337" s="6">
        <f t="shared" si="197"/>
        <v>0</v>
      </c>
    </row>
    <row r="6338" spans="1:5" x14ac:dyDescent="0.25">
      <c r="A6338" s="1">
        <v>43819.875</v>
      </c>
      <c r="B6338" s="2">
        <v>25.76</v>
      </c>
      <c r="C6338">
        <v>0</v>
      </c>
      <c r="D6338">
        <f t="shared" si="196"/>
        <v>0</v>
      </c>
      <c r="E6338" s="6">
        <f t="shared" si="197"/>
        <v>0</v>
      </c>
    </row>
    <row r="6339" spans="1:5" x14ac:dyDescent="0.25">
      <c r="A6339" s="1">
        <v>43819.916666666664</v>
      </c>
      <c r="B6339" s="2">
        <v>24.89</v>
      </c>
      <c r="C6339">
        <v>0</v>
      </c>
      <c r="D6339">
        <f t="shared" si="196"/>
        <v>0</v>
      </c>
      <c r="E6339" s="6">
        <f t="shared" si="197"/>
        <v>0</v>
      </c>
    </row>
    <row r="6340" spans="1:5" x14ac:dyDescent="0.25">
      <c r="A6340" s="1">
        <v>43819.958333333336</v>
      </c>
      <c r="B6340" s="2">
        <v>23.67</v>
      </c>
      <c r="C6340">
        <v>0</v>
      </c>
      <c r="D6340">
        <f t="shared" si="196"/>
        <v>0</v>
      </c>
      <c r="E6340" s="6">
        <f t="shared" si="197"/>
        <v>0</v>
      </c>
    </row>
    <row r="6341" spans="1:5" x14ac:dyDescent="0.25">
      <c r="A6341" s="1">
        <v>43820</v>
      </c>
      <c r="B6341" s="2">
        <v>24.98</v>
      </c>
      <c r="C6341">
        <v>0</v>
      </c>
      <c r="D6341">
        <f t="shared" si="196"/>
        <v>0</v>
      </c>
      <c r="E6341" s="6">
        <f t="shared" si="197"/>
        <v>0</v>
      </c>
    </row>
    <row r="6342" spans="1:5" x14ac:dyDescent="0.25">
      <c r="A6342" s="1">
        <v>43820.041666666664</v>
      </c>
      <c r="B6342" s="2">
        <v>24.04</v>
      </c>
      <c r="C6342">
        <v>0</v>
      </c>
      <c r="D6342">
        <f t="shared" ref="D6342:D6405" si="198">C6342/1000</f>
        <v>0</v>
      </c>
      <c r="E6342" s="6">
        <f t="shared" ref="E6342:E6405" si="199">D6342*B6342</f>
        <v>0</v>
      </c>
    </row>
    <row r="6343" spans="1:5" x14ac:dyDescent="0.25">
      <c r="A6343" s="1">
        <v>43820.083333333336</v>
      </c>
      <c r="B6343" s="2">
        <v>24.14</v>
      </c>
      <c r="C6343">
        <v>0</v>
      </c>
      <c r="D6343">
        <f t="shared" si="198"/>
        <v>0</v>
      </c>
      <c r="E6343" s="6">
        <f t="shared" si="199"/>
        <v>0</v>
      </c>
    </row>
    <row r="6344" spans="1:5" x14ac:dyDescent="0.25">
      <c r="A6344" s="1">
        <v>43820.125</v>
      </c>
      <c r="B6344" s="2">
        <v>23.94</v>
      </c>
      <c r="C6344">
        <v>0</v>
      </c>
      <c r="D6344">
        <f t="shared" si="198"/>
        <v>0</v>
      </c>
      <c r="E6344" s="6">
        <f t="shared" si="199"/>
        <v>0</v>
      </c>
    </row>
    <row r="6345" spans="1:5" x14ac:dyDescent="0.25">
      <c r="A6345" s="1">
        <v>43820.166666666664</v>
      </c>
      <c r="B6345" s="2">
        <v>24.19</v>
      </c>
      <c r="C6345">
        <v>0</v>
      </c>
      <c r="D6345">
        <f t="shared" si="198"/>
        <v>0</v>
      </c>
      <c r="E6345" s="6">
        <f t="shared" si="199"/>
        <v>0</v>
      </c>
    </row>
    <row r="6346" spans="1:5" x14ac:dyDescent="0.25">
      <c r="A6346" s="1">
        <v>43820.208333333336</v>
      </c>
      <c r="B6346" s="2">
        <v>25.05</v>
      </c>
      <c r="C6346">
        <v>0</v>
      </c>
      <c r="D6346">
        <f t="shared" si="198"/>
        <v>0</v>
      </c>
      <c r="E6346" s="6">
        <f t="shared" si="199"/>
        <v>0</v>
      </c>
    </row>
    <row r="6347" spans="1:5" x14ac:dyDescent="0.25">
      <c r="A6347" s="1">
        <v>43820.25</v>
      </c>
      <c r="B6347" s="2">
        <v>30.05</v>
      </c>
      <c r="C6347">
        <v>0</v>
      </c>
      <c r="D6347">
        <f t="shared" si="198"/>
        <v>0</v>
      </c>
      <c r="E6347" s="6">
        <f t="shared" si="199"/>
        <v>0</v>
      </c>
    </row>
    <row r="6348" spans="1:5" x14ac:dyDescent="0.25">
      <c r="A6348" s="1">
        <v>43820.291666666664</v>
      </c>
      <c r="B6348" s="2">
        <v>35.22</v>
      </c>
      <c r="C6348">
        <v>0</v>
      </c>
      <c r="D6348">
        <f t="shared" si="198"/>
        <v>0</v>
      </c>
      <c r="E6348" s="6">
        <f t="shared" si="199"/>
        <v>0</v>
      </c>
    </row>
    <row r="6349" spans="1:5" x14ac:dyDescent="0.25">
      <c r="A6349" s="1">
        <v>43820.333333333336</v>
      </c>
      <c r="B6349" s="2">
        <v>36.26</v>
      </c>
      <c r="C6349">
        <v>1.2899090000000002</v>
      </c>
      <c r="D6349">
        <f t="shared" si="198"/>
        <v>1.2899090000000001E-3</v>
      </c>
      <c r="E6349" s="6">
        <f t="shared" si="199"/>
        <v>4.6772100340000004E-2</v>
      </c>
    </row>
    <row r="6350" spans="1:5" x14ac:dyDescent="0.25">
      <c r="A6350" s="1">
        <v>43820.375</v>
      </c>
      <c r="B6350" s="2">
        <v>33.159999999999997</v>
      </c>
      <c r="C6350">
        <v>3.3851460000000002</v>
      </c>
      <c r="D6350">
        <f t="shared" si="198"/>
        <v>3.3851460000000003E-3</v>
      </c>
      <c r="E6350" s="6">
        <f t="shared" si="199"/>
        <v>0.11225144136</v>
      </c>
    </row>
    <row r="6351" spans="1:5" x14ac:dyDescent="0.25">
      <c r="A6351" s="1">
        <v>43820.416666666664</v>
      </c>
      <c r="B6351" s="2">
        <v>26.87</v>
      </c>
      <c r="C6351">
        <v>3.2832800000000004</v>
      </c>
      <c r="D6351">
        <f t="shared" si="198"/>
        <v>3.2832800000000004E-3</v>
      </c>
      <c r="E6351" s="6">
        <f t="shared" si="199"/>
        <v>8.8221733600000019E-2</v>
      </c>
    </row>
    <row r="6352" spans="1:5" x14ac:dyDescent="0.25">
      <c r="A6352" s="1">
        <v>43820.458333333336</v>
      </c>
      <c r="B6352" s="2">
        <v>23.26</v>
      </c>
      <c r="C6352">
        <v>3.1672020000000001</v>
      </c>
      <c r="D6352">
        <f t="shared" si="198"/>
        <v>3.167202E-3</v>
      </c>
      <c r="E6352" s="6">
        <f t="shared" si="199"/>
        <v>7.3669118520000007E-2</v>
      </c>
    </row>
    <row r="6353" spans="1:5" x14ac:dyDescent="0.25">
      <c r="A6353" s="1">
        <v>43820.5</v>
      </c>
      <c r="B6353" s="2">
        <v>21.82</v>
      </c>
      <c r="C6353">
        <v>2.7312979999999998</v>
      </c>
      <c r="D6353">
        <f t="shared" si="198"/>
        <v>2.7312979999999996E-3</v>
      </c>
      <c r="E6353" s="6">
        <f t="shared" si="199"/>
        <v>5.9596922359999992E-2</v>
      </c>
    </row>
    <row r="6354" spans="1:5" x14ac:dyDescent="0.25">
      <c r="A6354" s="1">
        <v>43820.541666666664</v>
      </c>
      <c r="B6354" s="2">
        <v>21.36</v>
      </c>
      <c r="C6354">
        <v>3.1522609999999998</v>
      </c>
      <c r="D6354">
        <f t="shared" si="198"/>
        <v>3.152261E-3</v>
      </c>
      <c r="E6354" s="6">
        <f t="shared" si="199"/>
        <v>6.7332294959999997E-2</v>
      </c>
    </row>
    <row r="6355" spans="1:5" x14ac:dyDescent="0.25">
      <c r="A6355" s="1">
        <v>43820.583333333336</v>
      </c>
      <c r="B6355" s="2">
        <v>21</v>
      </c>
      <c r="C6355">
        <v>3.4767480000000002</v>
      </c>
      <c r="D6355">
        <f t="shared" si="198"/>
        <v>3.476748E-3</v>
      </c>
      <c r="E6355" s="6">
        <f t="shared" si="199"/>
        <v>7.3011707999999995E-2</v>
      </c>
    </row>
    <row r="6356" spans="1:5" x14ac:dyDescent="0.25">
      <c r="A6356" s="1">
        <v>43820.625</v>
      </c>
      <c r="B6356" s="2">
        <v>20.92</v>
      </c>
      <c r="C6356">
        <v>3.2553159999999997</v>
      </c>
      <c r="D6356">
        <f t="shared" si="198"/>
        <v>3.2553159999999999E-3</v>
      </c>
      <c r="E6356" s="6">
        <f t="shared" si="199"/>
        <v>6.8101210719999999E-2</v>
      </c>
    </row>
    <row r="6357" spans="1:5" x14ac:dyDescent="0.25">
      <c r="A6357" s="1">
        <v>43820.666666666664</v>
      </c>
      <c r="B6357" s="2">
        <v>22.86</v>
      </c>
      <c r="C6357">
        <v>1.399097</v>
      </c>
      <c r="D6357">
        <f t="shared" si="198"/>
        <v>1.399097E-3</v>
      </c>
      <c r="E6357" s="6">
        <f t="shared" si="199"/>
        <v>3.1983357419999997E-2</v>
      </c>
    </row>
    <row r="6358" spans="1:5" x14ac:dyDescent="0.25">
      <c r="A6358" s="1">
        <v>43820.708333333336</v>
      </c>
      <c r="B6358" s="2">
        <v>32.36</v>
      </c>
      <c r="C6358">
        <v>0</v>
      </c>
      <c r="D6358">
        <f t="shared" si="198"/>
        <v>0</v>
      </c>
      <c r="E6358" s="6">
        <f t="shared" si="199"/>
        <v>0</v>
      </c>
    </row>
    <row r="6359" spans="1:5" x14ac:dyDescent="0.25">
      <c r="A6359" s="1">
        <v>43820.75</v>
      </c>
      <c r="B6359" s="2">
        <v>27.88</v>
      </c>
      <c r="C6359">
        <v>0</v>
      </c>
      <c r="D6359">
        <f t="shared" si="198"/>
        <v>0</v>
      </c>
      <c r="E6359" s="6">
        <f t="shared" si="199"/>
        <v>0</v>
      </c>
    </row>
    <row r="6360" spans="1:5" x14ac:dyDescent="0.25">
      <c r="A6360" s="1">
        <v>43820.791666666664</v>
      </c>
      <c r="B6360" s="2">
        <v>26.95</v>
      </c>
      <c r="C6360">
        <v>0</v>
      </c>
      <c r="D6360">
        <f t="shared" si="198"/>
        <v>0</v>
      </c>
      <c r="E6360" s="6">
        <f t="shared" si="199"/>
        <v>0</v>
      </c>
    </row>
    <row r="6361" spans="1:5" x14ac:dyDescent="0.25">
      <c r="A6361" s="1">
        <v>43820.833333333336</v>
      </c>
      <c r="B6361" s="2">
        <v>24.54</v>
      </c>
      <c r="C6361">
        <v>0</v>
      </c>
      <c r="D6361">
        <f t="shared" si="198"/>
        <v>0</v>
      </c>
      <c r="E6361" s="6">
        <f t="shared" si="199"/>
        <v>0</v>
      </c>
    </row>
    <row r="6362" spans="1:5" x14ac:dyDescent="0.25">
      <c r="A6362" s="1">
        <v>43820.875</v>
      </c>
      <c r="B6362" s="2">
        <v>23.14</v>
      </c>
      <c r="C6362">
        <v>0</v>
      </c>
      <c r="D6362">
        <f t="shared" si="198"/>
        <v>0</v>
      </c>
      <c r="E6362" s="6">
        <f t="shared" si="199"/>
        <v>0</v>
      </c>
    </row>
    <row r="6363" spans="1:5" x14ac:dyDescent="0.25">
      <c r="A6363" s="1">
        <v>43820.916666666664</v>
      </c>
      <c r="B6363" s="2">
        <v>21.37</v>
      </c>
      <c r="C6363">
        <v>0</v>
      </c>
      <c r="D6363">
        <f t="shared" si="198"/>
        <v>0</v>
      </c>
      <c r="E6363" s="6">
        <f t="shared" si="199"/>
        <v>0</v>
      </c>
    </row>
    <row r="6364" spans="1:5" x14ac:dyDescent="0.25">
      <c r="A6364" s="1">
        <v>43820.958333333336</v>
      </c>
      <c r="B6364" s="2">
        <v>20.87</v>
      </c>
      <c r="C6364">
        <v>0</v>
      </c>
      <c r="D6364">
        <f t="shared" si="198"/>
        <v>0</v>
      </c>
      <c r="E6364" s="6">
        <f t="shared" si="199"/>
        <v>0</v>
      </c>
    </row>
    <row r="6365" spans="1:5" x14ac:dyDescent="0.25">
      <c r="A6365" s="1">
        <v>43821</v>
      </c>
      <c r="B6365" s="2">
        <v>21.85</v>
      </c>
      <c r="C6365">
        <v>0</v>
      </c>
      <c r="D6365">
        <f t="shared" si="198"/>
        <v>0</v>
      </c>
      <c r="E6365" s="6">
        <f t="shared" si="199"/>
        <v>0</v>
      </c>
    </row>
    <row r="6366" spans="1:5" x14ac:dyDescent="0.25">
      <c r="A6366" s="1">
        <v>43821.041666666664</v>
      </c>
      <c r="B6366" s="2">
        <v>21.14</v>
      </c>
      <c r="C6366">
        <v>0</v>
      </c>
      <c r="D6366">
        <f t="shared" si="198"/>
        <v>0</v>
      </c>
      <c r="E6366" s="6">
        <f t="shared" si="199"/>
        <v>0</v>
      </c>
    </row>
    <row r="6367" spans="1:5" x14ac:dyDescent="0.25">
      <c r="A6367" s="1">
        <v>43821.083333333336</v>
      </c>
      <c r="B6367" s="2">
        <v>21.13</v>
      </c>
      <c r="C6367">
        <v>0</v>
      </c>
      <c r="D6367">
        <f t="shared" si="198"/>
        <v>0</v>
      </c>
      <c r="E6367" s="6">
        <f t="shared" si="199"/>
        <v>0</v>
      </c>
    </row>
    <row r="6368" spans="1:5" x14ac:dyDescent="0.25">
      <c r="A6368" s="1">
        <v>43821.125</v>
      </c>
      <c r="B6368" s="2">
        <v>21.12</v>
      </c>
      <c r="C6368">
        <v>0</v>
      </c>
      <c r="D6368">
        <f t="shared" si="198"/>
        <v>0</v>
      </c>
      <c r="E6368" s="6">
        <f t="shared" si="199"/>
        <v>0</v>
      </c>
    </row>
    <row r="6369" spans="1:5" x14ac:dyDescent="0.25">
      <c r="A6369" s="1">
        <v>43821.166666666664</v>
      </c>
      <c r="B6369" s="2">
        <v>21.54</v>
      </c>
      <c r="C6369">
        <v>0</v>
      </c>
      <c r="D6369">
        <f t="shared" si="198"/>
        <v>0</v>
      </c>
      <c r="E6369" s="6">
        <f t="shared" si="199"/>
        <v>0</v>
      </c>
    </row>
    <row r="6370" spans="1:5" x14ac:dyDescent="0.25">
      <c r="A6370" s="1">
        <v>43821.208333333336</v>
      </c>
      <c r="B6370" s="2">
        <v>22.48</v>
      </c>
      <c r="C6370">
        <v>0</v>
      </c>
      <c r="D6370">
        <f t="shared" si="198"/>
        <v>0</v>
      </c>
      <c r="E6370" s="6">
        <f t="shared" si="199"/>
        <v>0</v>
      </c>
    </row>
    <row r="6371" spans="1:5" x14ac:dyDescent="0.25">
      <c r="A6371" s="1">
        <v>43821.25</v>
      </c>
      <c r="B6371" s="2">
        <v>24.11</v>
      </c>
      <c r="C6371">
        <v>0</v>
      </c>
      <c r="D6371">
        <f t="shared" si="198"/>
        <v>0</v>
      </c>
      <c r="E6371" s="6">
        <f t="shared" si="199"/>
        <v>0</v>
      </c>
    </row>
    <row r="6372" spans="1:5" x14ac:dyDescent="0.25">
      <c r="A6372" s="1">
        <v>43821.291666666664</v>
      </c>
      <c r="B6372" s="2">
        <v>28.01</v>
      </c>
      <c r="C6372">
        <v>0</v>
      </c>
      <c r="D6372">
        <f t="shared" si="198"/>
        <v>0</v>
      </c>
      <c r="E6372" s="6">
        <f t="shared" si="199"/>
        <v>0</v>
      </c>
    </row>
    <row r="6373" spans="1:5" x14ac:dyDescent="0.25">
      <c r="A6373" s="1">
        <v>43821.333333333336</v>
      </c>
      <c r="B6373" s="2">
        <v>27.16</v>
      </c>
      <c r="C6373">
        <v>4.3383999999999999E-2</v>
      </c>
      <c r="D6373">
        <f t="shared" si="198"/>
        <v>4.3383999999999997E-5</v>
      </c>
      <c r="E6373" s="6">
        <f t="shared" si="199"/>
        <v>1.17830944E-3</v>
      </c>
    </row>
    <row r="6374" spans="1:5" x14ac:dyDescent="0.25">
      <c r="A6374" s="1">
        <v>43821.375</v>
      </c>
      <c r="B6374" s="2">
        <v>24.64</v>
      </c>
      <c r="C6374">
        <v>0.83155800000000002</v>
      </c>
      <c r="D6374">
        <f t="shared" si="198"/>
        <v>8.3155800000000004E-4</v>
      </c>
      <c r="E6374" s="6">
        <f t="shared" si="199"/>
        <v>2.0489589120000002E-2</v>
      </c>
    </row>
    <row r="6375" spans="1:5" x14ac:dyDescent="0.25">
      <c r="A6375" s="1">
        <v>43821.416666666664</v>
      </c>
      <c r="B6375" s="2">
        <v>22.74</v>
      </c>
      <c r="C6375">
        <v>1.2652539999999999</v>
      </c>
      <c r="D6375">
        <f t="shared" si="198"/>
        <v>1.2652539999999999E-3</v>
      </c>
      <c r="E6375" s="6">
        <f t="shared" si="199"/>
        <v>2.8771875959999998E-2</v>
      </c>
    </row>
    <row r="6376" spans="1:5" x14ac:dyDescent="0.25">
      <c r="A6376" s="1">
        <v>43821.458333333336</v>
      </c>
      <c r="B6376" s="2">
        <v>20.87</v>
      </c>
      <c r="C6376">
        <v>1.3955</v>
      </c>
      <c r="D6376">
        <f t="shared" si="198"/>
        <v>1.3955E-3</v>
      </c>
      <c r="E6376" s="6">
        <f t="shared" si="199"/>
        <v>2.9124085000000001E-2</v>
      </c>
    </row>
    <row r="6377" spans="1:5" x14ac:dyDescent="0.25">
      <c r="A6377" s="1">
        <v>43821.5</v>
      </c>
      <c r="B6377" s="2">
        <v>20.260000000000002</v>
      </c>
      <c r="C6377">
        <v>4.3408370000000005</v>
      </c>
      <c r="D6377">
        <f t="shared" si="198"/>
        <v>4.3408370000000002E-3</v>
      </c>
      <c r="E6377" s="6">
        <f t="shared" si="199"/>
        <v>8.7945357620000011E-2</v>
      </c>
    </row>
    <row r="6378" spans="1:5" x14ac:dyDescent="0.25">
      <c r="A6378" s="1">
        <v>43821.541666666664</v>
      </c>
      <c r="B6378" s="2">
        <v>20.03</v>
      </c>
      <c r="C6378">
        <v>3.0272199999999998</v>
      </c>
      <c r="D6378">
        <f t="shared" si="198"/>
        <v>3.0272199999999997E-3</v>
      </c>
      <c r="E6378" s="6">
        <f t="shared" si="199"/>
        <v>6.06352166E-2</v>
      </c>
    </row>
    <row r="6379" spans="1:5" x14ac:dyDescent="0.25">
      <c r="A6379" s="1">
        <v>43821.583333333336</v>
      </c>
      <c r="B6379" s="2">
        <v>19.309999999999999</v>
      </c>
      <c r="C6379">
        <v>4.3512120000000003</v>
      </c>
      <c r="D6379">
        <f t="shared" si="198"/>
        <v>4.3512120000000001E-3</v>
      </c>
      <c r="E6379" s="6">
        <f t="shared" si="199"/>
        <v>8.4021903719999999E-2</v>
      </c>
    </row>
    <row r="6380" spans="1:5" x14ac:dyDescent="0.25">
      <c r="A6380" s="1">
        <v>43821.625</v>
      </c>
      <c r="B6380" s="2">
        <v>19.72</v>
      </c>
      <c r="C6380">
        <v>3.192275</v>
      </c>
      <c r="D6380">
        <f t="shared" si="198"/>
        <v>3.1922750000000001E-3</v>
      </c>
      <c r="E6380" s="6">
        <f t="shared" si="199"/>
        <v>6.2951662999999991E-2</v>
      </c>
    </row>
    <row r="6381" spans="1:5" x14ac:dyDescent="0.25">
      <c r="A6381" s="1">
        <v>43821.666666666664</v>
      </c>
      <c r="B6381" s="2">
        <v>22.24</v>
      </c>
      <c r="C6381">
        <v>2.0868850000000001</v>
      </c>
      <c r="D6381">
        <f t="shared" si="198"/>
        <v>2.0868850000000001E-3</v>
      </c>
      <c r="E6381" s="6">
        <f t="shared" si="199"/>
        <v>4.6412322399999997E-2</v>
      </c>
    </row>
    <row r="6382" spans="1:5" x14ac:dyDescent="0.25">
      <c r="A6382" s="1">
        <v>43821.708333333336</v>
      </c>
      <c r="B6382" s="2">
        <v>27.91</v>
      </c>
      <c r="C6382">
        <v>0</v>
      </c>
      <c r="D6382">
        <f t="shared" si="198"/>
        <v>0</v>
      </c>
      <c r="E6382" s="6">
        <f t="shared" si="199"/>
        <v>0</v>
      </c>
    </row>
    <row r="6383" spans="1:5" x14ac:dyDescent="0.25">
      <c r="A6383" s="1">
        <v>43821.75</v>
      </c>
      <c r="B6383" s="2">
        <v>25.73</v>
      </c>
      <c r="C6383">
        <v>0</v>
      </c>
      <c r="D6383">
        <f t="shared" si="198"/>
        <v>0</v>
      </c>
      <c r="E6383" s="6">
        <f t="shared" si="199"/>
        <v>0</v>
      </c>
    </row>
    <row r="6384" spans="1:5" x14ac:dyDescent="0.25">
      <c r="A6384" s="1">
        <v>43821.791666666664</v>
      </c>
      <c r="B6384" s="2">
        <v>25.05</v>
      </c>
      <c r="C6384">
        <v>0</v>
      </c>
      <c r="D6384">
        <f t="shared" si="198"/>
        <v>0</v>
      </c>
      <c r="E6384" s="6">
        <f t="shared" si="199"/>
        <v>0</v>
      </c>
    </row>
    <row r="6385" spans="1:5" x14ac:dyDescent="0.25">
      <c r="A6385" s="1">
        <v>43821.833333333336</v>
      </c>
      <c r="B6385" s="2">
        <v>23.8</v>
      </c>
      <c r="C6385">
        <v>0</v>
      </c>
      <c r="D6385">
        <f t="shared" si="198"/>
        <v>0</v>
      </c>
      <c r="E6385" s="6">
        <f t="shared" si="199"/>
        <v>0</v>
      </c>
    </row>
    <row r="6386" spans="1:5" x14ac:dyDescent="0.25">
      <c r="A6386" s="1">
        <v>43821.875</v>
      </c>
      <c r="B6386" s="2">
        <v>22.85</v>
      </c>
      <c r="C6386">
        <v>0</v>
      </c>
      <c r="D6386">
        <f t="shared" si="198"/>
        <v>0</v>
      </c>
      <c r="E6386" s="6">
        <f t="shared" si="199"/>
        <v>0</v>
      </c>
    </row>
    <row r="6387" spans="1:5" x14ac:dyDescent="0.25">
      <c r="A6387" s="1">
        <v>43821.916666666664</v>
      </c>
      <c r="B6387" s="2">
        <v>21.06</v>
      </c>
      <c r="C6387">
        <v>0</v>
      </c>
      <c r="D6387">
        <f t="shared" si="198"/>
        <v>0</v>
      </c>
      <c r="E6387" s="6">
        <f t="shared" si="199"/>
        <v>0</v>
      </c>
    </row>
    <row r="6388" spans="1:5" x14ac:dyDescent="0.25">
      <c r="A6388" s="1">
        <v>43821.958333333336</v>
      </c>
      <c r="B6388" s="2">
        <v>20.04</v>
      </c>
      <c r="C6388">
        <v>0</v>
      </c>
      <c r="D6388">
        <f t="shared" si="198"/>
        <v>0</v>
      </c>
      <c r="E6388" s="6">
        <f t="shared" si="199"/>
        <v>0</v>
      </c>
    </row>
    <row r="6389" spans="1:5" x14ac:dyDescent="0.25">
      <c r="A6389" s="1">
        <v>43822</v>
      </c>
      <c r="B6389" s="2">
        <v>19.88</v>
      </c>
      <c r="C6389">
        <v>0</v>
      </c>
      <c r="D6389">
        <f t="shared" si="198"/>
        <v>0</v>
      </c>
      <c r="E6389" s="6">
        <f t="shared" si="199"/>
        <v>0</v>
      </c>
    </row>
    <row r="6390" spans="1:5" x14ac:dyDescent="0.25">
      <c r="A6390" s="1">
        <v>43822.041666666664</v>
      </c>
      <c r="B6390" s="2">
        <v>19.53</v>
      </c>
      <c r="C6390">
        <v>0</v>
      </c>
      <c r="D6390">
        <f t="shared" si="198"/>
        <v>0</v>
      </c>
      <c r="E6390" s="6">
        <f t="shared" si="199"/>
        <v>0</v>
      </c>
    </row>
    <row r="6391" spans="1:5" x14ac:dyDescent="0.25">
      <c r="A6391" s="1">
        <v>43822.083333333336</v>
      </c>
      <c r="B6391" s="2">
        <v>19.5</v>
      </c>
      <c r="C6391">
        <v>0</v>
      </c>
      <c r="D6391">
        <f t="shared" si="198"/>
        <v>0</v>
      </c>
      <c r="E6391" s="6">
        <f t="shared" si="199"/>
        <v>0</v>
      </c>
    </row>
    <row r="6392" spans="1:5" x14ac:dyDescent="0.25">
      <c r="A6392" s="1">
        <v>43822.125</v>
      </c>
      <c r="B6392" s="2">
        <v>19.54</v>
      </c>
      <c r="C6392">
        <v>0</v>
      </c>
      <c r="D6392">
        <f t="shared" si="198"/>
        <v>0</v>
      </c>
      <c r="E6392" s="6">
        <f t="shared" si="199"/>
        <v>0</v>
      </c>
    </row>
    <row r="6393" spans="1:5" x14ac:dyDescent="0.25">
      <c r="A6393" s="1">
        <v>43822.166666666664</v>
      </c>
      <c r="B6393" s="2">
        <v>21.57</v>
      </c>
      <c r="C6393">
        <v>0</v>
      </c>
      <c r="D6393">
        <f t="shared" si="198"/>
        <v>0</v>
      </c>
      <c r="E6393" s="6">
        <f t="shared" si="199"/>
        <v>0</v>
      </c>
    </row>
    <row r="6394" spans="1:5" x14ac:dyDescent="0.25">
      <c r="A6394" s="1">
        <v>43822.208333333336</v>
      </c>
      <c r="B6394" s="2">
        <v>23.05</v>
      </c>
      <c r="C6394">
        <v>0</v>
      </c>
      <c r="D6394">
        <f t="shared" si="198"/>
        <v>0</v>
      </c>
      <c r="E6394" s="6">
        <f t="shared" si="199"/>
        <v>0</v>
      </c>
    </row>
    <row r="6395" spans="1:5" x14ac:dyDescent="0.25">
      <c r="A6395" s="1">
        <v>43822.25</v>
      </c>
      <c r="B6395" s="2">
        <v>37.049999999999997</v>
      </c>
      <c r="C6395">
        <v>0</v>
      </c>
      <c r="D6395">
        <f t="shared" si="198"/>
        <v>0</v>
      </c>
      <c r="E6395" s="6">
        <f t="shared" si="199"/>
        <v>0</v>
      </c>
    </row>
    <row r="6396" spans="1:5" x14ac:dyDescent="0.25">
      <c r="A6396" s="1">
        <v>43822.291666666664</v>
      </c>
      <c r="B6396" s="2">
        <v>43.31</v>
      </c>
      <c r="C6396">
        <v>0</v>
      </c>
      <c r="D6396">
        <f t="shared" si="198"/>
        <v>0</v>
      </c>
      <c r="E6396" s="6">
        <f t="shared" si="199"/>
        <v>0</v>
      </c>
    </row>
    <row r="6397" spans="1:5" x14ac:dyDescent="0.25">
      <c r="A6397" s="1">
        <v>43822.333333333336</v>
      </c>
      <c r="B6397" s="2">
        <v>30.86</v>
      </c>
      <c r="C6397">
        <v>0.36147199999999996</v>
      </c>
      <c r="D6397">
        <f t="shared" si="198"/>
        <v>3.6147199999999994E-4</v>
      </c>
      <c r="E6397" s="6">
        <f t="shared" si="199"/>
        <v>1.1155025919999999E-2</v>
      </c>
    </row>
    <row r="6398" spans="1:5" x14ac:dyDescent="0.25">
      <c r="A6398" s="1">
        <v>43822.375</v>
      </c>
      <c r="B6398" s="2">
        <v>29.42</v>
      </c>
      <c r="C6398">
        <v>0.179087</v>
      </c>
      <c r="D6398">
        <f t="shared" si="198"/>
        <v>1.79087E-4</v>
      </c>
      <c r="E6398" s="6">
        <f t="shared" si="199"/>
        <v>5.2687395400000002E-3</v>
      </c>
    </row>
    <row r="6399" spans="1:5" x14ac:dyDescent="0.25">
      <c r="A6399" s="1">
        <v>43822.416666666664</v>
      </c>
      <c r="B6399" s="2">
        <v>26.94</v>
      </c>
      <c r="C6399">
        <v>0.68771799999999994</v>
      </c>
      <c r="D6399">
        <f t="shared" si="198"/>
        <v>6.8771799999999992E-4</v>
      </c>
      <c r="E6399" s="6">
        <f t="shared" si="199"/>
        <v>1.852712292E-2</v>
      </c>
    </row>
    <row r="6400" spans="1:5" x14ac:dyDescent="0.25">
      <c r="A6400" s="1">
        <v>43822.458333333336</v>
      </c>
      <c r="B6400" s="2">
        <v>23.27</v>
      </c>
      <c r="C6400">
        <v>1.587914</v>
      </c>
      <c r="D6400">
        <f t="shared" si="198"/>
        <v>1.5879139999999999E-3</v>
      </c>
      <c r="E6400" s="6">
        <f t="shared" si="199"/>
        <v>3.6950758779999995E-2</v>
      </c>
    </row>
    <row r="6401" spans="1:5" x14ac:dyDescent="0.25">
      <c r="A6401" s="1">
        <v>43822.5</v>
      </c>
      <c r="B6401" s="2">
        <v>22.52</v>
      </c>
      <c r="C6401">
        <v>0.78761499999999995</v>
      </c>
      <c r="D6401">
        <f t="shared" si="198"/>
        <v>7.8761499999999997E-4</v>
      </c>
      <c r="E6401" s="6">
        <f t="shared" si="199"/>
        <v>1.7737089799999998E-2</v>
      </c>
    </row>
    <row r="6402" spans="1:5" x14ac:dyDescent="0.25">
      <c r="A6402" s="1">
        <v>43822.541666666664</v>
      </c>
      <c r="B6402" s="2">
        <v>22.24</v>
      </c>
      <c r="C6402">
        <v>1.0818030000000001</v>
      </c>
      <c r="D6402">
        <f t="shared" si="198"/>
        <v>1.0818030000000001E-3</v>
      </c>
      <c r="E6402" s="6">
        <f t="shared" si="199"/>
        <v>2.405929872E-2</v>
      </c>
    </row>
    <row r="6403" spans="1:5" x14ac:dyDescent="0.25">
      <c r="A6403" s="1">
        <v>43822.583333333336</v>
      </c>
      <c r="B6403" s="2">
        <v>21.45</v>
      </c>
      <c r="C6403">
        <v>0.94316499999999992</v>
      </c>
      <c r="D6403">
        <f t="shared" si="198"/>
        <v>9.4316499999999993E-4</v>
      </c>
      <c r="E6403" s="6">
        <f t="shared" si="199"/>
        <v>2.0230889249999998E-2</v>
      </c>
    </row>
    <row r="6404" spans="1:5" x14ac:dyDescent="0.25">
      <c r="A6404" s="1">
        <v>43822.625</v>
      </c>
      <c r="B6404" s="2">
        <v>21.81</v>
      </c>
      <c r="C6404">
        <v>0.62451599999999996</v>
      </c>
      <c r="D6404">
        <f t="shared" si="198"/>
        <v>6.2451599999999998E-4</v>
      </c>
      <c r="E6404" s="6">
        <f t="shared" si="199"/>
        <v>1.3620693959999999E-2</v>
      </c>
    </row>
    <row r="6405" spans="1:5" x14ac:dyDescent="0.25">
      <c r="A6405" s="1">
        <v>43822.666666666664</v>
      </c>
      <c r="B6405" s="2">
        <v>23.01</v>
      </c>
      <c r="C6405">
        <v>0.24517800000000001</v>
      </c>
      <c r="D6405">
        <f t="shared" si="198"/>
        <v>2.4517800000000003E-4</v>
      </c>
      <c r="E6405" s="6">
        <f t="shared" si="199"/>
        <v>5.6415457800000008E-3</v>
      </c>
    </row>
    <row r="6406" spans="1:5" x14ac:dyDescent="0.25">
      <c r="A6406" s="1">
        <v>43822.708333333336</v>
      </c>
      <c r="B6406" s="2">
        <v>31.31</v>
      </c>
      <c r="C6406">
        <v>0</v>
      </c>
      <c r="D6406">
        <f t="shared" ref="D6406:D6469" si="200">C6406/1000</f>
        <v>0</v>
      </c>
      <c r="E6406" s="6">
        <f t="shared" ref="E6406:E6469" si="201">D6406*B6406</f>
        <v>0</v>
      </c>
    </row>
    <row r="6407" spans="1:5" x14ac:dyDescent="0.25">
      <c r="A6407" s="1">
        <v>43822.75</v>
      </c>
      <c r="B6407" s="2">
        <v>28.3</v>
      </c>
      <c r="C6407">
        <v>0</v>
      </c>
      <c r="D6407">
        <f t="shared" si="200"/>
        <v>0</v>
      </c>
      <c r="E6407" s="6">
        <f t="shared" si="201"/>
        <v>0</v>
      </c>
    </row>
    <row r="6408" spans="1:5" x14ac:dyDescent="0.25">
      <c r="A6408" s="1">
        <v>43822.791666666664</v>
      </c>
      <c r="B6408" s="2">
        <v>27.95</v>
      </c>
      <c r="C6408">
        <v>0</v>
      </c>
      <c r="D6408">
        <f t="shared" si="200"/>
        <v>0</v>
      </c>
      <c r="E6408" s="6">
        <f t="shared" si="201"/>
        <v>0</v>
      </c>
    </row>
    <row r="6409" spans="1:5" x14ac:dyDescent="0.25">
      <c r="A6409" s="1">
        <v>43822.833333333336</v>
      </c>
      <c r="B6409" s="2">
        <v>27.08</v>
      </c>
      <c r="C6409">
        <v>0</v>
      </c>
      <c r="D6409">
        <f t="shared" si="200"/>
        <v>0</v>
      </c>
      <c r="E6409" s="6">
        <f t="shared" si="201"/>
        <v>0</v>
      </c>
    </row>
    <row r="6410" spans="1:5" x14ac:dyDescent="0.25">
      <c r="A6410" s="1">
        <v>43822.875</v>
      </c>
      <c r="B6410" s="2">
        <v>23.83</v>
      </c>
      <c r="C6410">
        <v>0</v>
      </c>
      <c r="D6410">
        <f t="shared" si="200"/>
        <v>0</v>
      </c>
      <c r="E6410" s="6">
        <f t="shared" si="201"/>
        <v>0</v>
      </c>
    </row>
    <row r="6411" spans="1:5" x14ac:dyDescent="0.25">
      <c r="A6411" s="1">
        <v>43822.916666666664</v>
      </c>
      <c r="B6411" s="2">
        <v>21.94</v>
      </c>
      <c r="C6411">
        <v>0</v>
      </c>
      <c r="D6411">
        <f t="shared" si="200"/>
        <v>0</v>
      </c>
      <c r="E6411" s="6">
        <f t="shared" si="201"/>
        <v>0</v>
      </c>
    </row>
    <row r="6412" spans="1:5" x14ac:dyDescent="0.25">
      <c r="A6412" s="1">
        <v>43822.958333333336</v>
      </c>
      <c r="B6412" s="2">
        <v>19.940000000000001</v>
      </c>
      <c r="C6412">
        <v>0</v>
      </c>
      <c r="D6412">
        <f t="shared" si="200"/>
        <v>0</v>
      </c>
      <c r="E6412" s="6">
        <f t="shared" si="201"/>
        <v>0</v>
      </c>
    </row>
    <row r="6413" spans="1:5" x14ac:dyDescent="0.25">
      <c r="A6413" s="1">
        <v>43823</v>
      </c>
      <c r="B6413" s="2">
        <v>18.43</v>
      </c>
      <c r="C6413">
        <v>0</v>
      </c>
      <c r="D6413">
        <f t="shared" si="200"/>
        <v>0</v>
      </c>
      <c r="E6413" s="6">
        <f t="shared" si="201"/>
        <v>0</v>
      </c>
    </row>
    <row r="6414" spans="1:5" x14ac:dyDescent="0.25">
      <c r="A6414" s="1">
        <v>43823.041666666664</v>
      </c>
      <c r="B6414" s="2">
        <v>17.64</v>
      </c>
      <c r="C6414">
        <v>0</v>
      </c>
      <c r="D6414">
        <f t="shared" si="200"/>
        <v>0</v>
      </c>
      <c r="E6414" s="6">
        <f t="shared" si="201"/>
        <v>0</v>
      </c>
    </row>
    <row r="6415" spans="1:5" x14ac:dyDescent="0.25">
      <c r="A6415" s="1">
        <v>43823.083333333336</v>
      </c>
      <c r="B6415" s="2">
        <v>17.47</v>
      </c>
      <c r="C6415">
        <v>0</v>
      </c>
      <c r="D6415">
        <f t="shared" si="200"/>
        <v>0</v>
      </c>
      <c r="E6415" s="6">
        <f t="shared" si="201"/>
        <v>0</v>
      </c>
    </row>
    <row r="6416" spans="1:5" x14ac:dyDescent="0.25">
      <c r="A6416" s="1">
        <v>43823.125</v>
      </c>
      <c r="B6416" s="2">
        <v>17.440000000000001</v>
      </c>
      <c r="C6416">
        <v>0</v>
      </c>
      <c r="D6416">
        <f t="shared" si="200"/>
        <v>0</v>
      </c>
      <c r="E6416" s="6">
        <f t="shared" si="201"/>
        <v>0</v>
      </c>
    </row>
    <row r="6417" spans="1:5" x14ac:dyDescent="0.25">
      <c r="A6417" s="1">
        <v>43823.166666666664</v>
      </c>
      <c r="B6417" s="2">
        <v>17.940000000000001</v>
      </c>
      <c r="C6417">
        <v>0</v>
      </c>
      <c r="D6417">
        <f t="shared" si="200"/>
        <v>0</v>
      </c>
      <c r="E6417" s="6">
        <f t="shared" si="201"/>
        <v>0</v>
      </c>
    </row>
    <row r="6418" spans="1:5" x14ac:dyDescent="0.25">
      <c r="A6418" s="1">
        <v>43823.208333333336</v>
      </c>
      <c r="B6418" s="2">
        <v>19.3</v>
      </c>
      <c r="C6418">
        <v>0</v>
      </c>
      <c r="D6418">
        <f t="shared" si="200"/>
        <v>0</v>
      </c>
      <c r="E6418" s="6">
        <f t="shared" si="201"/>
        <v>0</v>
      </c>
    </row>
    <row r="6419" spans="1:5" x14ac:dyDescent="0.25">
      <c r="A6419" s="1">
        <v>43823.25</v>
      </c>
      <c r="B6419" s="2">
        <v>20.52</v>
      </c>
      <c r="C6419">
        <v>0</v>
      </c>
      <c r="D6419">
        <f t="shared" si="200"/>
        <v>0</v>
      </c>
      <c r="E6419" s="6">
        <f t="shared" si="201"/>
        <v>0</v>
      </c>
    </row>
    <row r="6420" spans="1:5" x14ac:dyDescent="0.25">
      <c r="A6420" s="1">
        <v>43823.291666666664</v>
      </c>
      <c r="B6420" s="2">
        <v>22.47</v>
      </c>
      <c r="C6420">
        <v>0</v>
      </c>
      <c r="D6420">
        <f t="shared" si="200"/>
        <v>0</v>
      </c>
      <c r="E6420" s="6">
        <f t="shared" si="201"/>
        <v>0</v>
      </c>
    </row>
    <row r="6421" spans="1:5" x14ac:dyDescent="0.25">
      <c r="A6421" s="1">
        <v>43823.333333333336</v>
      </c>
      <c r="B6421" s="2">
        <v>22.38</v>
      </c>
      <c r="C6421">
        <v>0.36592599999999997</v>
      </c>
      <c r="D6421">
        <f t="shared" si="200"/>
        <v>3.6592599999999998E-4</v>
      </c>
      <c r="E6421" s="6">
        <f t="shared" si="201"/>
        <v>8.1894238799999994E-3</v>
      </c>
    </row>
    <row r="6422" spans="1:5" x14ac:dyDescent="0.25">
      <c r="A6422" s="1">
        <v>43823.375</v>
      </c>
      <c r="B6422" s="2">
        <v>22.13</v>
      </c>
      <c r="C6422">
        <v>1.3703859999999999</v>
      </c>
      <c r="D6422">
        <f t="shared" si="200"/>
        <v>1.3703859999999999E-3</v>
      </c>
      <c r="E6422" s="6">
        <f t="shared" si="201"/>
        <v>3.0326642179999998E-2</v>
      </c>
    </row>
    <row r="6423" spans="1:5" x14ac:dyDescent="0.25">
      <c r="A6423" s="1">
        <v>43823.416666666664</v>
      </c>
      <c r="B6423" s="2">
        <v>21.09</v>
      </c>
      <c r="C6423">
        <v>1.7094670000000001</v>
      </c>
      <c r="D6423">
        <f t="shared" si="200"/>
        <v>1.7094670000000001E-3</v>
      </c>
      <c r="E6423" s="6">
        <f t="shared" si="201"/>
        <v>3.6052659030000003E-2</v>
      </c>
    </row>
    <row r="6424" spans="1:5" x14ac:dyDescent="0.25">
      <c r="A6424" s="1">
        <v>43823.458333333336</v>
      </c>
      <c r="B6424" s="2">
        <v>20.010000000000002</v>
      </c>
      <c r="C6424">
        <v>4.3031829999999998</v>
      </c>
      <c r="D6424">
        <f t="shared" si="200"/>
        <v>4.3031829999999995E-3</v>
      </c>
      <c r="E6424" s="6">
        <f t="shared" si="201"/>
        <v>8.6106691829999998E-2</v>
      </c>
    </row>
    <row r="6425" spans="1:5" x14ac:dyDescent="0.25">
      <c r="A6425" s="1">
        <v>43823.5</v>
      </c>
      <c r="B6425" s="2">
        <v>19.649999999999999</v>
      </c>
      <c r="C6425">
        <v>4.5047709999999999</v>
      </c>
      <c r="D6425">
        <f t="shared" si="200"/>
        <v>4.5047709999999994E-3</v>
      </c>
      <c r="E6425" s="6">
        <f t="shared" si="201"/>
        <v>8.8518750149999978E-2</v>
      </c>
    </row>
    <row r="6426" spans="1:5" x14ac:dyDescent="0.25">
      <c r="A6426" s="1">
        <v>43823.541666666664</v>
      </c>
      <c r="B6426" s="2">
        <v>19.079999999999998</v>
      </c>
      <c r="C6426">
        <v>4.7889150000000003</v>
      </c>
      <c r="D6426">
        <f t="shared" si="200"/>
        <v>4.7889150000000004E-3</v>
      </c>
      <c r="E6426" s="6">
        <f t="shared" si="201"/>
        <v>9.1372498199999999E-2</v>
      </c>
    </row>
    <row r="6427" spans="1:5" x14ac:dyDescent="0.25">
      <c r="A6427" s="1">
        <v>43823.583333333336</v>
      </c>
      <c r="B6427" s="2">
        <v>18.559999999999999</v>
      </c>
      <c r="C6427">
        <v>4.205832</v>
      </c>
      <c r="D6427">
        <f t="shared" si="200"/>
        <v>4.2058319999999996E-3</v>
      </c>
      <c r="E6427" s="6">
        <f t="shared" si="201"/>
        <v>7.8060241919999981E-2</v>
      </c>
    </row>
    <row r="6428" spans="1:5" x14ac:dyDescent="0.25">
      <c r="A6428" s="1">
        <v>43823.625</v>
      </c>
      <c r="B6428" s="2">
        <v>18.690000000000001</v>
      </c>
      <c r="C6428">
        <v>3.5356030000000001</v>
      </c>
      <c r="D6428">
        <f t="shared" si="200"/>
        <v>3.535603E-3</v>
      </c>
      <c r="E6428" s="6">
        <f t="shared" si="201"/>
        <v>6.6080420070000007E-2</v>
      </c>
    </row>
    <row r="6429" spans="1:5" x14ac:dyDescent="0.25">
      <c r="A6429" s="1">
        <v>43823.666666666664</v>
      </c>
      <c r="B6429" s="2">
        <v>19.39</v>
      </c>
      <c r="C6429">
        <v>1.439613</v>
      </c>
      <c r="D6429">
        <f t="shared" si="200"/>
        <v>1.439613E-3</v>
      </c>
      <c r="E6429" s="6">
        <f t="shared" si="201"/>
        <v>2.7914096070000002E-2</v>
      </c>
    </row>
    <row r="6430" spans="1:5" x14ac:dyDescent="0.25">
      <c r="A6430" s="1">
        <v>43823.708333333336</v>
      </c>
      <c r="B6430" s="2">
        <v>21.56</v>
      </c>
      <c r="C6430">
        <v>0</v>
      </c>
      <c r="D6430">
        <f t="shared" si="200"/>
        <v>0</v>
      </c>
      <c r="E6430" s="6">
        <f t="shared" si="201"/>
        <v>0</v>
      </c>
    </row>
    <row r="6431" spans="1:5" x14ac:dyDescent="0.25">
      <c r="A6431" s="1">
        <v>43823.75</v>
      </c>
      <c r="B6431" s="2">
        <v>20.440000000000001</v>
      </c>
      <c r="C6431">
        <v>0</v>
      </c>
      <c r="D6431">
        <f t="shared" si="200"/>
        <v>0</v>
      </c>
      <c r="E6431" s="6">
        <f t="shared" si="201"/>
        <v>0</v>
      </c>
    </row>
    <row r="6432" spans="1:5" x14ac:dyDescent="0.25">
      <c r="A6432" s="1">
        <v>43823.791666666664</v>
      </c>
      <c r="B6432" s="2">
        <v>19.82</v>
      </c>
      <c r="C6432">
        <v>0</v>
      </c>
      <c r="D6432">
        <f t="shared" si="200"/>
        <v>0</v>
      </c>
      <c r="E6432" s="6">
        <f t="shared" si="201"/>
        <v>0</v>
      </c>
    </row>
    <row r="6433" spans="1:5" x14ac:dyDescent="0.25">
      <c r="A6433" s="1">
        <v>43823.833333333336</v>
      </c>
      <c r="B6433" s="2">
        <v>19.73</v>
      </c>
      <c r="C6433">
        <v>0</v>
      </c>
      <c r="D6433">
        <f t="shared" si="200"/>
        <v>0</v>
      </c>
      <c r="E6433" s="6">
        <f t="shared" si="201"/>
        <v>0</v>
      </c>
    </row>
    <row r="6434" spans="1:5" x14ac:dyDescent="0.25">
      <c r="A6434" s="1">
        <v>43823.875</v>
      </c>
      <c r="B6434" s="2">
        <v>19.399999999999999</v>
      </c>
      <c r="C6434">
        <v>0</v>
      </c>
      <c r="D6434">
        <f t="shared" si="200"/>
        <v>0</v>
      </c>
      <c r="E6434" s="6">
        <f t="shared" si="201"/>
        <v>0</v>
      </c>
    </row>
    <row r="6435" spans="1:5" x14ac:dyDescent="0.25">
      <c r="A6435" s="1">
        <v>43823.916666666664</v>
      </c>
      <c r="B6435" s="2">
        <v>18.87</v>
      </c>
      <c r="C6435">
        <v>0</v>
      </c>
      <c r="D6435">
        <f t="shared" si="200"/>
        <v>0</v>
      </c>
      <c r="E6435" s="6">
        <f t="shared" si="201"/>
        <v>0</v>
      </c>
    </row>
    <row r="6436" spans="1:5" x14ac:dyDescent="0.25">
      <c r="A6436" s="1">
        <v>43823.958333333336</v>
      </c>
      <c r="B6436" s="2">
        <v>17.61</v>
      </c>
      <c r="C6436">
        <v>0</v>
      </c>
      <c r="D6436">
        <f t="shared" si="200"/>
        <v>0</v>
      </c>
      <c r="E6436" s="6">
        <f t="shared" si="201"/>
        <v>0</v>
      </c>
    </row>
    <row r="6437" spans="1:5" x14ac:dyDescent="0.25">
      <c r="A6437" s="1">
        <v>43824</v>
      </c>
      <c r="B6437" s="2">
        <v>17.25</v>
      </c>
      <c r="C6437">
        <v>0</v>
      </c>
      <c r="D6437">
        <f t="shared" si="200"/>
        <v>0</v>
      </c>
      <c r="E6437" s="6">
        <f t="shared" si="201"/>
        <v>0</v>
      </c>
    </row>
    <row r="6438" spans="1:5" x14ac:dyDescent="0.25">
      <c r="A6438" s="1">
        <v>43824.041666666664</v>
      </c>
      <c r="B6438" s="2">
        <v>17.02</v>
      </c>
      <c r="C6438">
        <v>0</v>
      </c>
      <c r="D6438">
        <f t="shared" si="200"/>
        <v>0</v>
      </c>
      <c r="E6438" s="6">
        <f t="shared" si="201"/>
        <v>0</v>
      </c>
    </row>
    <row r="6439" spans="1:5" x14ac:dyDescent="0.25">
      <c r="A6439" s="1">
        <v>43824.083333333336</v>
      </c>
      <c r="B6439" s="2">
        <v>16.16</v>
      </c>
      <c r="C6439">
        <v>0</v>
      </c>
      <c r="D6439">
        <f t="shared" si="200"/>
        <v>0</v>
      </c>
      <c r="E6439" s="6">
        <f t="shared" si="201"/>
        <v>0</v>
      </c>
    </row>
    <row r="6440" spans="1:5" x14ac:dyDescent="0.25">
      <c r="A6440" s="1">
        <v>43824.125</v>
      </c>
      <c r="B6440" s="2">
        <v>16.18</v>
      </c>
      <c r="C6440">
        <v>0</v>
      </c>
      <c r="D6440">
        <f t="shared" si="200"/>
        <v>0</v>
      </c>
      <c r="E6440" s="6">
        <f t="shared" si="201"/>
        <v>0</v>
      </c>
    </row>
    <row r="6441" spans="1:5" x14ac:dyDescent="0.25">
      <c r="A6441" s="1">
        <v>43824.166666666664</v>
      </c>
      <c r="B6441" s="2">
        <v>16.77</v>
      </c>
      <c r="C6441">
        <v>0</v>
      </c>
      <c r="D6441">
        <f t="shared" si="200"/>
        <v>0</v>
      </c>
      <c r="E6441" s="6">
        <f t="shared" si="201"/>
        <v>0</v>
      </c>
    </row>
    <row r="6442" spans="1:5" x14ac:dyDescent="0.25">
      <c r="A6442" s="1">
        <v>43824.208333333336</v>
      </c>
      <c r="B6442" s="2">
        <v>17.27</v>
      </c>
      <c r="C6442">
        <v>0</v>
      </c>
      <c r="D6442">
        <f t="shared" si="200"/>
        <v>0</v>
      </c>
      <c r="E6442" s="6">
        <f t="shared" si="201"/>
        <v>0</v>
      </c>
    </row>
    <row r="6443" spans="1:5" x14ac:dyDescent="0.25">
      <c r="A6443" s="1">
        <v>43824.25</v>
      </c>
      <c r="B6443" s="2">
        <v>18.739999999999998</v>
      </c>
      <c r="C6443">
        <v>0</v>
      </c>
      <c r="D6443">
        <f t="shared" si="200"/>
        <v>0</v>
      </c>
      <c r="E6443" s="6">
        <f t="shared" si="201"/>
        <v>0</v>
      </c>
    </row>
    <row r="6444" spans="1:5" x14ac:dyDescent="0.25">
      <c r="A6444" s="1">
        <v>43824.291666666664</v>
      </c>
      <c r="B6444" s="2">
        <v>19.47</v>
      </c>
      <c r="C6444">
        <v>0</v>
      </c>
      <c r="D6444">
        <f t="shared" si="200"/>
        <v>0</v>
      </c>
      <c r="E6444" s="6">
        <f t="shared" si="201"/>
        <v>0</v>
      </c>
    </row>
    <row r="6445" spans="1:5" x14ac:dyDescent="0.25">
      <c r="A6445" s="1">
        <v>43824.333333333336</v>
      </c>
      <c r="B6445" s="2">
        <v>19.55</v>
      </c>
      <c r="C6445">
        <v>1.907904</v>
      </c>
      <c r="D6445">
        <f t="shared" si="200"/>
        <v>1.907904E-3</v>
      </c>
      <c r="E6445" s="6">
        <f t="shared" si="201"/>
        <v>3.7299523200000004E-2</v>
      </c>
    </row>
    <row r="6446" spans="1:5" x14ac:dyDescent="0.25">
      <c r="A6446" s="1">
        <v>43824.375</v>
      </c>
      <c r="B6446" s="2">
        <v>19.25</v>
      </c>
      <c r="C6446">
        <v>4.176901</v>
      </c>
      <c r="D6446">
        <f t="shared" si="200"/>
        <v>4.1769010000000002E-3</v>
      </c>
      <c r="E6446" s="6">
        <f t="shared" si="201"/>
        <v>8.040534425000001E-2</v>
      </c>
    </row>
    <row r="6447" spans="1:5" x14ac:dyDescent="0.25">
      <c r="A6447" s="1">
        <v>43824.416666666664</v>
      </c>
      <c r="B6447" s="2">
        <v>18.75</v>
      </c>
      <c r="C6447">
        <v>5.7607860000000004</v>
      </c>
      <c r="D6447">
        <f t="shared" si="200"/>
        <v>5.7607860000000004E-3</v>
      </c>
      <c r="E6447" s="6">
        <f t="shared" si="201"/>
        <v>0.10801473750000001</v>
      </c>
    </row>
    <row r="6448" spans="1:5" x14ac:dyDescent="0.25">
      <c r="A6448" s="1">
        <v>43824.458333333336</v>
      </c>
      <c r="B6448" s="2">
        <v>17.95</v>
      </c>
      <c r="C6448">
        <v>6.6877139999999997</v>
      </c>
      <c r="D6448">
        <f t="shared" si="200"/>
        <v>6.687714E-3</v>
      </c>
      <c r="E6448" s="6">
        <f t="shared" si="201"/>
        <v>0.1200444663</v>
      </c>
    </row>
    <row r="6449" spans="1:5" x14ac:dyDescent="0.25">
      <c r="A6449" s="1">
        <v>43824.5</v>
      </c>
      <c r="B6449" s="2">
        <v>17.059999999999999</v>
      </c>
      <c r="C6449">
        <v>7.0087910000000004</v>
      </c>
      <c r="D6449">
        <f t="shared" si="200"/>
        <v>7.0087910000000003E-3</v>
      </c>
      <c r="E6449" s="6">
        <f t="shared" si="201"/>
        <v>0.11956997445999999</v>
      </c>
    </row>
    <row r="6450" spans="1:5" x14ac:dyDescent="0.25">
      <c r="A6450" s="1">
        <v>43824.541666666664</v>
      </c>
      <c r="B6450" s="2">
        <v>15.9</v>
      </c>
      <c r="C6450">
        <v>6.7108639999999999</v>
      </c>
      <c r="D6450">
        <f t="shared" si="200"/>
        <v>6.7108639999999995E-3</v>
      </c>
      <c r="E6450" s="6">
        <f t="shared" si="201"/>
        <v>0.1067027376</v>
      </c>
    </row>
    <row r="6451" spans="1:5" x14ac:dyDescent="0.25">
      <c r="A6451" s="1">
        <v>43824.583333333336</v>
      </c>
      <c r="B6451" s="2">
        <v>15.79</v>
      </c>
      <c r="C6451">
        <v>5.7973569999999999</v>
      </c>
      <c r="D6451">
        <f t="shared" si="200"/>
        <v>5.7973569999999995E-3</v>
      </c>
      <c r="E6451" s="6">
        <f t="shared" si="201"/>
        <v>9.1540267029999983E-2</v>
      </c>
    </row>
    <row r="6452" spans="1:5" x14ac:dyDescent="0.25">
      <c r="A6452" s="1">
        <v>43824.625</v>
      </c>
      <c r="B6452" s="2">
        <v>15.75</v>
      </c>
      <c r="C6452">
        <v>4.2378739999999997</v>
      </c>
      <c r="D6452">
        <f t="shared" si="200"/>
        <v>4.237874E-3</v>
      </c>
      <c r="E6452" s="6">
        <f t="shared" si="201"/>
        <v>6.6746515500000006E-2</v>
      </c>
    </row>
    <row r="6453" spans="1:5" x14ac:dyDescent="0.25">
      <c r="A6453" s="1">
        <v>43824.666666666664</v>
      </c>
      <c r="B6453" s="2">
        <v>16.829999999999998</v>
      </c>
      <c r="C6453">
        <v>2.056826</v>
      </c>
      <c r="D6453">
        <f t="shared" si="200"/>
        <v>2.0568259999999999E-3</v>
      </c>
      <c r="E6453" s="6">
        <f t="shared" si="201"/>
        <v>3.4616381579999994E-2</v>
      </c>
    </row>
    <row r="6454" spans="1:5" x14ac:dyDescent="0.25">
      <c r="A6454" s="1">
        <v>43824.708333333336</v>
      </c>
      <c r="B6454" s="2">
        <v>19.23</v>
      </c>
      <c r="C6454">
        <v>0</v>
      </c>
      <c r="D6454">
        <f t="shared" si="200"/>
        <v>0</v>
      </c>
      <c r="E6454" s="6">
        <f t="shared" si="201"/>
        <v>0</v>
      </c>
    </row>
    <row r="6455" spans="1:5" x14ac:dyDescent="0.25">
      <c r="A6455" s="1">
        <v>43824.75</v>
      </c>
      <c r="B6455" s="2">
        <v>19.09</v>
      </c>
      <c r="C6455">
        <v>0</v>
      </c>
      <c r="D6455">
        <f t="shared" si="200"/>
        <v>0</v>
      </c>
      <c r="E6455" s="6">
        <f t="shared" si="201"/>
        <v>0</v>
      </c>
    </row>
    <row r="6456" spans="1:5" x14ac:dyDescent="0.25">
      <c r="A6456" s="1">
        <v>43824.791666666664</v>
      </c>
      <c r="B6456" s="2">
        <v>18.920000000000002</v>
      </c>
      <c r="C6456">
        <v>0</v>
      </c>
      <c r="D6456">
        <f t="shared" si="200"/>
        <v>0</v>
      </c>
      <c r="E6456" s="6">
        <f t="shared" si="201"/>
        <v>0</v>
      </c>
    </row>
    <row r="6457" spans="1:5" x14ac:dyDescent="0.25">
      <c r="A6457" s="1">
        <v>43824.833333333336</v>
      </c>
      <c r="B6457" s="2">
        <v>18.649999999999999</v>
      </c>
      <c r="C6457">
        <v>0</v>
      </c>
      <c r="D6457">
        <f t="shared" si="200"/>
        <v>0</v>
      </c>
      <c r="E6457" s="6">
        <f t="shared" si="201"/>
        <v>0</v>
      </c>
    </row>
    <row r="6458" spans="1:5" x14ac:dyDescent="0.25">
      <c r="A6458" s="1">
        <v>43824.875</v>
      </c>
      <c r="B6458" s="2">
        <v>17.55</v>
      </c>
      <c r="C6458">
        <v>0</v>
      </c>
      <c r="D6458">
        <f t="shared" si="200"/>
        <v>0</v>
      </c>
      <c r="E6458" s="6">
        <f t="shared" si="201"/>
        <v>0</v>
      </c>
    </row>
    <row r="6459" spans="1:5" x14ac:dyDescent="0.25">
      <c r="A6459" s="1">
        <v>43824.916666666664</v>
      </c>
      <c r="B6459" s="2">
        <v>16.03</v>
      </c>
      <c r="C6459">
        <v>0</v>
      </c>
      <c r="D6459">
        <f t="shared" si="200"/>
        <v>0</v>
      </c>
      <c r="E6459" s="6">
        <f t="shared" si="201"/>
        <v>0</v>
      </c>
    </row>
    <row r="6460" spans="1:5" x14ac:dyDescent="0.25">
      <c r="A6460" s="1">
        <v>43824.958333333336</v>
      </c>
      <c r="B6460" s="2">
        <v>15.45</v>
      </c>
      <c r="C6460">
        <v>0</v>
      </c>
      <c r="D6460">
        <f t="shared" si="200"/>
        <v>0</v>
      </c>
      <c r="E6460" s="6">
        <f t="shared" si="201"/>
        <v>0</v>
      </c>
    </row>
    <row r="6461" spans="1:5" x14ac:dyDescent="0.25">
      <c r="A6461" s="1">
        <v>43825</v>
      </c>
      <c r="B6461" s="2">
        <v>15.9</v>
      </c>
      <c r="C6461">
        <v>0</v>
      </c>
      <c r="D6461">
        <f t="shared" si="200"/>
        <v>0</v>
      </c>
      <c r="E6461" s="6">
        <f t="shared" si="201"/>
        <v>0</v>
      </c>
    </row>
    <row r="6462" spans="1:5" x14ac:dyDescent="0.25">
      <c r="A6462" s="1">
        <v>43825.041666666664</v>
      </c>
      <c r="B6462" s="2">
        <v>15.34</v>
      </c>
      <c r="C6462">
        <v>0</v>
      </c>
      <c r="D6462">
        <f t="shared" si="200"/>
        <v>0</v>
      </c>
      <c r="E6462" s="6">
        <f t="shared" si="201"/>
        <v>0</v>
      </c>
    </row>
    <row r="6463" spans="1:5" x14ac:dyDescent="0.25">
      <c r="A6463" s="1">
        <v>43825.083333333336</v>
      </c>
      <c r="B6463" s="2">
        <v>15.49</v>
      </c>
      <c r="C6463">
        <v>0</v>
      </c>
      <c r="D6463">
        <f t="shared" si="200"/>
        <v>0</v>
      </c>
      <c r="E6463" s="6">
        <f t="shared" si="201"/>
        <v>0</v>
      </c>
    </row>
    <row r="6464" spans="1:5" x14ac:dyDescent="0.25">
      <c r="A6464" s="1">
        <v>43825.125</v>
      </c>
      <c r="B6464" s="2">
        <v>15.15</v>
      </c>
      <c r="C6464">
        <v>0</v>
      </c>
      <c r="D6464">
        <f t="shared" si="200"/>
        <v>0</v>
      </c>
      <c r="E6464" s="6">
        <f t="shared" si="201"/>
        <v>0</v>
      </c>
    </row>
    <row r="6465" spans="1:5" x14ac:dyDescent="0.25">
      <c r="A6465" s="1">
        <v>43825.166666666664</v>
      </c>
      <c r="B6465" s="2">
        <v>16.02</v>
      </c>
      <c r="C6465">
        <v>0</v>
      </c>
      <c r="D6465">
        <f t="shared" si="200"/>
        <v>0</v>
      </c>
      <c r="E6465" s="6">
        <f t="shared" si="201"/>
        <v>0</v>
      </c>
    </row>
    <row r="6466" spans="1:5" x14ac:dyDescent="0.25">
      <c r="A6466" s="1">
        <v>43825.208333333336</v>
      </c>
      <c r="B6466" s="2">
        <v>17.96</v>
      </c>
      <c r="C6466">
        <v>0</v>
      </c>
      <c r="D6466">
        <f t="shared" si="200"/>
        <v>0</v>
      </c>
      <c r="E6466" s="6">
        <f t="shared" si="201"/>
        <v>0</v>
      </c>
    </row>
    <row r="6467" spans="1:5" x14ac:dyDescent="0.25">
      <c r="A6467" s="1">
        <v>43825.25</v>
      </c>
      <c r="B6467" s="2">
        <v>19.78</v>
      </c>
      <c r="C6467">
        <v>0</v>
      </c>
      <c r="D6467">
        <f t="shared" si="200"/>
        <v>0</v>
      </c>
      <c r="E6467" s="6">
        <f t="shared" si="201"/>
        <v>0</v>
      </c>
    </row>
    <row r="6468" spans="1:5" x14ac:dyDescent="0.25">
      <c r="A6468" s="1">
        <v>43825.291666666664</v>
      </c>
      <c r="B6468" s="2">
        <v>21.78</v>
      </c>
      <c r="C6468">
        <v>0</v>
      </c>
      <c r="D6468">
        <f t="shared" si="200"/>
        <v>0</v>
      </c>
      <c r="E6468" s="6">
        <f t="shared" si="201"/>
        <v>0</v>
      </c>
    </row>
    <row r="6469" spans="1:5" x14ac:dyDescent="0.25">
      <c r="A6469" s="1">
        <v>43825.333333333336</v>
      </c>
      <c r="B6469" s="2">
        <v>21.45</v>
      </c>
      <c r="C6469">
        <v>1.4385680000000001</v>
      </c>
      <c r="D6469">
        <f t="shared" si="200"/>
        <v>1.4385680000000001E-3</v>
      </c>
      <c r="E6469" s="6">
        <f t="shared" si="201"/>
        <v>3.08572836E-2</v>
      </c>
    </row>
    <row r="6470" spans="1:5" x14ac:dyDescent="0.25">
      <c r="A6470" s="1">
        <v>43825.375</v>
      </c>
      <c r="B6470" s="2">
        <v>21.4</v>
      </c>
      <c r="C6470">
        <v>3.6618580000000001</v>
      </c>
      <c r="D6470">
        <f t="shared" ref="D6470:D6533" si="202">C6470/1000</f>
        <v>3.661858E-3</v>
      </c>
      <c r="E6470" s="6">
        <f t="shared" ref="E6470:E6533" si="203">D6470*B6470</f>
        <v>7.8363761199999993E-2</v>
      </c>
    </row>
    <row r="6471" spans="1:5" x14ac:dyDescent="0.25">
      <c r="A6471" s="1">
        <v>43825.416666666664</v>
      </c>
      <c r="B6471" s="2">
        <v>21.33</v>
      </c>
      <c r="C6471">
        <v>5.3013620000000001</v>
      </c>
      <c r="D6471">
        <f t="shared" si="202"/>
        <v>5.3013620000000004E-3</v>
      </c>
      <c r="E6471" s="6">
        <f t="shared" si="203"/>
        <v>0.11307805146</v>
      </c>
    </row>
    <row r="6472" spans="1:5" x14ac:dyDescent="0.25">
      <c r="A6472" s="1">
        <v>43825.458333333336</v>
      </c>
      <c r="B6472" s="2">
        <v>20.6</v>
      </c>
      <c r="C6472">
        <v>6.3434910000000002</v>
      </c>
      <c r="D6472">
        <f t="shared" si="202"/>
        <v>6.3434910000000006E-3</v>
      </c>
      <c r="E6472" s="6">
        <f t="shared" si="203"/>
        <v>0.13067591460000003</v>
      </c>
    </row>
    <row r="6473" spans="1:5" x14ac:dyDescent="0.25">
      <c r="A6473" s="1">
        <v>43825.5</v>
      </c>
      <c r="B6473" s="2">
        <v>19.649999999999999</v>
      </c>
      <c r="C6473">
        <v>6.6361439999999998</v>
      </c>
      <c r="D6473">
        <f t="shared" si="202"/>
        <v>6.6361440000000001E-3</v>
      </c>
      <c r="E6473" s="6">
        <f t="shared" si="203"/>
        <v>0.1304002296</v>
      </c>
    </row>
    <row r="6474" spans="1:5" x14ac:dyDescent="0.25">
      <c r="A6474" s="1">
        <v>43825.541666666664</v>
      </c>
      <c r="B6474" s="2">
        <v>19.399999999999999</v>
      </c>
      <c r="C6474">
        <v>6.3733409999999999</v>
      </c>
      <c r="D6474">
        <f t="shared" si="202"/>
        <v>6.3733410000000002E-3</v>
      </c>
      <c r="E6474" s="6">
        <f t="shared" si="203"/>
        <v>0.12364281539999999</v>
      </c>
    </row>
    <row r="6475" spans="1:5" x14ac:dyDescent="0.25">
      <c r="A6475" s="1">
        <v>43825.583333333336</v>
      </c>
      <c r="B6475" s="2">
        <v>18.97</v>
      </c>
      <c r="C6475">
        <v>5.5105490000000001</v>
      </c>
      <c r="D6475">
        <f t="shared" si="202"/>
        <v>5.510549E-3</v>
      </c>
      <c r="E6475" s="6">
        <f t="shared" si="203"/>
        <v>0.10453511453</v>
      </c>
    </row>
    <row r="6476" spans="1:5" x14ac:dyDescent="0.25">
      <c r="A6476" s="1">
        <v>43825.625</v>
      </c>
      <c r="B6476" s="2">
        <v>18.98</v>
      </c>
      <c r="C6476">
        <v>4.0135350000000001</v>
      </c>
      <c r="D6476">
        <f t="shared" si="202"/>
        <v>4.0135350000000004E-3</v>
      </c>
      <c r="E6476" s="6">
        <f t="shared" si="203"/>
        <v>7.6176894300000006E-2</v>
      </c>
    </row>
    <row r="6477" spans="1:5" x14ac:dyDescent="0.25">
      <c r="A6477" s="1">
        <v>43825.666666666664</v>
      </c>
      <c r="B6477" s="2">
        <v>20.32</v>
      </c>
      <c r="C6477">
        <v>1.9116880000000001</v>
      </c>
      <c r="D6477">
        <f t="shared" si="202"/>
        <v>1.9116880000000001E-3</v>
      </c>
      <c r="E6477" s="6">
        <f t="shared" si="203"/>
        <v>3.8845500160000004E-2</v>
      </c>
    </row>
    <row r="6478" spans="1:5" x14ac:dyDescent="0.25">
      <c r="A6478" s="1">
        <v>43825.708333333336</v>
      </c>
      <c r="B6478" s="2">
        <v>23.86</v>
      </c>
      <c r="C6478">
        <v>0</v>
      </c>
      <c r="D6478">
        <f t="shared" si="202"/>
        <v>0</v>
      </c>
      <c r="E6478" s="6">
        <f t="shared" si="203"/>
        <v>0</v>
      </c>
    </row>
    <row r="6479" spans="1:5" x14ac:dyDescent="0.25">
      <c r="A6479" s="1">
        <v>43825.75</v>
      </c>
      <c r="B6479" s="2">
        <v>22.02</v>
      </c>
      <c r="C6479">
        <v>0</v>
      </c>
      <c r="D6479">
        <f t="shared" si="202"/>
        <v>0</v>
      </c>
      <c r="E6479" s="6">
        <f t="shared" si="203"/>
        <v>0</v>
      </c>
    </row>
    <row r="6480" spans="1:5" x14ac:dyDescent="0.25">
      <c r="A6480" s="1">
        <v>43825.791666666664</v>
      </c>
      <c r="B6480" s="2">
        <v>21.33</v>
      </c>
      <c r="C6480">
        <v>0</v>
      </c>
      <c r="D6480">
        <f t="shared" si="202"/>
        <v>0</v>
      </c>
      <c r="E6480" s="6">
        <f t="shared" si="203"/>
        <v>0</v>
      </c>
    </row>
    <row r="6481" spans="1:5" x14ac:dyDescent="0.25">
      <c r="A6481" s="1">
        <v>43825.833333333336</v>
      </c>
      <c r="B6481" s="2">
        <v>21.27</v>
      </c>
      <c r="C6481">
        <v>0</v>
      </c>
      <c r="D6481">
        <f t="shared" si="202"/>
        <v>0</v>
      </c>
      <c r="E6481" s="6">
        <f t="shared" si="203"/>
        <v>0</v>
      </c>
    </row>
    <row r="6482" spans="1:5" x14ac:dyDescent="0.25">
      <c r="A6482" s="1">
        <v>43825.875</v>
      </c>
      <c r="B6482" s="2">
        <v>20.34</v>
      </c>
      <c r="C6482">
        <v>0</v>
      </c>
      <c r="D6482">
        <f t="shared" si="202"/>
        <v>0</v>
      </c>
      <c r="E6482" s="6">
        <f t="shared" si="203"/>
        <v>0</v>
      </c>
    </row>
    <row r="6483" spans="1:5" x14ac:dyDescent="0.25">
      <c r="A6483" s="1">
        <v>43825.916666666664</v>
      </c>
      <c r="B6483" s="2">
        <v>18.760000000000002</v>
      </c>
      <c r="C6483">
        <v>0</v>
      </c>
      <c r="D6483">
        <f t="shared" si="202"/>
        <v>0</v>
      </c>
      <c r="E6483" s="6">
        <f t="shared" si="203"/>
        <v>0</v>
      </c>
    </row>
    <row r="6484" spans="1:5" x14ac:dyDescent="0.25">
      <c r="A6484" s="1">
        <v>43825.958333333336</v>
      </c>
      <c r="B6484" s="2">
        <v>16.03</v>
      </c>
      <c r="C6484">
        <v>0</v>
      </c>
      <c r="D6484">
        <f t="shared" si="202"/>
        <v>0</v>
      </c>
      <c r="E6484" s="6">
        <f t="shared" si="203"/>
        <v>0</v>
      </c>
    </row>
    <row r="6485" spans="1:5" x14ac:dyDescent="0.25">
      <c r="A6485" s="1">
        <v>43826</v>
      </c>
      <c r="B6485" s="2">
        <v>16.11</v>
      </c>
      <c r="C6485">
        <v>0</v>
      </c>
      <c r="D6485">
        <f t="shared" si="202"/>
        <v>0</v>
      </c>
      <c r="E6485" s="6">
        <f t="shared" si="203"/>
        <v>0</v>
      </c>
    </row>
    <row r="6486" spans="1:5" x14ac:dyDescent="0.25">
      <c r="A6486" s="1">
        <v>43826.041666666664</v>
      </c>
      <c r="B6486" s="2">
        <v>15.4</v>
      </c>
      <c r="C6486">
        <v>0</v>
      </c>
      <c r="D6486">
        <f t="shared" si="202"/>
        <v>0</v>
      </c>
      <c r="E6486" s="6">
        <f t="shared" si="203"/>
        <v>0</v>
      </c>
    </row>
    <row r="6487" spans="1:5" x14ac:dyDescent="0.25">
      <c r="A6487" s="1">
        <v>43826.083333333336</v>
      </c>
      <c r="B6487" s="2">
        <v>15.03</v>
      </c>
      <c r="C6487">
        <v>0</v>
      </c>
      <c r="D6487">
        <f t="shared" si="202"/>
        <v>0</v>
      </c>
      <c r="E6487" s="6">
        <f t="shared" si="203"/>
        <v>0</v>
      </c>
    </row>
    <row r="6488" spans="1:5" x14ac:dyDescent="0.25">
      <c r="A6488" s="1">
        <v>43826.125</v>
      </c>
      <c r="B6488" s="2">
        <v>14.8</v>
      </c>
      <c r="C6488">
        <v>0</v>
      </c>
      <c r="D6488">
        <f t="shared" si="202"/>
        <v>0</v>
      </c>
      <c r="E6488" s="6">
        <f t="shared" si="203"/>
        <v>0</v>
      </c>
    </row>
    <row r="6489" spans="1:5" x14ac:dyDescent="0.25">
      <c r="A6489" s="1">
        <v>43826.166666666664</v>
      </c>
      <c r="B6489" s="2">
        <v>15.8</v>
      </c>
      <c r="C6489">
        <v>0</v>
      </c>
      <c r="D6489">
        <f t="shared" si="202"/>
        <v>0</v>
      </c>
      <c r="E6489" s="6">
        <f t="shared" si="203"/>
        <v>0</v>
      </c>
    </row>
    <row r="6490" spans="1:5" x14ac:dyDescent="0.25">
      <c r="A6490" s="1">
        <v>43826.208333333336</v>
      </c>
      <c r="B6490" s="2">
        <v>17.420000000000002</v>
      </c>
      <c r="C6490">
        <v>0</v>
      </c>
      <c r="D6490">
        <f t="shared" si="202"/>
        <v>0</v>
      </c>
      <c r="E6490" s="6">
        <f t="shared" si="203"/>
        <v>0</v>
      </c>
    </row>
    <row r="6491" spans="1:5" x14ac:dyDescent="0.25">
      <c r="A6491" s="1">
        <v>43826.25</v>
      </c>
      <c r="B6491" s="2">
        <v>19.43</v>
      </c>
      <c r="C6491">
        <v>0</v>
      </c>
      <c r="D6491">
        <f t="shared" si="202"/>
        <v>0</v>
      </c>
      <c r="E6491" s="6">
        <f t="shared" si="203"/>
        <v>0</v>
      </c>
    </row>
    <row r="6492" spans="1:5" x14ac:dyDescent="0.25">
      <c r="A6492" s="1">
        <v>43826.291666666664</v>
      </c>
      <c r="B6492" s="2">
        <v>21.98</v>
      </c>
      <c r="C6492">
        <v>0</v>
      </c>
      <c r="D6492">
        <f t="shared" si="202"/>
        <v>0</v>
      </c>
      <c r="E6492" s="6">
        <f t="shared" si="203"/>
        <v>0</v>
      </c>
    </row>
    <row r="6493" spans="1:5" x14ac:dyDescent="0.25">
      <c r="A6493" s="1">
        <v>43826.333333333336</v>
      </c>
      <c r="B6493" s="2">
        <v>22.54</v>
      </c>
      <c r="C6493">
        <v>0.46072800000000003</v>
      </c>
      <c r="D6493">
        <f t="shared" si="202"/>
        <v>4.6072800000000004E-4</v>
      </c>
      <c r="E6493" s="6">
        <f t="shared" si="203"/>
        <v>1.0384809120000001E-2</v>
      </c>
    </row>
    <row r="6494" spans="1:5" x14ac:dyDescent="0.25">
      <c r="A6494" s="1">
        <v>43826.375</v>
      </c>
      <c r="B6494" s="2">
        <v>22.12</v>
      </c>
      <c r="C6494">
        <v>2.7169470000000002</v>
      </c>
      <c r="D6494">
        <f t="shared" si="202"/>
        <v>2.7169470000000004E-3</v>
      </c>
      <c r="E6494" s="6">
        <f t="shared" si="203"/>
        <v>6.0098867640000012E-2</v>
      </c>
    </row>
    <row r="6495" spans="1:5" x14ac:dyDescent="0.25">
      <c r="A6495" s="1">
        <v>43826.416666666664</v>
      </c>
      <c r="B6495" s="2">
        <v>21.88</v>
      </c>
      <c r="C6495">
        <v>3.868792</v>
      </c>
      <c r="D6495">
        <f t="shared" si="202"/>
        <v>3.8687919999999998E-3</v>
      </c>
      <c r="E6495" s="6">
        <f t="shared" si="203"/>
        <v>8.4649168959999993E-2</v>
      </c>
    </row>
    <row r="6496" spans="1:5" x14ac:dyDescent="0.25">
      <c r="A6496" s="1">
        <v>43826.458333333336</v>
      </c>
      <c r="B6496" s="2">
        <v>22.28</v>
      </c>
      <c r="C6496">
        <v>4.124409</v>
      </c>
      <c r="D6496">
        <f t="shared" si="202"/>
        <v>4.1244089999999999E-3</v>
      </c>
      <c r="E6496" s="6">
        <f t="shared" si="203"/>
        <v>9.1891832520000008E-2</v>
      </c>
    </row>
    <row r="6497" spans="1:5" x14ac:dyDescent="0.25">
      <c r="A6497" s="1">
        <v>43826.5</v>
      </c>
      <c r="B6497" s="2">
        <v>21.15</v>
      </c>
      <c r="C6497">
        <v>3.827353</v>
      </c>
      <c r="D6497">
        <f t="shared" si="202"/>
        <v>3.8273529999999999E-3</v>
      </c>
      <c r="E6497" s="6">
        <f t="shared" si="203"/>
        <v>8.0948515949999994E-2</v>
      </c>
    </row>
    <row r="6498" spans="1:5" x14ac:dyDescent="0.25">
      <c r="A6498" s="1">
        <v>43826.541666666664</v>
      </c>
      <c r="B6498" s="2">
        <v>20.68</v>
      </c>
      <c r="C6498">
        <v>4.5610460000000002</v>
      </c>
      <c r="D6498">
        <f t="shared" si="202"/>
        <v>4.561046E-3</v>
      </c>
      <c r="E6498" s="6">
        <f t="shared" si="203"/>
        <v>9.4322431279999994E-2</v>
      </c>
    </row>
    <row r="6499" spans="1:5" x14ac:dyDescent="0.25">
      <c r="A6499" s="1">
        <v>43826.583333333336</v>
      </c>
      <c r="B6499" s="2">
        <v>20.059999999999999</v>
      </c>
      <c r="C6499">
        <v>2.7549380000000001</v>
      </c>
      <c r="D6499">
        <f t="shared" si="202"/>
        <v>2.7549380000000002E-3</v>
      </c>
      <c r="E6499" s="6">
        <f t="shared" si="203"/>
        <v>5.5264056280000001E-2</v>
      </c>
    </row>
    <row r="6500" spans="1:5" x14ac:dyDescent="0.25">
      <c r="A6500" s="1">
        <v>43826.625</v>
      </c>
      <c r="B6500" s="2">
        <v>20.059999999999999</v>
      </c>
      <c r="C6500">
        <v>2.2082839999999999</v>
      </c>
      <c r="D6500">
        <f t="shared" si="202"/>
        <v>2.208284E-3</v>
      </c>
      <c r="E6500" s="6">
        <f t="shared" si="203"/>
        <v>4.4298177039999997E-2</v>
      </c>
    </row>
    <row r="6501" spans="1:5" x14ac:dyDescent="0.25">
      <c r="A6501" s="1">
        <v>43826.666666666664</v>
      </c>
      <c r="B6501" s="2">
        <v>21.49</v>
      </c>
      <c r="C6501">
        <v>1.02471</v>
      </c>
      <c r="D6501">
        <f t="shared" si="202"/>
        <v>1.0247100000000001E-3</v>
      </c>
      <c r="E6501" s="6">
        <f t="shared" si="203"/>
        <v>2.2021017899999999E-2</v>
      </c>
    </row>
    <row r="6502" spans="1:5" x14ac:dyDescent="0.25">
      <c r="A6502" s="1">
        <v>43826.708333333336</v>
      </c>
      <c r="B6502" s="2">
        <v>23.55</v>
      </c>
      <c r="C6502">
        <v>0</v>
      </c>
      <c r="D6502">
        <f t="shared" si="202"/>
        <v>0</v>
      </c>
      <c r="E6502" s="6">
        <f t="shared" si="203"/>
        <v>0</v>
      </c>
    </row>
    <row r="6503" spans="1:5" x14ac:dyDescent="0.25">
      <c r="A6503" s="1">
        <v>43826.75</v>
      </c>
      <c r="B6503" s="2">
        <v>22.22</v>
      </c>
      <c r="C6503">
        <v>0</v>
      </c>
      <c r="D6503">
        <f t="shared" si="202"/>
        <v>0</v>
      </c>
      <c r="E6503" s="6">
        <f t="shared" si="203"/>
        <v>0</v>
      </c>
    </row>
    <row r="6504" spans="1:5" x14ac:dyDescent="0.25">
      <c r="A6504" s="1">
        <v>43826.791666666664</v>
      </c>
      <c r="B6504" s="2">
        <v>22.06</v>
      </c>
      <c r="C6504">
        <v>0</v>
      </c>
      <c r="D6504">
        <f t="shared" si="202"/>
        <v>0</v>
      </c>
      <c r="E6504" s="6">
        <f t="shared" si="203"/>
        <v>0</v>
      </c>
    </row>
    <row r="6505" spans="1:5" x14ac:dyDescent="0.25">
      <c r="A6505" s="1">
        <v>43826.833333333336</v>
      </c>
      <c r="B6505" s="2">
        <v>21.29</v>
      </c>
      <c r="C6505">
        <v>0</v>
      </c>
      <c r="D6505">
        <f t="shared" si="202"/>
        <v>0</v>
      </c>
      <c r="E6505" s="6">
        <f t="shared" si="203"/>
        <v>0</v>
      </c>
    </row>
    <row r="6506" spans="1:5" x14ac:dyDescent="0.25">
      <c r="A6506" s="1">
        <v>43826.875</v>
      </c>
      <c r="B6506" s="2">
        <v>20.329999999999998</v>
      </c>
      <c r="C6506">
        <v>0</v>
      </c>
      <c r="D6506">
        <f t="shared" si="202"/>
        <v>0</v>
      </c>
      <c r="E6506" s="6">
        <f t="shared" si="203"/>
        <v>0</v>
      </c>
    </row>
    <row r="6507" spans="1:5" x14ac:dyDescent="0.25">
      <c r="A6507" s="1">
        <v>43826.916666666664</v>
      </c>
      <c r="B6507" s="2">
        <v>18.84</v>
      </c>
      <c r="C6507">
        <v>0</v>
      </c>
      <c r="D6507">
        <f t="shared" si="202"/>
        <v>0</v>
      </c>
      <c r="E6507" s="6">
        <f t="shared" si="203"/>
        <v>0</v>
      </c>
    </row>
    <row r="6508" spans="1:5" x14ac:dyDescent="0.25">
      <c r="A6508" s="1">
        <v>43826.958333333336</v>
      </c>
      <c r="B6508" s="2">
        <v>17.87</v>
      </c>
      <c r="C6508">
        <v>0</v>
      </c>
      <c r="D6508">
        <f t="shared" si="202"/>
        <v>0</v>
      </c>
      <c r="E6508" s="6">
        <f t="shared" si="203"/>
        <v>0</v>
      </c>
    </row>
    <row r="6509" spans="1:5" x14ac:dyDescent="0.25">
      <c r="A6509" s="1">
        <v>43827</v>
      </c>
      <c r="B6509" s="2">
        <v>18.16</v>
      </c>
      <c r="C6509">
        <v>0</v>
      </c>
      <c r="D6509">
        <f t="shared" si="202"/>
        <v>0</v>
      </c>
      <c r="E6509" s="6">
        <f t="shared" si="203"/>
        <v>0</v>
      </c>
    </row>
    <row r="6510" spans="1:5" x14ac:dyDescent="0.25">
      <c r="A6510" s="1">
        <v>43827.041666666664</v>
      </c>
      <c r="B6510" s="2">
        <v>17.38</v>
      </c>
      <c r="C6510">
        <v>0</v>
      </c>
      <c r="D6510">
        <f t="shared" si="202"/>
        <v>0</v>
      </c>
      <c r="E6510" s="6">
        <f t="shared" si="203"/>
        <v>0</v>
      </c>
    </row>
    <row r="6511" spans="1:5" x14ac:dyDescent="0.25">
      <c r="A6511" s="1">
        <v>43827.083333333336</v>
      </c>
      <c r="B6511" s="2">
        <v>16.03</v>
      </c>
      <c r="C6511">
        <v>0</v>
      </c>
      <c r="D6511">
        <f t="shared" si="202"/>
        <v>0</v>
      </c>
      <c r="E6511" s="6">
        <f t="shared" si="203"/>
        <v>0</v>
      </c>
    </row>
    <row r="6512" spans="1:5" x14ac:dyDescent="0.25">
      <c r="A6512" s="1">
        <v>43827.125</v>
      </c>
      <c r="B6512" s="2">
        <v>15.4</v>
      </c>
      <c r="C6512">
        <v>0</v>
      </c>
      <c r="D6512">
        <f t="shared" si="202"/>
        <v>0</v>
      </c>
      <c r="E6512" s="6">
        <f t="shared" si="203"/>
        <v>0</v>
      </c>
    </row>
    <row r="6513" spans="1:5" x14ac:dyDescent="0.25">
      <c r="A6513" s="1">
        <v>43827.166666666664</v>
      </c>
      <c r="B6513" s="2">
        <v>15.96</v>
      </c>
      <c r="C6513">
        <v>0</v>
      </c>
      <c r="D6513">
        <f t="shared" si="202"/>
        <v>0</v>
      </c>
      <c r="E6513" s="6">
        <f t="shared" si="203"/>
        <v>0</v>
      </c>
    </row>
    <row r="6514" spans="1:5" x14ac:dyDescent="0.25">
      <c r="A6514" s="1">
        <v>43827.208333333336</v>
      </c>
      <c r="B6514" s="2">
        <v>16.78</v>
      </c>
      <c r="C6514">
        <v>0</v>
      </c>
      <c r="D6514">
        <f t="shared" si="202"/>
        <v>0</v>
      </c>
      <c r="E6514" s="6">
        <f t="shared" si="203"/>
        <v>0</v>
      </c>
    </row>
    <row r="6515" spans="1:5" x14ac:dyDescent="0.25">
      <c r="A6515" s="1">
        <v>43827.25</v>
      </c>
      <c r="B6515" s="2">
        <v>18.47</v>
      </c>
      <c r="C6515">
        <v>0</v>
      </c>
      <c r="D6515">
        <f t="shared" si="202"/>
        <v>0</v>
      </c>
      <c r="E6515" s="6">
        <f t="shared" si="203"/>
        <v>0</v>
      </c>
    </row>
    <row r="6516" spans="1:5" x14ac:dyDescent="0.25">
      <c r="A6516" s="1">
        <v>43827.291666666664</v>
      </c>
      <c r="B6516" s="2">
        <v>19.670000000000002</v>
      </c>
      <c r="C6516">
        <v>0</v>
      </c>
      <c r="D6516">
        <f t="shared" si="202"/>
        <v>0</v>
      </c>
      <c r="E6516" s="6">
        <f t="shared" si="203"/>
        <v>0</v>
      </c>
    </row>
    <row r="6517" spans="1:5" x14ac:dyDescent="0.25">
      <c r="A6517" s="1">
        <v>43827.333333333336</v>
      </c>
      <c r="B6517" s="2">
        <v>20.56</v>
      </c>
      <c r="C6517">
        <v>7.1036000000000002E-2</v>
      </c>
      <c r="D6517">
        <f t="shared" si="202"/>
        <v>7.1036000000000002E-5</v>
      </c>
      <c r="E6517" s="6">
        <f t="shared" si="203"/>
        <v>1.46050016E-3</v>
      </c>
    </row>
    <row r="6518" spans="1:5" x14ac:dyDescent="0.25">
      <c r="A6518" s="1">
        <v>43827.375</v>
      </c>
      <c r="B6518" s="2">
        <v>20.3</v>
      </c>
      <c r="C6518">
        <v>0.56437199999999998</v>
      </c>
      <c r="D6518">
        <f t="shared" si="202"/>
        <v>5.6437199999999994E-4</v>
      </c>
      <c r="E6518" s="6">
        <f t="shared" si="203"/>
        <v>1.1456751599999999E-2</v>
      </c>
    </row>
    <row r="6519" spans="1:5" x14ac:dyDescent="0.25">
      <c r="A6519" s="1">
        <v>43827.416666666664</v>
      </c>
      <c r="B6519" s="2">
        <v>20.47</v>
      </c>
      <c r="C6519">
        <v>0.52445799999999998</v>
      </c>
      <c r="D6519">
        <f t="shared" si="202"/>
        <v>5.24458E-4</v>
      </c>
      <c r="E6519" s="6">
        <f t="shared" si="203"/>
        <v>1.0735655259999999E-2</v>
      </c>
    </row>
    <row r="6520" spans="1:5" x14ac:dyDescent="0.25">
      <c r="A6520" s="1">
        <v>43827.458333333336</v>
      </c>
      <c r="B6520" s="2">
        <v>19.72</v>
      </c>
      <c r="C6520">
        <v>0.71123999999999998</v>
      </c>
      <c r="D6520">
        <f t="shared" si="202"/>
        <v>7.1124000000000003E-4</v>
      </c>
      <c r="E6520" s="6">
        <f t="shared" si="203"/>
        <v>1.40256528E-2</v>
      </c>
    </row>
    <row r="6521" spans="1:5" x14ac:dyDescent="0.25">
      <c r="A6521" s="1">
        <v>43827.5</v>
      </c>
      <c r="B6521" s="2">
        <v>18.75</v>
      </c>
      <c r="C6521">
        <v>1.8098209999999999</v>
      </c>
      <c r="D6521">
        <f t="shared" si="202"/>
        <v>1.8098209999999999E-3</v>
      </c>
      <c r="E6521" s="6">
        <f t="shared" si="203"/>
        <v>3.393414375E-2</v>
      </c>
    </row>
    <row r="6522" spans="1:5" x14ac:dyDescent="0.25">
      <c r="A6522" s="1">
        <v>43827.541666666664</v>
      </c>
      <c r="B6522" s="2">
        <v>17.55</v>
      </c>
      <c r="C6522">
        <v>1.4046210000000001</v>
      </c>
      <c r="D6522">
        <f t="shared" si="202"/>
        <v>1.4046210000000002E-3</v>
      </c>
      <c r="E6522" s="6">
        <f t="shared" si="203"/>
        <v>2.4651098550000004E-2</v>
      </c>
    </row>
    <row r="6523" spans="1:5" x14ac:dyDescent="0.25">
      <c r="A6523" s="1">
        <v>43827.583333333336</v>
      </c>
      <c r="B6523" s="2">
        <v>17.55</v>
      </c>
      <c r="C6523">
        <v>1.1096410000000001</v>
      </c>
      <c r="D6523">
        <f t="shared" si="202"/>
        <v>1.1096410000000002E-3</v>
      </c>
      <c r="E6523" s="6">
        <f t="shared" si="203"/>
        <v>1.9474199550000005E-2</v>
      </c>
    </row>
    <row r="6524" spans="1:5" x14ac:dyDescent="0.25">
      <c r="A6524" s="1">
        <v>43827.625</v>
      </c>
      <c r="B6524" s="2">
        <v>17.43</v>
      </c>
      <c r="C6524">
        <v>8.8543999999999998E-2</v>
      </c>
      <c r="D6524">
        <f t="shared" si="202"/>
        <v>8.8543999999999998E-5</v>
      </c>
      <c r="E6524" s="6">
        <f t="shared" si="203"/>
        <v>1.5433219199999999E-3</v>
      </c>
    </row>
    <row r="6525" spans="1:5" x14ac:dyDescent="0.25">
      <c r="A6525" s="1">
        <v>43827.666666666664</v>
      </c>
      <c r="B6525" s="2">
        <v>19.23</v>
      </c>
      <c r="C6525">
        <v>1.2638199999999999</v>
      </c>
      <c r="D6525">
        <f t="shared" si="202"/>
        <v>1.2638199999999999E-3</v>
      </c>
      <c r="E6525" s="6">
        <f t="shared" si="203"/>
        <v>2.4303258599999999E-2</v>
      </c>
    </row>
    <row r="6526" spans="1:5" x14ac:dyDescent="0.25">
      <c r="A6526" s="1">
        <v>43827.708333333336</v>
      </c>
      <c r="B6526" s="2">
        <v>22.19</v>
      </c>
      <c r="C6526">
        <v>0</v>
      </c>
      <c r="D6526">
        <f t="shared" si="202"/>
        <v>0</v>
      </c>
      <c r="E6526" s="6">
        <f t="shared" si="203"/>
        <v>0</v>
      </c>
    </row>
    <row r="6527" spans="1:5" x14ac:dyDescent="0.25">
      <c r="A6527" s="1">
        <v>43827.75</v>
      </c>
      <c r="B6527" s="2">
        <v>21.28</v>
      </c>
      <c r="C6527">
        <v>0</v>
      </c>
      <c r="D6527">
        <f t="shared" si="202"/>
        <v>0</v>
      </c>
      <c r="E6527" s="6">
        <f t="shared" si="203"/>
        <v>0</v>
      </c>
    </row>
    <row r="6528" spans="1:5" x14ac:dyDescent="0.25">
      <c r="A6528" s="1">
        <v>43827.791666666664</v>
      </c>
      <c r="B6528" s="2">
        <v>20.57</v>
      </c>
      <c r="C6528">
        <v>0</v>
      </c>
      <c r="D6528">
        <f t="shared" si="202"/>
        <v>0</v>
      </c>
      <c r="E6528" s="6">
        <f t="shared" si="203"/>
        <v>0</v>
      </c>
    </row>
    <row r="6529" spans="1:5" x14ac:dyDescent="0.25">
      <c r="A6529" s="1">
        <v>43827.833333333336</v>
      </c>
      <c r="B6529" s="2">
        <v>19.7</v>
      </c>
      <c r="C6529">
        <v>0</v>
      </c>
      <c r="D6529">
        <f t="shared" si="202"/>
        <v>0</v>
      </c>
      <c r="E6529" s="6">
        <f t="shared" si="203"/>
        <v>0</v>
      </c>
    </row>
    <row r="6530" spans="1:5" x14ac:dyDescent="0.25">
      <c r="A6530" s="1">
        <v>43827.875</v>
      </c>
      <c r="B6530" s="2">
        <v>18.36</v>
      </c>
      <c r="C6530">
        <v>0</v>
      </c>
      <c r="D6530">
        <f t="shared" si="202"/>
        <v>0</v>
      </c>
      <c r="E6530" s="6">
        <f t="shared" si="203"/>
        <v>0</v>
      </c>
    </row>
    <row r="6531" spans="1:5" x14ac:dyDescent="0.25">
      <c r="A6531" s="1">
        <v>43827.916666666664</v>
      </c>
      <c r="B6531" s="2">
        <v>17.27</v>
      </c>
      <c r="C6531">
        <v>0</v>
      </c>
      <c r="D6531">
        <f t="shared" si="202"/>
        <v>0</v>
      </c>
      <c r="E6531" s="6">
        <f t="shared" si="203"/>
        <v>0</v>
      </c>
    </row>
    <row r="6532" spans="1:5" x14ac:dyDescent="0.25">
      <c r="A6532" s="1">
        <v>43827.958333333336</v>
      </c>
      <c r="B6532" s="2">
        <v>16.739999999999998</v>
      </c>
      <c r="C6532">
        <v>0</v>
      </c>
      <c r="D6532">
        <f t="shared" si="202"/>
        <v>0</v>
      </c>
      <c r="E6532" s="6">
        <f t="shared" si="203"/>
        <v>0</v>
      </c>
    </row>
    <row r="6533" spans="1:5" x14ac:dyDescent="0.25">
      <c r="A6533" s="1">
        <v>43828</v>
      </c>
      <c r="B6533" s="2">
        <v>14.61</v>
      </c>
      <c r="C6533">
        <v>0</v>
      </c>
      <c r="D6533">
        <f t="shared" si="202"/>
        <v>0</v>
      </c>
      <c r="E6533" s="6">
        <f t="shared" si="203"/>
        <v>0</v>
      </c>
    </row>
    <row r="6534" spans="1:5" x14ac:dyDescent="0.25">
      <c r="A6534" s="1">
        <v>43828.041666666664</v>
      </c>
      <c r="B6534" s="2">
        <v>14.51</v>
      </c>
      <c r="C6534">
        <v>0</v>
      </c>
      <c r="D6534">
        <f t="shared" ref="D6534:D6597" si="204">C6534/1000</f>
        <v>0</v>
      </c>
      <c r="E6534" s="6">
        <f t="shared" ref="E6534:E6597" si="205">D6534*B6534</f>
        <v>0</v>
      </c>
    </row>
    <row r="6535" spans="1:5" x14ac:dyDescent="0.25">
      <c r="A6535" s="1">
        <v>43828.083333333336</v>
      </c>
      <c r="B6535" s="2">
        <v>14.04</v>
      </c>
      <c r="C6535">
        <v>0</v>
      </c>
      <c r="D6535">
        <f t="shared" si="204"/>
        <v>0</v>
      </c>
      <c r="E6535" s="6">
        <f t="shared" si="205"/>
        <v>0</v>
      </c>
    </row>
    <row r="6536" spans="1:5" x14ac:dyDescent="0.25">
      <c r="A6536" s="1">
        <v>43828.125</v>
      </c>
      <c r="B6536" s="2">
        <v>13.68</v>
      </c>
      <c r="C6536">
        <v>0</v>
      </c>
      <c r="D6536">
        <f t="shared" si="204"/>
        <v>0</v>
      </c>
      <c r="E6536" s="6">
        <f t="shared" si="205"/>
        <v>0</v>
      </c>
    </row>
    <row r="6537" spans="1:5" x14ac:dyDescent="0.25">
      <c r="A6537" s="1">
        <v>43828.166666666664</v>
      </c>
      <c r="B6537" s="2">
        <v>13.9</v>
      </c>
      <c r="C6537">
        <v>0</v>
      </c>
      <c r="D6537">
        <f t="shared" si="204"/>
        <v>0</v>
      </c>
      <c r="E6537" s="6">
        <f t="shared" si="205"/>
        <v>0</v>
      </c>
    </row>
    <row r="6538" spans="1:5" x14ac:dyDescent="0.25">
      <c r="A6538" s="1">
        <v>43828.208333333336</v>
      </c>
      <c r="B6538" s="2">
        <v>14.13</v>
      </c>
      <c r="C6538">
        <v>0</v>
      </c>
      <c r="D6538">
        <f t="shared" si="204"/>
        <v>0</v>
      </c>
      <c r="E6538" s="6">
        <f t="shared" si="205"/>
        <v>0</v>
      </c>
    </row>
    <row r="6539" spans="1:5" x14ac:dyDescent="0.25">
      <c r="A6539" s="1">
        <v>43828.25</v>
      </c>
      <c r="B6539" s="2">
        <v>15.03</v>
      </c>
      <c r="C6539">
        <v>0</v>
      </c>
      <c r="D6539">
        <f t="shared" si="204"/>
        <v>0</v>
      </c>
      <c r="E6539" s="6">
        <f t="shared" si="205"/>
        <v>0</v>
      </c>
    </row>
    <row r="6540" spans="1:5" x14ac:dyDescent="0.25">
      <c r="A6540" s="1">
        <v>43828.291666666664</v>
      </c>
      <c r="B6540" s="2">
        <v>16.170000000000002</v>
      </c>
      <c r="C6540">
        <v>0</v>
      </c>
      <c r="D6540">
        <f t="shared" si="204"/>
        <v>0</v>
      </c>
      <c r="E6540" s="6">
        <f t="shared" si="205"/>
        <v>0</v>
      </c>
    </row>
    <row r="6541" spans="1:5" x14ac:dyDescent="0.25">
      <c r="A6541" s="1">
        <v>43828.333333333336</v>
      </c>
      <c r="B6541" s="2">
        <v>17.059999999999999</v>
      </c>
      <c r="C6541">
        <v>0</v>
      </c>
      <c r="D6541">
        <f t="shared" si="204"/>
        <v>0</v>
      </c>
      <c r="E6541" s="6">
        <f t="shared" si="205"/>
        <v>0</v>
      </c>
    </row>
    <row r="6542" spans="1:5" x14ac:dyDescent="0.25">
      <c r="A6542" s="1">
        <v>43828.375</v>
      </c>
      <c r="B6542" s="2">
        <v>17.8</v>
      </c>
      <c r="C6542">
        <v>0.33765800000000001</v>
      </c>
      <c r="D6542">
        <f t="shared" si="204"/>
        <v>3.3765800000000001E-4</v>
      </c>
      <c r="E6542" s="6">
        <f t="shared" si="205"/>
        <v>6.0103124000000004E-3</v>
      </c>
    </row>
    <row r="6543" spans="1:5" x14ac:dyDescent="0.25">
      <c r="A6543" s="1">
        <v>43828.416666666664</v>
      </c>
      <c r="B6543" s="2">
        <v>18.350000000000001</v>
      </c>
      <c r="C6543">
        <v>0.87335499999999999</v>
      </c>
      <c r="D6543">
        <f t="shared" si="204"/>
        <v>8.7335500000000003E-4</v>
      </c>
      <c r="E6543" s="6">
        <f t="shared" si="205"/>
        <v>1.6026064250000003E-2</v>
      </c>
    </row>
    <row r="6544" spans="1:5" x14ac:dyDescent="0.25">
      <c r="A6544" s="1">
        <v>43828.458333333336</v>
      </c>
      <c r="B6544" s="2">
        <v>18.02</v>
      </c>
      <c r="C6544">
        <v>2.1509549999999997</v>
      </c>
      <c r="D6544">
        <f t="shared" si="204"/>
        <v>2.1509549999999995E-3</v>
      </c>
      <c r="E6544" s="6">
        <f t="shared" si="205"/>
        <v>3.8760209099999991E-2</v>
      </c>
    </row>
    <row r="6545" spans="1:5" x14ac:dyDescent="0.25">
      <c r="A6545" s="1">
        <v>43828.5</v>
      </c>
      <c r="B6545" s="2">
        <v>17.989999999999998</v>
      </c>
      <c r="C6545">
        <v>3.8128479999999998</v>
      </c>
      <c r="D6545">
        <f t="shared" si="204"/>
        <v>3.8128479999999998E-3</v>
      </c>
      <c r="E6545" s="6">
        <f t="shared" si="205"/>
        <v>6.8593135519999987E-2</v>
      </c>
    </row>
    <row r="6546" spans="1:5" x14ac:dyDescent="0.25">
      <c r="A6546" s="1">
        <v>43828.541666666664</v>
      </c>
      <c r="B6546" s="2">
        <v>17.5</v>
      </c>
      <c r="C6546">
        <v>3.235503</v>
      </c>
      <c r="D6546">
        <f t="shared" si="204"/>
        <v>3.2355029999999998E-3</v>
      </c>
      <c r="E6546" s="6">
        <f t="shared" si="205"/>
        <v>5.6621302499999998E-2</v>
      </c>
    </row>
    <row r="6547" spans="1:5" x14ac:dyDescent="0.25">
      <c r="A6547" s="1">
        <v>43828.583333333336</v>
      </c>
      <c r="B6547" s="2">
        <v>16.95</v>
      </c>
      <c r="C6547">
        <v>0.92705100000000007</v>
      </c>
      <c r="D6547">
        <f t="shared" si="204"/>
        <v>9.2705100000000003E-4</v>
      </c>
      <c r="E6547" s="6">
        <f t="shared" si="205"/>
        <v>1.571351445E-2</v>
      </c>
    </row>
    <row r="6548" spans="1:5" x14ac:dyDescent="0.25">
      <c r="A6548" s="1">
        <v>43828.625</v>
      </c>
      <c r="B6548" s="2">
        <v>17.63</v>
      </c>
      <c r="C6548">
        <v>0.88223400000000007</v>
      </c>
      <c r="D6548">
        <f t="shared" si="204"/>
        <v>8.8223400000000008E-4</v>
      </c>
      <c r="E6548" s="6">
        <f t="shared" si="205"/>
        <v>1.5553785420000001E-2</v>
      </c>
    </row>
    <row r="6549" spans="1:5" x14ac:dyDescent="0.25">
      <c r="A6549" s="1">
        <v>43828.666666666664</v>
      </c>
      <c r="B6549" s="2">
        <v>19.239999999999998</v>
      </c>
      <c r="C6549">
        <v>3.1288000000000003E-2</v>
      </c>
      <c r="D6549">
        <f t="shared" si="204"/>
        <v>3.1288000000000003E-5</v>
      </c>
      <c r="E6549" s="6">
        <f t="shared" si="205"/>
        <v>6.0198111999999998E-4</v>
      </c>
    </row>
    <row r="6550" spans="1:5" x14ac:dyDescent="0.25">
      <c r="A6550" s="1">
        <v>43828.708333333336</v>
      </c>
      <c r="B6550" s="2">
        <v>21.43</v>
      </c>
      <c r="C6550">
        <v>0</v>
      </c>
      <c r="D6550">
        <f t="shared" si="204"/>
        <v>0</v>
      </c>
      <c r="E6550" s="6">
        <f t="shared" si="205"/>
        <v>0</v>
      </c>
    </row>
    <row r="6551" spans="1:5" x14ac:dyDescent="0.25">
      <c r="A6551" s="1">
        <v>43828.75</v>
      </c>
      <c r="B6551" s="2">
        <v>20.95</v>
      </c>
      <c r="C6551">
        <v>0</v>
      </c>
      <c r="D6551">
        <f t="shared" si="204"/>
        <v>0</v>
      </c>
      <c r="E6551" s="6">
        <f t="shared" si="205"/>
        <v>0</v>
      </c>
    </row>
    <row r="6552" spans="1:5" x14ac:dyDescent="0.25">
      <c r="A6552" s="1">
        <v>43828.791666666664</v>
      </c>
      <c r="B6552" s="2">
        <v>19.989999999999998</v>
      </c>
      <c r="C6552">
        <v>0</v>
      </c>
      <c r="D6552">
        <f t="shared" si="204"/>
        <v>0</v>
      </c>
      <c r="E6552" s="6">
        <f t="shared" si="205"/>
        <v>0</v>
      </c>
    </row>
    <row r="6553" spans="1:5" x14ac:dyDescent="0.25">
      <c r="A6553" s="1">
        <v>43828.833333333336</v>
      </c>
      <c r="B6553" s="2">
        <v>19.489999999999998</v>
      </c>
      <c r="C6553">
        <v>0</v>
      </c>
      <c r="D6553">
        <f t="shared" si="204"/>
        <v>0</v>
      </c>
      <c r="E6553" s="6">
        <f t="shared" si="205"/>
        <v>0</v>
      </c>
    </row>
    <row r="6554" spans="1:5" x14ac:dyDescent="0.25">
      <c r="A6554" s="1">
        <v>43828.875</v>
      </c>
      <c r="B6554" s="2">
        <v>18.04</v>
      </c>
      <c r="C6554">
        <v>0</v>
      </c>
      <c r="D6554">
        <f t="shared" si="204"/>
        <v>0</v>
      </c>
      <c r="E6554" s="6">
        <f t="shared" si="205"/>
        <v>0</v>
      </c>
    </row>
    <row r="6555" spans="1:5" x14ac:dyDescent="0.25">
      <c r="A6555" s="1">
        <v>43828.916666666664</v>
      </c>
      <c r="B6555" s="2">
        <v>16.989999999999998</v>
      </c>
      <c r="C6555">
        <v>0</v>
      </c>
      <c r="D6555">
        <f t="shared" si="204"/>
        <v>0</v>
      </c>
      <c r="E6555" s="6">
        <f t="shared" si="205"/>
        <v>0</v>
      </c>
    </row>
    <row r="6556" spans="1:5" x14ac:dyDescent="0.25">
      <c r="A6556" s="1">
        <v>43828.958333333336</v>
      </c>
      <c r="B6556" s="2">
        <v>14.39</v>
      </c>
      <c r="C6556">
        <v>0</v>
      </c>
      <c r="D6556">
        <f t="shared" si="204"/>
        <v>0</v>
      </c>
      <c r="E6556" s="6">
        <f t="shared" si="205"/>
        <v>0</v>
      </c>
    </row>
    <row r="6557" spans="1:5" x14ac:dyDescent="0.25">
      <c r="A6557" s="1">
        <v>43829</v>
      </c>
      <c r="B6557" s="2">
        <v>13.39</v>
      </c>
      <c r="C6557">
        <v>0</v>
      </c>
      <c r="D6557">
        <f t="shared" si="204"/>
        <v>0</v>
      </c>
      <c r="E6557" s="6">
        <f t="shared" si="205"/>
        <v>0</v>
      </c>
    </row>
    <row r="6558" spans="1:5" x14ac:dyDescent="0.25">
      <c r="A6558" s="1">
        <v>43829.041666666664</v>
      </c>
      <c r="B6558" s="2">
        <v>12.84</v>
      </c>
      <c r="C6558">
        <v>0</v>
      </c>
      <c r="D6558">
        <f t="shared" si="204"/>
        <v>0</v>
      </c>
      <c r="E6558" s="6">
        <f t="shared" si="205"/>
        <v>0</v>
      </c>
    </row>
    <row r="6559" spans="1:5" x14ac:dyDescent="0.25">
      <c r="A6559" s="1">
        <v>43829.083333333336</v>
      </c>
      <c r="B6559" s="2">
        <v>12.9</v>
      </c>
      <c r="C6559">
        <v>0</v>
      </c>
      <c r="D6559">
        <f t="shared" si="204"/>
        <v>0</v>
      </c>
      <c r="E6559" s="6">
        <f t="shared" si="205"/>
        <v>0</v>
      </c>
    </row>
    <row r="6560" spans="1:5" x14ac:dyDescent="0.25">
      <c r="A6560" s="1">
        <v>43829.125</v>
      </c>
      <c r="B6560" s="2">
        <v>12.5</v>
      </c>
      <c r="C6560">
        <v>0</v>
      </c>
      <c r="D6560">
        <f t="shared" si="204"/>
        <v>0</v>
      </c>
      <c r="E6560" s="6">
        <f t="shared" si="205"/>
        <v>0</v>
      </c>
    </row>
    <row r="6561" spans="1:5" x14ac:dyDescent="0.25">
      <c r="A6561" s="1">
        <v>43829.166666666664</v>
      </c>
      <c r="B6561" s="2">
        <v>12.87</v>
      </c>
      <c r="C6561">
        <v>0</v>
      </c>
      <c r="D6561">
        <f t="shared" si="204"/>
        <v>0</v>
      </c>
      <c r="E6561" s="6">
        <f t="shared" si="205"/>
        <v>0</v>
      </c>
    </row>
    <row r="6562" spans="1:5" x14ac:dyDescent="0.25">
      <c r="A6562" s="1">
        <v>43829.208333333336</v>
      </c>
      <c r="B6562" s="2">
        <v>13.49</v>
      </c>
      <c r="C6562">
        <v>0</v>
      </c>
      <c r="D6562">
        <f t="shared" si="204"/>
        <v>0</v>
      </c>
      <c r="E6562" s="6">
        <f t="shared" si="205"/>
        <v>0</v>
      </c>
    </row>
    <row r="6563" spans="1:5" x14ac:dyDescent="0.25">
      <c r="A6563" s="1">
        <v>43829.25</v>
      </c>
      <c r="B6563" s="2">
        <v>15.59</v>
      </c>
      <c r="C6563">
        <v>0</v>
      </c>
      <c r="D6563">
        <f t="shared" si="204"/>
        <v>0</v>
      </c>
      <c r="E6563" s="6">
        <f t="shared" si="205"/>
        <v>0</v>
      </c>
    </row>
    <row r="6564" spans="1:5" x14ac:dyDescent="0.25">
      <c r="A6564" s="1">
        <v>43829.291666666664</v>
      </c>
      <c r="B6564" s="2">
        <v>17.87</v>
      </c>
      <c r="C6564">
        <v>0</v>
      </c>
      <c r="D6564">
        <f t="shared" si="204"/>
        <v>0</v>
      </c>
      <c r="E6564" s="6">
        <f t="shared" si="205"/>
        <v>0</v>
      </c>
    </row>
    <row r="6565" spans="1:5" x14ac:dyDescent="0.25">
      <c r="A6565" s="1">
        <v>43829.333333333336</v>
      </c>
      <c r="B6565" s="2">
        <v>18.95</v>
      </c>
      <c r="C6565">
        <v>1.619181</v>
      </c>
      <c r="D6565">
        <f t="shared" si="204"/>
        <v>1.6191809999999999E-3</v>
      </c>
      <c r="E6565" s="6">
        <f t="shared" si="205"/>
        <v>3.0683479949999998E-2</v>
      </c>
    </row>
    <row r="6566" spans="1:5" x14ac:dyDescent="0.25">
      <c r="A6566" s="1">
        <v>43829.375</v>
      </c>
      <c r="B6566" s="2">
        <v>19.09</v>
      </c>
      <c r="C6566">
        <v>3.9924870000000001</v>
      </c>
      <c r="D6566">
        <f t="shared" si="204"/>
        <v>3.9924870000000003E-3</v>
      </c>
      <c r="E6566" s="6">
        <f t="shared" si="205"/>
        <v>7.6216576830000007E-2</v>
      </c>
    </row>
    <row r="6567" spans="1:5" x14ac:dyDescent="0.25">
      <c r="A6567" s="1">
        <v>43829.416666666664</v>
      </c>
      <c r="B6567" s="2">
        <v>19.489999999999998</v>
      </c>
      <c r="C6567">
        <v>5.7076279999999997</v>
      </c>
      <c r="D6567">
        <f t="shared" si="204"/>
        <v>5.7076279999999993E-3</v>
      </c>
      <c r="E6567" s="6">
        <f t="shared" si="205"/>
        <v>0.11124166971999998</v>
      </c>
    </row>
    <row r="6568" spans="1:5" x14ac:dyDescent="0.25">
      <c r="A6568" s="1">
        <v>43829.458333333336</v>
      </c>
      <c r="B6568" s="2">
        <v>19.38</v>
      </c>
      <c r="C6568">
        <v>6.6857439999999997</v>
      </c>
      <c r="D6568">
        <f t="shared" si="204"/>
        <v>6.6857439999999995E-3</v>
      </c>
      <c r="E6568" s="6">
        <f t="shared" si="205"/>
        <v>0.12956971871999998</v>
      </c>
    </row>
    <row r="6569" spans="1:5" x14ac:dyDescent="0.25">
      <c r="A6569" s="1">
        <v>43829.5</v>
      </c>
      <c r="B6569" s="2">
        <v>19.13</v>
      </c>
      <c r="C6569">
        <v>6.9982839999999999</v>
      </c>
      <c r="D6569">
        <f t="shared" si="204"/>
        <v>6.9982839999999996E-3</v>
      </c>
      <c r="E6569" s="6">
        <f t="shared" si="205"/>
        <v>0.13387717291999998</v>
      </c>
    </row>
    <row r="6570" spans="1:5" x14ac:dyDescent="0.25">
      <c r="A6570" s="1">
        <v>43829.541666666664</v>
      </c>
      <c r="B6570" s="2">
        <v>19.22</v>
      </c>
      <c r="C6570">
        <v>6.7221459999999995</v>
      </c>
      <c r="D6570">
        <f t="shared" si="204"/>
        <v>6.7221459999999992E-3</v>
      </c>
      <c r="E6570" s="6">
        <f t="shared" si="205"/>
        <v>0.12919964611999998</v>
      </c>
    </row>
    <row r="6571" spans="1:5" x14ac:dyDescent="0.25">
      <c r="A6571" s="1">
        <v>43829.583333333336</v>
      </c>
      <c r="B6571" s="2">
        <v>18.98</v>
      </c>
      <c r="C6571">
        <v>5.8122299999999996</v>
      </c>
      <c r="D6571">
        <f t="shared" si="204"/>
        <v>5.8122299999999998E-3</v>
      </c>
      <c r="E6571" s="6">
        <f t="shared" si="205"/>
        <v>0.11031612539999999</v>
      </c>
    </row>
    <row r="6572" spans="1:5" x14ac:dyDescent="0.25">
      <c r="A6572" s="1">
        <v>43829.625</v>
      </c>
      <c r="B6572" s="2">
        <v>19.03</v>
      </c>
      <c r="C6572">
        <v>4.241574</v>
      </c>
      <c r="D6572">
        <f t="shared" si="204"/>
        <v>4.2415739999999997E-3</v>
      </c>
      <c r="E6572" s="6">
        <f t="shared" si="205"/>
        <v>8.0717153220000004E-2</v>
      </c>
    </row>
    <row r="6573" spans="1:5" x14ac:dyDescent="0.25">
      <c r="A6573" s="1">
        <v>43829.666666666664</v>
      </c>
      <c r="B6573" s="2">
        <v>19.75</v>
      </c>
      <c r="C6573">
        <v>2.0630729999999997</v>
      </c>
      <c r="D6573">
        <f t="shared" si="204"/>
        <v>2.0630729999999999E-3</v>
      </c>
      <c r="E6573" s="6">
        <f t="shared" si="205"/>
        <v>4.074569175E-2</v>
      </c>
    </row>
    <row r="6574" spans="1:5" x14ac:dyDescent="0.25">
      <c r="A6574" s="1">
        <v>43829.708333333336</v>
      </c>
      <c r="B6574" s="2">
        <v>23.58</v>
      </c>
      <c r="C6574">
        <v>0</v>
      </c>
      <c r="D6574">
        <f t="shared" si="204"/>
        <v>0</v>
      </c>
      <c r="E6574" s="6">
        <f t="shared" si="205"/>
        <v>0</v>
      </c>
    </row>
    <row r="6575" spans="1:5" x14ac:dyDescent="0.25">
      <c r="A6575" s="1">
        <v>43829.75</v>
      </c>
      <c r="B6575" s="2">
        <v>22.05</v>
      </c>
      <c r="C6575">
        <v>0</v>
      </c>
      <c r="D6575">
        <f t="shared" si="204"/>
        <v>0</v>
      </c>
      <c r="E6575" s="6">
        <f t="shared" si="205"/>
        <v>0</v>
      </c>
    </row>
    <row r="6576" spans="1:5" x14ac:dyDescent="0.25">
      <c r="A6576" s="1">
        <v>43829.791666666664</v>
      </c>
      <c r="B6576" s="2">
        <v>22.35</v>
      </c>
      <c r="C6576">
        <v>0</v>
      </c>
      <c r="D6576">
        <f t="shared" si="204"/>
        <v>0</v>
      </c>
      <c r="E6576" s="6">
        <f t="shared" si="205"/>
        <v>0</v>
      </c>
    </row>
    <row r="6577" spans="1:5" x14ac:dyDescent="0.25">
      <c r="A6577" s="1">
        <v>43829.833333333336</v>
      </c>
      <c r="B6577" s="2">
        <v>20.72</v>
      </c>
      <c r="C6577">
        <v>0</v>
      </c>
      <c r="D6577">
        <f t="shared" si="204"/>
        <v>0</v>
      </c>
      <c r="E6577" s="6">
        <f t="shared" si="205"/>
        <v>0</v>
      </c>
    </row>
    <row r="6578" spans="1:5" x14ac:dyDescent="0.25">
      <c r="A6578" s="1">
        <v>43829.875</v>
      </c>
      <c r="B6578" s="2">
        <v>19.43</v>
      </c>
      <c r="C6578">
        <v>0</v>
      </c>
      <c r="D6578">
        <f t="shared" si="204"/>
        <v>0</v>
      </c>
      <c r="E6578" s="6">
        <f t="shared" si="205"/>
        <v>0</v>
      </c>
    </row>
    <row r="6579" spans="1:5" x14ac:dyDescent="0.25">
      <c r="A6579" s="1">
        <v>43829.916666666664</v>
      </c>
      <c r="B6579" s="2">
        <v>17.7</v>
      </c>
      <c r="C6579">
        <v>0</v>
      </c>
      <c r="D6579">
        <f t="shared" si="204"/>
        <v>0</v>
      </c>
      <c r="E6579" s="6">
        <f t="shared" si="205"/>
        <v>0</v>
      </c>
    </row>
    <row r="6580" spans="1:5" x14ac:dyDescent="0.25">
      <c r="A6580" s="1">
        <v>43829.958333333336</v>
      </c>
      <c r="B6580" s="2">
        <v>16.02</v>
      </c>
      <c r="C6580">
        <v>0</v>
      </c>
      <c r="D6580">
        <f t="shared" si="204"/>
        <v>0</v>
      </c>
      <c r="E6580" s="6">
        <f t="shared" si="205"/>
        <v>0</v>
      </c>
    </row>
    <row r="6581" spans="1:5" x14ac:dyDescent="0.25">
      <c r="A6581" s="1">
        <v>43830</v>
      </c>
      <c r="B6581" s="2">
        <v>15.58</v>
      </c>
      <c r="C6581">
        <v>0</v>
      </c>
      <c r="D6581">
        <f t="shared" si="204"/>
        <v>0</v>
      </c>
      <c r="E6581" s="6">
        <f t="shared" si="205"/>
        <v>0</v>
      </c>
    </row>
    <row r="6582" spans="1:5" x14ac:dyDescent="0.25">
      <c r="A6582" s="1">
        <v>43830.041666666664</v>
      </c>
      <c r="B6582" s="2">
        <v>14.18</v>
      </c>
      <c r="C6582">
        <v>0</v>
      </c>
      <c r="D6582">
        <f t="shared" si="204"/>
        <v>0</v>
      </c>
      <c r="E6582" s="6">
        <f t="shared" si="205"/>
        <v>0</v>
      </c>
    </row>
    <row r="6583" spans="1:5" x14ac:dyDescent="0.25">
      <c r="A6583" s="1">
        <v>43830.083333333336</v>
      </c>
      <c r="B6583" s="2">
        <v>13.84</v>
      </c>
      <c r="C6583">
        <v>0</v>
      </c>
      <c r="D6583">
        <f t="shared" si="204"/>
        <v>0</v>
      </c>
      <c r="E6583" s="6">
        <f t="shared" si="205"/>
        <v>0</v>
      </c>
    </row>
    <row r="6584" spans="1:5" x14ac:dyDescent="0.25">
      <c r="A6584" s="1">
        <v>43830.125</v>
      </c>
      <c r="B6584" s="2">
        <v>14.23</v>
      </c>
      <c r="C6584">
        <v>0</v>
      </c>
      <c r="D6584">
        <f t="shared" si="204"/>
        <v>0</v>
      </c>
      <c r="E6584" s="6">
        <f t="shared" si="205"/>
        <v>0</v>
      </c>
    </row>
    <row r="6585" spans="1:5" x14ac:dyDescent="0.25">
      <c r="A6585" s="1">
        <v>43830.166666666664</v>
      </c>
      <c r="B6585" s="2">
        <v>14.34</v>
      </c>
      <c r="C6585">
        <v>0</v>
      </c>
      <c r="D6585">
        <f t="shared" si="204"/>
        <v>0</v>
      </c>
      <c r="E6585" s="6">
        <f t="shared" si="205"/>
        <v>0</v>
      </c>
    </row>
    <row r="6586" spans="1:5" x14ac:dyDescent="0.25">
      <c r="A6586" s="1">
        <v>43830.208333333336</v>
      </c>
      <c r="B6586" s="2">
        <v>16.46</v>
      </c>
      <c r="C6586">
        <v>0</v>
      </c>
      <c r="D6586">
        <f t="shared" si="204"/>
        <v>0</v>
      </c>
      <c r="E6586" s="6">
        <f t="shared" si="205"/>
        <v>0</v>
      </c>
    </row>
    <row r="6587" spans="1:5" x14ac:dyDescent="0.25">
      <c r="A6587" s="1">
        <v>43830.25</v>
      </c>
      <c r="B6587" s="2">
        <v>19.420000000000002</v>
      </c>
      <c r="C6587">
        <v>0</v>
      </c>
      <c r="D6587">
        <f t="shared" si="204"/>
        <v>0</v>
      </c>
      <c r="E6587" s="6">
        <f t="shared" si="205"/>
        <v>0</v>
      </c>
    </row>
    <row r="6588" spans="1:5" x14ac:dyDescent="0.25">
      <c r="A6588" s="1">
        <v>43830.291666666664</v>
      </c>
      <c r="B6588" s="2">
        <v>22.05</v>
      </c>
      <c r="C6588">
        <v>0</v>
      </c>
      <c r="D6588">
        <f t="shared" si="204"/>
        <v>0</v>
      </c>
      <c r="E6588" s="6">
        <f t="shared" si="205"/>
        <v>0</v>
      </c>
    </row>
    <row r="6589" spans="1:5" x14ac:dyDescent="0.25">
      <c r="A6589" s="1">
        <v>43830.333333333336</v>
      </c>
      <c r="B6589" s="2">
        <v>22.19</v>
      </c>
      <c r="C6589">
        <v>1.4148999999999998E-2</v>
      </c>
      <c r="D6589">
        <f t="shared" si="204"/>
        <v>1.4148999999999998E-5</v>
      </c>
      <c r="E6589" s="6">
        <f t="shared" si="205"/>
        <v>3.1396630999999995E-4</v>
      </c>
    </row>
    <row r="6590" spans="1:5" x14ac:dyDescent="0.25">
      <c r="A6590" s="1">
        <v>43830.375</v>
      </c>
      <c r="B6590" s="2">
        <v>22.82</v>
      </c>
      <c r="C6590">
        <v>0.34093699999999999</v>
      </c>
      <c r="D6590">
        <f t="shared" si="204"/>
        <v>3.4093699999999998E-4</v>
      </c>
      <c r="E6590" s="6">
        <f t="shared" si="205"/>
        <v>7.7801823399999996E-3</v>
      </c>
    </row>
    <row r="6591" spans="1:5" x14ac:dyDescent="0.25">
      <c r="A6591" s="1">
        <v>43830.416666666664</v>
      </c>
      <c r="B6591" s="2">
        <v>23.65</v>
      </c>
      <c r="C6591">
        <v>1.0492410000000001</v>
      </c>
      <c r="D6591">
        <f t="shared" si="204"/>
        <v>1.049241E-3</v>
      </c>
      <c r="E6591" s="6">
        <f t="shared" si="205"/>
        <v>2.481454965E-2</v>
      </c>
    </row>
    <row r="6592" spans="1:5" x14ac:dyDescent="0.25">
      <c r="A6592" s="1">
        <v>43830.458333333336</v>
      </c>
      <c r="B6592" s="2">
        <v>22.79</v>
      </c>
      <c r="C6592">
        <v>2.9759579999999999</v>
      </c>
      <c r="D6592">
        <f t="shared" si="204"/>
        <v>2.9759579999999999E-3</v>
      </c>
      <c r="E6592" s="6">
        <f t="shared" si="205"/>
        <v>6.782208281999999E-2</v>
      </c>
    </row>
    <row r="6593" spans="1:5" x14ac:dyDescent="0.25">
      <c r="A6593" s="1">
        <v>43830.5</v>
      </c>
      <c r="B6593" s="2">
        <v>22.35</v>
      </c>
      <c r="C6593">
        <v>1.725589</v>
      </c>
      <c r="D6593">
        <f t="shared" si="204"/>
        <v>1.725589E-3</v>
      </c>
      <c r="E6593" s="6">
        <f t="shared" si="205"/>
        <v>3.8566914150000006E-2</v>
      </c>
    </row>
    <row r="6594" spans="1:5" x14ac:dyDescent="0.25">
      <c r="A6594" s="1">
        <v>43830.541666666664</v>
      </c>
      <c r="B6594" s="2">
        <v>21.39</v>
      </c>
      <c r="C6594">
        <v>2.983895</v>
      </c>
      <c r="D6594">
        <f t="shared" si="204"/>
        <v>2.9838949999999999E-3</v>
      </c>
      <c r="E6594" s="6">
        <f t="shared" si="205"/>
        <v>6.3825514050000004E-2</v>
      </c>
    </row>
    <row r="6595" spans="1:5" x14ac:dyDescent="0.25">
      <c r="A6595" s="1">
        <v>43830.583333333336</v>
      </c>
      <c r="B6595" s="2">
        <v>21.04</v>
      </c>
      <c r="C6595">
        <v>1.895078</v>
      </c>
      <c r="D6595">
        <f t="shared" si="204"/>
        <v>1.8950780000000001E-3</v>
      </c>
      <c r="E6595" s="6">
        <f t="shared" si="205"/>
        <v>3.9872441120000005E-2</v>
      </c>
    </row>
    <row r="6596" spans="1:5" x14ac:dyDescent="0.25">
      <c r="A6596" s="1">
        <v>43830.625</v>
      </c>
      <c r="B6596" s="2">
        <v>21.15</v>
      </c>
      <c r="C6596">
        <v>1.1297629999999999</v>
      </c>
      <c r="D6596">
        <f t="shared" si="204"/>
        <v>1.1297629999999998E-3</v>
      </c>
      <c r="E6596" s="6">
        <f t="shared" si="205"/>
        <v>2.3894487449999995E-2</v>
      </c>
    </row>
    <row r="6597" spans="1:5" x14ac:dyDescent="0.25">
      <c r="A6597" s="1">
        <v>43830.666666666664</v>
      </c>
      <c r="B6597" s="2">
        <v>23.58</v>
      </c>
      <c r="C6597">
        <v>0.64023400000000008</v>
      </c>
      <c r="D6597">
        <f t="shared" si="204"/>
        <v>6.4023400000000005E-4</v>
      </c>
      <c r="E6597" s="6">
        <f t="shared" si="205"/>
        <v>1.509671772E-2</v>
      </c>
    </row>
    <row r="6598" spans="1:5" x14ac:dyDescent="0.25">
      <c r="A6598" s="1">
        <v>43830.708333333336</v>
      </c>
      <c r="B6598" s="2">
        <v>30.18</v>
      </c>
      <c r="C6598">
        <v>0</v>
      </c>
      <c r="D6598">
        <f t="shared" ref="D6598:D6661" si="206">C6598/1000</f>
        <v>0</v>
      </c>
      <c r="E6598" s="6">
        <f t="shared" ref="E6598:E6661" si="207">D6598*B6598</f>
        <v>0</v>
      </c>
    </row>
    <row r="6599" spans="1:5" x14ac:dyDescent="0.25">
      <c r="A6599" s="1">
        <v>43830.75</v>
      </c>
      <c r="B6599" s="2">
        <v>27.21</v>
      </c>
      <c r="C6599">
        <v>0</v>
      </c>
      <c r="D6599">
        <f t="shared" si="206"/>
        <v>0</v>
      </c>
      <c r="E6599" s="6">
        <f t="shared" si="207"/>
        <v>0</v>
      </c>
    </row>
    <row r="6600" spans="1:5" x14ac:dyDescent="0.25">
      <c r="A6600" s="1">
        <v>43830.791666666664</v>
      </c>
      <c r="B6600" s="2">
        <v>27.06</v>
      </c>
      <c r="C6600">
        <v>0</v>
      </c>
      <c r="D6600">
        <f t="shared" si="206"/>
        <v>0</v>
      </c>
      <c r="E6600" s="6">
        <f t="shared" si="207"/>
        <v>0</v>
      </c>
    </row>
    <row r="6601" spans="1:5" x14ac:dyDescent="0.25">
      <c r="A6601" s="1">
        <v>43830.833333333336</v>
      </c>
      <c r="B6601" s="2">
        <v>24.86</v>
      </c>
      <c r="C6601">
        <v>0</v>
      </c>
      <c r="D6601">
        <f t="shared" si="206"/>
        <v>0</v>
      </c>
      <c r="E6601" s="6">
        <f t="shared" si="207"/>
        <v>0</v>
      </c>
    </row>
    <row r="6602" spans="1:5" x14ac:dyDescent="0.25">
      <c r="A6602" s="1">
        <v>43830.875</v>
      </c>
      <c r="B6602" s="2">
        <v>22.99</v>
      </c>
      <c r="C6602">
        <v>0</v>
      </c>
      <c r="D6602">
        <f t="shared" si="206"/>
        <v>0</v>
      </c>
      <c r="E6602" s="6">
        <f t="shared" si="207"/>
        <v>0</v>
      </c>
    </row>
    <row r="6603" spans="1:5" x14ac:dyDescent="0.25">
      <c r="A6603" s="1">
        <v>43830.916666666664</v>
      </c>
      <c r="B6603" s="2">
        <v>20.27</v>
      </c>
      <c r="C6603">
        <v>0</v>
      </c>
      <c r="D6603">
        <f t="shared" si="206"/>
        <v>0</v>
      </c>
      <c r="E6603" s="6">
        <f t="shared" si="207"/>
        <v>0</v>
      </c>
    </row>
    <row r="6604" spans="1:5" x14ac:dyDescent="0.25">
      <c r="A6604" s="1">
        <v>43830.958333333336</v>
      </c>
      <c r="B6604" s="2">
        <v>19.41</v>
      </c>
      <c r="C6604">
        <v>0</v>
      </c>
      <c r="D6604">
        <f t="shared" si="206"/>
        <v>0</v>
      </c>
      <c r="E6604" s="6">
        <f t="shared" si="207"/>
        <v>0</v>
      </c>
    </row>
    <row r="6605" spans="1:5" x14ac:dyDescent="0.25">
      <c r="A6605" s="5">
        <v>43831</v>
      </c>
      <c r="B6605" s="2">
        <v>18.777176000000001</v>
      </c>
      <c r="C6605">
        <v>0</v>
      </c>
      <c r="D6605">
        <f t="shared" si="206"/>
        <v>0</v>
      </c>
      <c r="E6605" s="6">
        <f t="shared" si="207"/>
        <v>0</v>
      </c>
    </row>
    <row r="6606" spans="1:5" x14ac:dyDescent="0.25">
      <c r="A6606" s="5">
        <v>43831.041666666664</v>
      </c>
      <c r="B6606" s="2">
        <v>18.294091000000002</v>
      </c>
      <c r="C6606">
        <v>0</v>
      </c>
      <c r="D6606">
        <f t="shared" si="206"/>
        <v>0</v>
      </c>
      <c r="E6606" s="6">
        <f t="shared" si="207"/>
        <v>0</v>
      </c>
    </row>
    <row r="6607" spans="1:5" x14ac:dyDescent="0.25">
      <c r="A6607" s="5">
        <v>43831.083333333336</v>
      </c>
      <c r="B6607" s="2">
        <v>17.997558000000001</v>
      </c>
      <c r="C6607">
        <v>0</v>
      </c>
      <c r="D6607">
        <f t="shared" si="206"/>
        <v>0</v>
      </c>
      <c r="E6607" s="6">
        <f t="shared" si="207"/>
        <v>0</v>
      </c>
    </row>
    <row r="6608" spans="1:5" x14ac:dyDescent="0.25">
      <c r="A6608" s="5">
        <v>43831.125</v>
      </c>
      <c r="B6608" s="2">
        <v>17.976841</v>
      </c>
      <c r="C6608">
        <v>0</v>
      </c>
      <c r="D6608">
        <f t="shared" si="206"/>
        <v>0</v>
      </c>
      <c r="E6608" s="6">
        <f t="shared" si="207"/>
        <v>0</v>
      </c>
    </row>
    <row r="6609" spans="1:5" x14ac:dyDescent="0.25">
      <c r="A6609" s="5">
        <v>43831.166666666664</v>
      </c>
      <c r="B6609" s="2">
        <v>18.113772999999998</v>
      </c>
      <c r="C6609">
        <v>0</v>
      </c>
      <c r="D6609">
        <f t="shared" si="206"/>
        <v>0</v>
      </c>
      <c r="E6609" s="6">
        <f t="shared" si="207"/>
        <v>0</v>
      </c>
    </row>
    <row r="6610" spans="1:5" x14ac:dyDescent="0.25">
      <c r="A6610" s="5">
        <v>43831.208333333336</v>
      </c>
      <c r="B6610" s="2">
        <v>18.605370000000001</v>
      </c>
      <c r="C6610">
        <v>0</v>
      </c>
      <c r="D6610">
        <f t="shared" si="206"/>
        <v>0</v>
      </c>
      <c r="E6610" s="6">
        <f t="shared" si="207"/>
        <v>0</v>
      </c>
    </row>
    <row r="6611" spans="1:5" x14ac:dyDescent="0.25">
      <c r="A6611" s="5">
        <v>43831.25</v>
      </c>
      <c r="B6611" s="2">
        <v>19.290222</v>
      </c>
      <c r="C6611">
        <v>0</v>
      </c>
      <c r="D6611">
        <f t="shared" si="206"/>
        <v>0</v>
      </c>
      <c r="E6611" s="6">
        <f t="shared" si="207"/>
        <v>0</v>
      </c>
    </row>
    <row r="6612" spans="1:5" x14ac:dyDescent="0.25">
      <c r="A6612" s="5">
        <v>43831.291666666664</v>
      </c>
      <c r="B6612" s="2">
        <v>20.022054000000001</v>
      </c>
      <c r="C6612">
        <v>0</v>
      </c>
      <c r="D6612">
        <f t="shared" si="206"/>
        <v>0</v>
      </c>
      <c r="E6612" s="6">
        <f t="shared" si="207"/>
        <v>0</v>
      </c>
    </row>
    <row r="6613" spans="1:5" x14ac:dyDescent="0.25">
      <c r="A6613" s="5">
        <v>43831.333333333336</v>
      </c>
      <c r="B6613" s="2">
        <v>20.025739000000002</v>
      </c>
      <c r="C6613">
        <v>0.14799100000000001</v>
      </c>
      <c r="D6613">
        <f t="shared" si="206"/>
        <v>1.4799100000000001E-4</v>
      </c>
      <c r="E6613" s="6">
        <f t="shared" si="207"/>
        <v>2.9636291403490004E-3</v>
      </c>
    </row>
    <row r="6614" spans="1:5" x14ac:dyDescent="0.25">
      <c r="A6614" s="5">
        <v>43831.375</v>
      </c>
      <c r="B6614" s="2">
        <v>20.011644</v>
      </c>
      <c r="C6614">
        <v>0.75560000000000005</v>
      </c>
      <c r="D6614">
        <f t="shared" si="206"/>
        <v>7.5560000000000004E-4</v>
      </c>
      <c r="E6614" s="6">
        <f t="shared" si="207"/>
        <v>1.5120798206400001E-2</v>
      </c>
    </row>
    <row r="6615" spans="1:5" x14ac:dyDescent="0.25">
      <c r="A6615" s="5">
        <v>43831.416666666664</v>
      </c>
      <c r="B6615" s="2">
        <v>19.952676</v>
      </c>
      <c r="C6615">
        <v>1.4699549999999999</v>
      </c>
      <c r="D6615">
        <f t="shared" si="206"/>
        <v>1.469955E-3</v>
      </c>
      <c r="E6615" s="6">
        <f t="shared" si="207"/>
        <v>2.932953584958E-2</v>
      </c>
    </row>
    <row r="6616" spans="1:5" x14ac:dyDescent="0.25">
      <c r="A6616" s="5">
        <v>43831.458333333336</v>
      </c>
      <c r="B6616" s="2">
        <v>19.459664</v>
      </c>
      <c r="C6616">
        <v>1.823896</v>
      </c>
      <c r="D6616">
        <f t="shared" si="206"/>
        <v>1.823896E-3</v>
      </c>
      <c r="E6616" s="6">
        <f t="shared" si="207"/>
        <v>3.5492403330944E-2</v>
      </c>
    </row>
    <row r="6617" spans="1:5" x14ac:dyDescent="0.25">
      <c r="A6617" s="5">
        <v>43831.5</v>
      </c>
      <c r="B6617" s="2">
        <v>18.970593000000001</v>
      </c>
      <c r="C6617">
        <v>2.3119749999999999</v>
      </c>
      <c r="D6617">
        <f t="shared" si="206"/>
        <v>2.311975E-3</v>
      </c>
      <c r="E6617" s="6">
        <f t="shared" si="207"/>
        <v>4.3859536751175002E-2</v>
      </c>
    </row>
    <row r="6618" spans="1:5" x14ac:dyDescent="0.25">
      <c r="A6618" s="5">
        <v>43831.541666666664</v>
      </c>
      <c r="B6618" s="2">
        <v>18.720005</v>
      </c>
      <c r="C6618">
        <v>2.528321</v>
      </c>
      <c r="D6618">
        <f t="shared" si="206"/>
        <v>2.528321E-3</v>
      </c>
      <c r="E6618" s="6">
        <f t="shared" si="207"/>
        <v>4.7330181761605E-2</v>
      </c>
    </row>
    <row r="6619" spans="1:5" x14ac:dyDescent="0.25">
      <c r="A6619" s="5">
        <v>43831.583333333336</v>
      </c>
      <c r="B6619" s="2">
        <v>18.543500999999999</v>
      </c>
      <c r="C6619">
        <v>0.99370000000000003</v>
      </c>
      <c r="D6619">
        <f t="shared" si="206"/>
        <v>9.9369999999999992E-4</v>
      </c>
      <c r="E6619" s="6">
        <f t="shared" si="207"/>
        <v>1.8426676943699996E-2</v>
      </c>
    </row>
    <row r="6620" spans="1:5" x14ac:dyDescent="0.25">
      <c r="A6620" s="5">
        <v>43831.625</v>
      </c>
      <c r="B6620" s="2">
        <v>18.62369</v>
      </c>
      <c r="C6620">
        <v>0.84900799999999998</v>
      </c>
      <c r="D6620">
        <f t="shared" si="206"/>
        <v>8.4900799999999995E-4</v>
      </c>
      <c r="E6620" s="6">
        <f t="shared" si="207"/>
        <v>1.581166179952E-2</v>
      </c>
    </row>
    <row r="6621" spans="1:5" x14ac:dyDescent="0.25">
      <c r="A6621" s="5">
        <v>43831.666666666664</v>
      </c>
      <c r="B6621" s="2">
        <v>19.965868</v>
      </c>
      <c r="C6621">
        <v>0.466198</v>
      </c>
      <c r="D6621">
        <f t="shared" si="206"/>
        <v>4.6619800000000002E-4</v>
      </c>
      <c r="E6621" s="6">
        <f t="shared" si="207"/>
        <v>9.3080477298640007E-3</v>
      </c>
    </row>
    <row r="6622" spans="1:5" x14ac:dyDescent="0.25">
      <c r="A6622" s="5">
        <v>43831.708333333336</v>
      </c>
      <c r="B6622" s="2">
        <v>23.613545999999999</v>
      </c>
      <c r="C6622">
        <v>0</v>
      </c>
      <c r="D6622">
        <f t="shared" si="206"/>
        <v>0</v>
      </c>
      <c r="E6622" s="6">
        <f t="shared" si="207"/>
        <v>0</v>
      </c>
    </row>
    <row r="6623" spans="1:5" x14ac:dyDescent="0.25">
      <c r="A6623" s="5">
        <v>43831.75</v>
      </c>
      <c r="B6623" s="2">
        <v>23.371613</v>
      </c>
      <c r="C6623">
        <v>0</v>
      </c>
      <c r="D6623">
        <f t="shared" si="206"/>
        <v>0</v>
      </c>
      <c r="E6623" s="6">
        <f t="shared" si="207"/>
        <v>0</v>
      </c>
    </row>
    <row r="6624" spans="1:5" x14ac:dyDescent="0.25">
      <c r="A6624" s="5">
        <v>43831.791666666664</v>
      </c>
      <c r="B6624" s="2">
        <v>23.141183000000002</v>
      </c>
      <c r="C6624">
        <v>0</v>
      </c>
      <c r="D6624">
        <f t="shared" si="206"/>
        <v>0</v>
      </c>
      <c r="E6624" s="6">
        <f t="shared" si="207"/>
        <v>0</v>
      </c>
    </row>
    <row r="6625" spans="1:5" x14ac:dyDescent="0.25">
      <c r="A6625" s="5">
        <v>43831.833333333336</v>
      </c>
      <c r="B6625" s="2">
        <v>21.836932999999998</v>
      </c>
      <c r="C6625">
        <v>0</v>
      </c>
      <c r="D6625">
        <f t="shared" si="206"/>
        <v>0</v>
      </c>
      <c r="E6625" s="6">
        <f t="shared" si="207"/>
        <v>0</v>
      </c>
    </row>
    <row r="6626" spans="1:5" x14ac:dyDescent="0.25">
      <c r="A6626" s="5">
        <v>43831.875</v>
      </c>
      <c r="B6626" s="2">
        <v>20.320139000000001</v>
      </c>
      <c r="C6626">
        <v>0</v>
      </c>
      <c r="D6626">
        <f t="shared" si="206"/>
        <v>0</v>
      </c>
      <c r="E6626" s="6">
        <f t="shared" si="207"/>
        <v>0</v>
      </c>
    </row>
    <row r="6627" spans="1:5" x14ac:dyDescent="0.25">
      <c r="A6627" s="5">
        <v>43831.916666666664</v>
      </c>
      <c r="B6627" s="2">
        <v>19.527941999999999</v>
      </c>
      <c r="C6627">
        <v>0</v>
      </c>
      <c r="D6627">
        <f t="shared" si="206"/>
        <v>0</v>
      </c>
      <c r="E6627" s="6">
        <f t="shared" si="207"/>
        <v>0</v>
      </c>
    </row>
    <row r="6628" spans="1:5" x14ac:dyDescent="0.25">
      <c r="A6628" s="5">
        <v>43831.958333333336</v>
      </c>
      <c r="B6628" s="2">
        <v>18.988168000000002</v>
      </c>
      <c r="C6628">
        <v>0</v>
      </c>
      <c r="D6628">
        <f t="shared" si="206"/>
        <v>0</v>
      </c>
      <c r="E6628" s="6">
        <f t="shared" si="207"/>
        <v>0</v>
      </c>
    </row>
    <row r="6629" spans="1:5" x14ac:dyDescent="0.25">
      <c r="A6629" s="5">
        <v>43832</v>
      </c>
      <c r="B6629" s="2">
        <v>18.802689999999998</v>
      </c>
      <c r="C6629">
        <v>0</v>
      </c>
      <c r="D6629">
        <f t="shared" si="206"/>
        <v>0</v>
      </c>
      <c r="E6629" s="6">
        <f t="shared" si="207"/>
        <v>0</v>
      </c>
    </row>
    <row r="6630" spans="1:5" x14ac:dyDescent="0.25">
      <c r="A6630" s="5">
        <v>43832.041666666664</v>
      </c>
      <c r="B6630" s="2">
        <v>18.967509</v>
      </c>
      <c r="C6630">
        <v>0</v>
      </c>
      <c r="D6630">
        <f t="shared" si="206"/>
        <v>0</v>
      </c>
      <c r="E6630" s="6">
        <f t="shared" si="207"/>
        <v>0</v>
      </c>
    </row>
    <row r="6631" spans="1:5" x14ac:dyDescent="0.25">
      <c r="A6631" s="5">
        <v>43832.083333333336</v>
      </c>
      <c r="B6631" s="2">
        <v>18.903879</v>
      </c>
      <c r="C6631">
        <v>0</v>
      </c>
      <c r="D6631">
        <f t="shared" si="206"/>
        <v>0</v>
      </c>
      <c r="E6631" s="6">
        <f t="shared" si="207"/>
        <v>0</v>
      </c>
    </row>
    <row r="6632" spans="1:5" x14ac:dyDescent="0.25">
      <c r="A6632" s="5">
        <v>43832.125</v>
      </c>
      <c r="B6632" s="2">
        <v>19.077052999999999</v>
      </c>
      <c r="C6632">
        <v>0</v>
      </c>
      <c r="D6632">
        <f t="shared" si="206"/>
        <v>0</v>
      </c>
      <c r="E6632" s="6">
        <f t="shared" si="207"/>
        <v>0</v>
      </c>
    </row>
    <row r="6633" spans="1:5" x14ac:dyDescent="0.25">
      <c r="A6633" s="5">
        <v>43832.166666666664</v>
      </c>
      <c r="B6633" s="2">
        <v>19.408066000000002</v>
      </c>
      <c r="C6633">
        <v>0</v>
      </c>
      <c r="D6633">
        <f t="shared" si="206"/>
        <v>0</v>
      </c>
      <c r="E6633" s="6">
        <f t="shared" si="207"/>
        <v>0</v>
      </c>
    </row>
    <row r="6634" spans="1:5" x14ac:dyDescent="0.25">
      <c r="A6634" s="5">
        <v>43832.208333333336</v>
      </c>
      <c r="B6634" s="2">
        <v>21.495622000000001</v>
      </c>
      <c r="C6634">
        <v>0</v>
      </c>
      <c r="D6634">
        <f t="shared" si="206"/>
        <v>0</v>
      </c>
      <c r="E6634" s="6">
        <f t="shared" si="207"/>
        <v>0</v>
      </c>
    </row>
    <row r="6635" spans="1:5" x14ac:dyDescent="0.25">
      <c r="A6635" s="5">
        <v>43832.25</v>
      </c>
      <c r="B6635" s="2">
        <v>31.520534000000001</v>
      </c>
      <c r="C6635">
        <v>0</v>
      </c>
      <c r="D6635">
        <f t="shared" si="206"/>
        <v>0</v>
      </c>
      <c r="E6635" s="6">
        <f t="shared" si="207"/>
        <v>0</v>
      </c>
    </row>
    <row r="6636" spans="1:5" x14ac:dyDescent="0.25">
      <c r="A6636" s="5">
        <v>43832.291666666664</v>
      </c>
      <c r="B6636" s="2">
        <v>38.052343</v>
      </c>
      <c r="C6636">
        <v>0</v>
      </c>
      <c r="D6636">
        <f t="shared" si="206"/>
        <v>0</v>
      </c>
      <c r="E6636" s="6">
        <f t="shared" si="207"/>
        <v>0</v>
      </c>
    </row>
    <row r="6637" spans="1:5" x14ac:dyDescent="0.25">
      <c r="A6637" s="5">
        <v>43832.333333333336</v>
      </c>
      <c r="B6637" s="2">
        <v>30.014878</v>
      </c>
      <c r="C6637">
        <v>8.5239000000000009E-2</v>
      </c>
      <c r="D6637">
        <f t="shared" si="206"/>
        <v>8.5239000000000015E-5</v>
      </c>
      <c r="E6637" s="6">
        <f t="shared" si="207"/>
        <v>2.5584381858420003E-3</v>
      </c>
    </row>
    <row r="6638" spans="1:5" x14ac:dyDescent="0.25">
      <c r="A6638" s="5">
        <v>43832.375</v>
      </c>
      <c r="B6638" s="2">
        <v>27.390736</v>
      </c>
      <c r="C6638">
        <v>3.637661</v>
      </c>
      <c r="D6638">
        <f t="shared" si="206"/>
        <v>3.6376609999999999E-3</v>
      </c>
      <c r="E6638" s="6">
        <f t="shared" si="207"/>
        <v>9.9638212108495994E-2</v>
      </c>
    </row>
    <row r="6639" spans="1:5" x14ac:dyDescent="0.25">
      <c r="A6639" s="5">
        <v>43832.416666666664</v>
      </c>
      <c r="B6639" s="2">
        <v>24.984802999999999</v>
      </c>
      <c r="C6639">
        <v>2.7251350000000003</v>
      </c>
      <c r="D6639">
        <f t="shared" si="206"/>
        <v>2.7251350000000005E-3</v>
      </c>
      <c r="E6639" s="6">
        <f t="shared" si="207"/>
        <v>6.808696112340501E-2</v>
      </c>
    </row>
    <row r="6640" spans="1:5" x14ac:dyDescent="0.25">
      <c r="A6640" s="5">
        <v>43832.458333333336</v>
      </c>
      <c r="B6640" s="2">
        <v>22.748934999999999</v>
      </c>
      <c r="C6640">
        <v>3.6106959999999999</v>
      </c>
      <c r="D6640">
        <f t="shared" si="206"/>
        <v>3.610696E-3</v>
      </c>
      <c r="E6640" s="6">
        <f t="shared" si="207"/>
        <v>8.2139488608759997E-2</v>
      </c>
    </row>
    <row r="6641" spans="1:5" x14ac:dyDescent="0.25">
      <c r="A6641" s="5">
        <v>43832.5</v>
      </c>
      <c r="B6641" s="2">
        <v>21.577798999999999</v>
      </c>
      <c r="C6641">
        <v>4.9974910000000001</v>
      </c>
      <c r="D6641">
        <f t="shared" si="206"/>
        <v>4.9974909999999997E-3</v>
      </c>
      <c r="E6641" s="6">
        <f t="shared" si="207"/>
        <v>0.10783485630230899</v>
      </c>
    </row>
    <row r="6642" spans="1:5" x14ac:dyDescent="0.25">
      <c r="A6642" s="5">
        <v>43832.541666666664</v>
      </c>
      <c r="B6642" s="2">
        <v>21.369439</v>
      </c>
      <c r="C6642">
        <v>5.0729709999999999</v>
      </c>
      <c r="D6642">
        <f t="shared" si="206"/>
        <v>5.0729709999999999E-3</v>
      </c>
      <c r="E6642" s="6">
        <f t="shared" si="207"/>
        <v>0.108406544333269</v>
      </c>
    </row>
    <row r="6643" spans="1:5" x14ac:dyDescent="0.25">
      <c r="A6643" s="5">
        <v>43832.583333333336</v>
      </c>
      <c r="B6643" s="2">
        <v>21.053346000000001</v>
      </c>
      <c r="C6643">
        <v>5.8632120000000008</v>
      </c>
      <c r="D6643">
        <f t="shared" si="206"/>
        <v>5.8632120000000005E-3</v>
      </c>
      <c r="E6643" s="6">
        <f t="shared" si="207"/>
        <v>0.12344023090735201</v>
      </c>
    </row>
    <row r="6644" spans="1:5" x14ac:dyDescent="0.25">
      <c r="A6644" s="5">
        <v>43832.625</v>
      </c>
      <c r="B6644" s="2">
        <v>21.329868999999999</v>
      </c>
      <c r="C6644">
        <v>4.2636279999999998</v>
      </c>
      <c r="D6644">
        <f t="shared" si="206"/>
        <v>4.2636279999999993E-3</v>
      </c>
      <c r="E6644" s="6">
        <f t="shared" si="207"/>
        <v>9.094262670473198E-2</v>
      </c>
    </row>
    <row r="6645" spans="1:5" x14ac:dyDescent="0.25">
      <c r="A6645" s="5">
        <v>43832.666666666664</v>
      </c>
      <c r="B6645" s="2">
        <v>23.805313000000002</v>
      </c>
      <c r="C6645">
        <v>2.0326240000000002</v>
      </c>
      <c r="D6645">
        <f t="shared" si="206"/>
        <v>2.0326240000000002E-3</v>
      </c>
      <c r="E6645" s="6">
        <f t="shared" si="207"/>
        <v>4.8387250531312008E-2</v>
      </c>
    </row>
    <row r="6646" spans="1:5" x14ac:dyDescent="0.25">
      <c r="A6646" s="5">
        <v>43832.708333333336</v>
      </c>
      <c r="B6646" s="2">
        <v>30.712634000000001</v>
      </c>
      <c r="C6646">
        <v>0</v>
      </c>
      <c r="D6646">
        <f t="shared" si="206"/>
        <v>0</v>
      </c>
      <c r="E6646" s="6">
        <f t="shared" si="207"/>
        <v>0</v>
      </c>
    </row>
    <row r="6647" spans="1:5" x14ac:dyDescent="0.25">
      <c r="A6647" s="5">
        <v>43832.75</v>
      </c>
      <c r="B6647" s="2">
        <v>32.100456000000001</v>
      </c>
      <c r="C6647">
        <v>0</v>
      </c>
      <c r="D6647">
        <f t="shared" si="206"/>
        <v>0</v>
      </c>
      <c r="E6647" s="6">
        <f t="shared" si="207"/>
        <v>0</v>
      </c>
    </row>
    <row r="6648" spans="1:5" x14ac:dyDescent="0.25">
      <c r="A6648" s="5">
        <v>43832.791666666664</v>
      </c>
      <c r="B6648" s="2">
        <v>29.440601999999998</v>
      </c>
      <c r="C6648">
        <v>0</v>
      </c>
      <c r="D6648">
        <f t="shared" si="206"/>
        <v>0</v>
      </c>
      <c r="E6648" s="6">
        <f t="shared" si="207"/>
        <v>0</v>
      </c>
    </row>
    <row r="6649" spans="1:5" x14ac:dyDescent="0.25">
      <c r="A6649" s="5">
        <v>43832.833333333336</v>
      </c>
      <c r="B6649" s="2">
        <v>25.831489999999999</v>
      </c>
      <c r="C6649">
        <v>0</v>
      </c>
      <c r="D6649">
        <f t="shared" si="206"/>
        <v>0</v>
      </c>
      <c r="E6649" s="6">
        <f t="shared" si="207"/>
        <v>0</v>
      </c>
    </row>
    <row r="6650" spans="1:5" x14ac:dyDescent="0.25">
      <c r="A6650" s="5">
        <v>43832.875</v>
      </c>
      <c r="B6650" s="2">
        <v>23.048870000000001</v>
      </c>
      <c r="C6650">
        <v>0</v>
      </c>
      <c r="D6650">
        <f t="shared" si="206"/>
        <v>0</v>
      </c>
      <c r="E6650" s="6">
        <f t="shared" si="207"/>
        <v>0</v>
      </c>
    </row>
    <row r="6651" spans="1:5" x14ac:dyDescent="0.25">
      <c r="A6651" s="5">
        <v>43832.916666666664</v>
      </c>
      <c r="B6651" s="2">
        <v>20.785198000000001</v>
      </c>
      <c r="C6651">
        <v>0</v>
      </c>
      <c r="D6651">
        <f t="shared" si="206"/>
        <v>0</v>
      </c>
      <c r="E6651" s="6">
        <f t="shared" si="207"/>
        <v>0</v>
      </c>
    </row>
    <row r="6652" spans="1:5" x14ac:dyDescent="0.25">
      <c r="A6652" s="5">
        <v>43832.958333333336</v>
      </c>
      <c r="B6652" s="2">
        <v>19.484358</v>
      </c>
      <c r="C6652">
        <v>0</v>
      </c>
      <c r="D6652">
        <f t="shared" si="206"/>
        <v>0</v>
      </c>
      <c r="E6652" s="6">
        <f t="shared" si="207"/>
        <v>0</v>
      </c>
    </row>
    <row r="6653" spans="1:5" x14ac:dyDescent="0.25">
      <c r="A6653" s="5">
        <v>43833</v>
      </c>
      <c r="B6653" s="2">
        <v>17.749516</v>
      </c>
      <c r="C6653">
        <v>0</v>
      </c>
      <c r="D6653">
        <f t="shared" si="206"/>
        <v>0</v>
      </c>
      <c r="E6653" s="6">
        <f t="shared" si="207"/>
        <v>0</v>
      </c>
    </row>
    <row r="6654" spans="1:5" x14ac:dyDescent="0.25">
      <c r="A6654" s="5">
        <v>43833.041666666664</v>
      </c>
      <c r="B6654" s="2">
        <v>17.613896</v>
      </c>
      <c r="C6654">
        <v>0</v>
      </c>
      <c r="D6654">
        <f t="shared" si="206"/>
        <v>0</v>
      </c>
      <c r="E6654" s="6">
        <f t="shared" si="207"/>
        <v>0</v>
      </c>
    </row>
    <row r="6655" spans="1:5" x14ac:dyDescent="0.25">
      <c r="A6655" s="5">
        <v>43833.083333333336</v>
      </c>
      <c r="B6655" s="2">
        <v>17.636113000000002</v>
      </c>
      <c r="C6655">
        <v>0</v>
      </c>
      <c r="D6655">
        <f t="shared" si="206"/>
        <v>0</v>
      </c>
      <c r="E6655" s="6">
        <f t="shared" si="207"/>
        <v>0</v>
      </c>
    </row>
    <row r="6656" spans="1:5" x14ac:dyDescent="0.25">
      <c r="A6656" s="5">
        <v>43833.125</v>
      </c>
      <c r="B6656" s="2">
        <v>17.852146000000001</v>
      </c>
      <c r="C6656">
        <v>0</v>
      </c>
      <c r="D6656">
        <f t="shared" si="206"/>
        <v>0</v>
      </c>
      <c r="E6656" s="6">
        <f t="shared" si="207"/>
        <v>0</v>
      </c>
    </row>
    <row r="6657" spans="1:5" x14ac:dyDescent="0.25">
      <c r="A6657" s="5">
        <v>43833.166666666664</v>
      </c>
      <c r="B6657" s="2">
        <v>18.041820999999999</v>
      </c>
      <c r="C6657">
        <v>0</v>
      </c>
      <c r="D6657">
        <f t="shared" si="206"/>
        <v>0</v>
      </c>
      <c r="E6657" s="6">
        <f t="shared" si="207"/>
        <v>0</v>
      </c>
    </row>
    <row r="6658" spans="1:5" x14ac:dyDescent="0.25">
      <c r="A6658" s="5">
        <v>43833.208333333336</v>
      </c>
      <c r="B6658" s="2">
        <v>18.895284</v>
      </c>
      <c r="C6658">
        <v>0</v>
      </c>
      <c r="D6658">
        <f t="shared" si="206"/>
        <v>0</v>
      </c>
      <c r="E6658" s="6">
        <f t="shared" si="207"/>
        <v>0</v>
      </c>
    </row>
    <row r="6659" spans="1:5" x14ac:dyDescent="0.25">
      <c r="A6659" s="5">
        <v>43833.25</v>
      </c>
      <c r="B6659" s="2">
        <v>22.25695</v>
      </c>
      <c r="C6659">
        <v>0</v>
      </c>
      <c r="D6659">
        <f t="shared" si="206"/>
        <v>0</v>
      </c>
      <c r="E6659" s="6">
        <f t="shared" si="207"/>
        <v>0</v>
      </c>
    </row>
    <row r="6660" spans="1:5" x14ac:dyDescent="0.25">
      <c r="A6660" s="5">
        <v>43833.291666666664</v>
      </c>
      <c r="B6660" s="2">
        <v>24.567031</v>
      </c>
      <c r="C6660">
        <v>0</v>
      </c>
      <c r="D6660">
        <f t="shared" si="206"/>
        <v>0</v>
      </c>
      <c r="E6660" s="6">
        <f t="shared" si="207"/>
        <v>0</v>
      </c>
    </row>
    <row r="6661" spans="1:5" x14ac:dyDescent="0.25">
      <c r="A6661" s="5">
        <v>43833.333333333336</v>
      </c>
      <c r="B6661" s="2">
        <v>24.707826000000001</v>
      </c>
      <c r="C6661">
        <v>1.572173</v>
      </c>
      <c r="D6661">
        <f t="shared" si="206"/>
        <v>1.5721730000000001E-3</v>
      </c>
      <c r="E6661" s="6">
        <f t="shared" si="207"/>
        <v>3.8844976925898E-2</v>
      </c>
    </row>
    <row r="6662" spans="1:5" x14ac:dyDescent="0.25">
      <c r="A6662" s="5">
        <v>43833.375</v>
      </c>
      <c r="B6662" s="2">
        <v>24.859749000000001</v>
      </c>
      <c r="C6662">
        <v>3.9770449999999999</v>
      </c>
      <c r="D6662">
        <f t="shared" ref="D6662:D6725" si="208">C6662/1000</f>
        <v>3.9770450000000002E-3</v>
      </c>
      <c r="E6662" s="6">
        <f t="shared" ref="E6662:E6725" si="209">D6662*B6662</f>
        <v>9.8868340461705007E-2</v>
      </c>
    </row>
    <row r="6663" spans="1:5" x14ac:dyDescent="0.25">
      <c r="A6663" s="5">
        <v>43833.416666666664</v>
      </c>
      <c r="B6663" s="2">
        <v>25.567477</v>
      </c>
      <c r="C6663">
        <v>5.7043629999999999</v>
      </c>
      <c r="D6663">
        <f t="shared" si="208"/>
        <v>5.7043629999999996E-3</v>
      </c>
      <c r="E6663" s="6">
        <f t="shared" si="209"/>
        <v>0.14584616980215098</v>
      </c>
    </row>
    <row r="6664" spans="1:5" x14ac:dyDescent="0.25">
      <c r="A6664" s="5">
        <v>43833.458333333336</v>
      </c>
      <c r="B6664" s="2">
        <v>24.308599000000001</v>
      </c>
      <c r="C6664">
        <v>6.7171419999999999</v>
      </c>
      <c r="D6664">
        <f t="shared" si="208"/>
        <v>6.7171419999999997E-3</v>
      </c>
      <c r="E6664" s="6">
        <f t="shared" si="209"/>
        <v>0.16328431130405799</v>
      </c>
    </row>
    <row r="6665" spans="1:5" x14ac:dyDescent="0.25">
      <c r="A6665" s="5">
        <v>43833.5</v>
      </c>
      <c r="B6665" s="2">
        <v>23.364905</v>
      </c>
      <c r="C6665">
        <v>7.0574329999999996</v>
      </c>
      <c r="D6665">
        <f t="shared" si="208"/>
        <v>7.0574329999999992E-3</v>
      </c>
      <c r="E6665" s="6">
        <f t="shared" si="209"/>
        <v>0.16489625158886498</v>
      </c>
    </row>
    <row r="6666" spans="1:5" x14ac:dyDescent="0.25">
      <c r="A6666" s="5">
        <v>43833.541666666664</v>
      </c>
      <c r="B6666" s="2">
        <v>22.952304999999999</v>
      </c>
      <c r="C6666">
        <v>6.7428129999999999</v>
      </c>
      <c r="D6666">
        <f t="shared" si="208"/>
        <v>6.7428130000000003E-3</v>
      </c>
      <c r="E6666" s="6">
        <f t="shared" si="209"/>
        <v>0.154763100533965</v>
      </c>
    </row>
    <row r="6667" spans="1:5" x14ac:dyDescent="0.25">
      <c r="A6667" s="5">
        <v>43833.583333333336</v>
      </c>
      <c r="B6667" s="2">
        <v>21.784592</v>
      </c>
      <c r="C6667">
        <v>5.8729059999999995</v>
      </c>
      <c r="D6667">
        <f t="shared" si="208"/>
        <v>5.8729059999999998E-3</v>
      </c>
      <c r="E6667" s="6">
        <f t="shared" si="209"/>
        <v>0.12793886106435198</v>
      </c>
    </row>
    <row r="6668" spans="1:5" x14ac:dyDescent="0.25">
      <c r="A6668" s="5">
        <v>43833.625</v>
      </c>
      <c r="B6668" s="2">
        <v>21.122108000000001</v>
      </c>
      <c r="C6668">
        <v>4.3635029999999997</v>
      </c>
      <c r="D6668">
        <f t="shared" si="208"/>
        <v>4.3635029999999995E-3</v>
      </c>
      <c r="E6668" s="6">
        <f t="shared" si="209"/>
        <v>9.2166381624323987E-2</v>
      </c>
    </row>
    <row r="6669" spans="1:5" x14ac:dyDescent="0.25">
      <c r="A6669" s="5">
        <v>43833.666666666664</v>
      </c>
      <c r="B6669" s="2">
        <v>22.576122999999999</v>
      </c>
      <c r="C6669">
        <v>2.2465869999999999</v>
      </c>
      <c r="D6669">
        <f t="shared" si="208"/>
        <v>2.246587E-3</v>
      </c>
      <c r="E6669" s="6">
        <f t="shared" si="209"/>
        <v>5.0719224442200998E-2</v>
      </c>
    </row>
    <row r="6670" spans="1:5" x14ac:dyDescent="0.25">
      <c r="A6670" s="5">
        <v>43833.708333333336</v>
      </c>
      <c r="B6670" s="2">
        <v>26.266259999999999</v>
      </c>
      <c r="C6670">
        <v>0</v>
      </c>
      <c r="D6670">
        <f t="shared" si="208"/>
        <v>0</v>
      </c>
      <c r="E6670" s="6">
        <f t="shared" si="209"/>
        <v>0</v>
      </c>
    </row>
    <row r="6671" spans="1:5" x14ac:dyDescent="0.25">
      <c r="A6671" s="5">
        <v>43833.75</v>
      </c>
      <c r="B6671" s="2">
        <v>24.981985000000002</v>
      </c>
      <c r="C6671">
        <v>0</v>
      </c>
      <c r="D6671">
        <f t="shared" si="208"/>
        <v>0</v>
      </c>
      <c r="E6671" s="6">
        <f t="shared" si="209"/>
        <v>0</v>
      </c>
    </row>
    <row r="6672" spans="1:5" x14ac:dyDescent="0.25">
      <c r="A6672" s="5">
        <v>43833.791666666664</v>
      </c>
      <c r="B6672" s="2">
        <v>23.485624000000001</v>
      </c>
      <c r="C6672">
        <v>0</v>
      </c>
      <c r="D6672">
        <f t="shared" si="208"/>
        <v>0</v>
      </c>
      <c r="E6672" s="6">
        <f t="shared" si="209"/>
        <v>0</v>
      </c>
    </row>
    <row r="6673" spans="1:5" x14ac:dyDescent="0.25">
      <c r="A6673" s="5">
        <v>43833.833333333336</v>
      </c>
      <c r="B6673" s="2">
        <v>22.517894999999999</v>
      </c>
      <c r="C6673">
        <v>0</v>
      </c>
      <c r="D6673">
        <f t="shared" si="208"/>
        <v>0</v>
      </c>
      <c r="E6673" s="6">
        <f t="shared" si="209"/>
        <v>0</v>
      </c>
    </row>
    <row r="6674" spans="1:5" x14ac:dyDescent="0.25">
      <c r="A6674" s="5">
        <v>43833.875</v>
      </c>
      <c r="B6674" s="2">
        <v>21.060410999999998</v>
      </c>
      <c r="C6674">
        <v>0</v>
      </c>
      <c r="D6674">
        <f t="shared" si="208"/>
        <v>0</v>
      </c>
      <c r="E6674" s="6">
        <f t="shared" si="209"/>
        <v>0</v>
      </c>
    </row>
    <row r="6675" spans="1:5" x14ac:dyDescent="0.25">
      <c r="A6675" s="5">
        <v>43833.916666666664</v>
      </c>
      <c r="B6675" s="2">
        <v>19.455881000000002</v>
      </c>
      <c r="C6675">
        <v>0</v>
      </c>
      <c r="D6675">
        <f t="shared" si="208"/>
        <v>0</v>
      </c>
      <c r="E6675" s="6">
        <f t="shared" si="209"/>
        <v>0</v>
      </c>
    </row>
    <row r="6676" spans="1:5" x14ac:dyDescent="0.25">
      <c r="A6676" s="5">
        <v>43833.958333333336</v>
      </c>
      <c r="B6676" s="2">
        <v>18.720756000000002</v>
      </c>
      <c r="C6676">
        <v>0</v>
      </c>
      <c r="D6676">
        <f t="shared" si="208"/>
        <v>0</v>
      </c>
      <c r="E6676" s="6">
        <f t="shared" si="209"/>
        <v>0</v>
      </c>
    </row>
    <row r="6677" spans="1:5" x14ac:dyDescent="0.25">
      <c r="A6677" s="5">
        <v>43834</v>
      </c>
      <c r="B6677" s="2">
        <v>17.906981999999999</v>
      </c>
      <c r="C6677">
        <v>0</v>
      </c>
      <c r="D6677">
        <f t="shared" si="208"/>
        <v>0</v>
      </c>
      <c r="E6677" s="6">
        <f t="shared" si="209"/>
        <v>0</v>
      </c>
    </row>
    <row r="6678" spans="1:5" x14ac:dyDescent="0.25">
      <c r="A6678" s="5">
        <v>43834.041666666664</v>
      </c>
      <c r="B6678" s="2">
        <v>17.919453000000001</v>
      </c>
      <c r="C6678">
        <v>0</v>
      </c>
      <c r="D6678">
        <f t="shared" si="208"/>
        <v>0</v>
      </c>
      <c r="E6678" s="6">
        <f t="shared" si="209"/>
        <v>0</v>
      </c>
    </row>
    <row r="6679" spans="1:5" x14ac:dyDescent="0.25">
      <c r="A6679" s="5">
        <v>43834.083333333336</v>
      </c>
      <c r="B6679" s="2">
        <v>17.269347</v>
      </c>
      <c r="C6679">
        <v>0</v>
      </c>
      <c r="D6679">
        <f t="shared" si="208"/>
        <v>0</v>
      </c>
      <c r="E6679" s="6">
        <f t="shared" si="209"/>
        <v>0</v>
      </c>
    </row>
    <row r="6680" spans="1:5" x14ac:dyDescent="0.25">
      <c r="A6680" s="5">
        <v>43834.125</v>
      </c>
      <c r="B6680" s="2">
        <v>17.180212999999998</v>
      </c>
      <c r="C6680">
        <v>0</v>
      </c>
      <c r="D6680">
        <f t="shared" si="208"/>
        <v>0</v>
      </c>
      <c r="E6680" s="6">
        <f t="shared" si="209"/>
        <v>0</v>
      </c>
    </row>
    <row r="6681" spans="1:5" x14ac:dyDescent="0.25">
      <c r="A6681" s="5">
        <v>43834.166666666664</v>
      </c>
      <c r="B6681" s="2">
        <v>17.123031999999998</v>
      </c>
      <c r="C6681">
        <v>0</v>
      </c>
      <c r="D6681">
        <f t="shared" si="208"/>
        <v>0</v>
      </c>
      <c r="E6681" s="6">
        <f t="shared" si="209"/>
        <v>0</v>
      </c>
    </row>
    <row r="6682" spans="1:5" x14ac:dyDescent="0.25">
      <c r="A6682" s="5">
        <v>43834.208333333336</v>
      </c>
      <c r="B6682" s="2">
        <v>17.867920000000002</v>
      </c>
      <c r="C6682">
        <v>0</v>
      </c>
      <c r="D6682">
        <f t="shared" si="208"/>
        <v>0</v>
      </c>
      <c r="E6682" s="6">
        <f t="shared" si="209"/>
        <v>0</v>
      </c>
    </row>
    <row r="6683" spans="1:5" x14ac:dyDescent="0.25">
      <c r="A6683" s="5">
        <v>43834.25</v>
      </c>
      <c r="B6683" s="2">
        <v>18.377337000000001</v>
      </c>
      <c r="C6683">
        <v>0</v>
      </c>
      <c r="D6683">
        <f t="shared" si="208"/>
        <v>0</v>
      </c>
      <c r="E6683" s="6">
        <f t="shared" si="209"/>
        <v>0</v>
      </c>
    </row>
    <row r="6684" spans="1:5" x14ac:dyDescent="0.25">
      <c r="A6684" s="5">
        <v>43834.291666666664</v>
      </c>
      <c r="B6684" s="2">
        <v>19.469991</v>
      </c>
      <c r="C6684">
        <v>0</v>
      </c>
      <c r="D6684">
        <f t="shared" si="208"/>
        <v>0</v>
      </c>
      <c r="E6684" s="6">
        <f t="shared" si="209"/>
        <v>0</v>
      </c>
    </row>
    <row r="6685" spans="1:5" x14ac:dyDescent="0.25">
      <c r="A6685" s="5">
        <v>43834.333333333336</v>
      </c>
      <c r="B6685" s="2">
        <v>20.871473999999999</v>
      </c>
      <c r="C6685">
        <v>1.733444</v>
      </c>
      <c r="D6685">
        <f t="shared" si="208"/>
        <v>1.733444E-3</v>
      </c>
      <c r="E6685" s="6">
        <f t="shared" si="209"/>
        <v>3.6179531376455999E-2</v>
      </c>
    </row>
    <row r="6686" spans="1:5" x14ac:dyDescent="0.25">
      <c r="A6686" s="5">
        <v>43834.375</v>
      </c>
      <c r="B6686" s="2">
        <v>22.988161999999999</v>
      </c>
      <c r="C6686">
        <v>4.0189029999999999</v>
      </c>
      <c r="D6686">
        <f t="shared" si="208"/>
        <v>4.0189029999999999E-3</v>
      </c>
      <c r="E6686" s="6">
        <f t="shared" si="209"/>
        <v>9.2387193226285996E-2</v>
      </c>
    </row>
    <row r="6687" spans="1:5" x14ac:dyDescent="0.25">
      <c r="A6687" s="5">
        <v>43834.416666666664</v>
      </c>
      <c r="B6687" s="2">
        <v>23.516848</v>
      </c>
      <c r="C6687">
        <v>5.613899</v>
      </c>
      <c r="D6687">
        <f t="shared" si="208"/>
        <v>5.6138990000000003E-3</v>
      </c>
      <c r="E6687" s="6">
        <f t="shared" si="209"/>
        <v>0.13202120947035201</v>
      </c>
    </row>
    <row r="6688" spans="1:5" x14ac:dyDescent="0.25">
      <c r="A6688" s="5">
        <v>43834.458333333336</v>
      </c>
      <c r="B6688" s="2">
        <v>22.297650999999998</v>
      </c>
      <c r="C6688">
        <v>6.561026</v>
      </c>
      <c r="D6688">
        <f t="shared" si="208"/>
        <v>6.5610260000000002E-3</v>
      </c>
      <c r="E6688" s="6">
        <f t="shared" si="209"/>
        <v>0.14629546794992598</v>
      </c>
    </row>
    <row r="6689" spans="1:5" x14ac:dyDescent="0.25">
      <c r="A6689" s="5">
        <v>43834.5</v>
      </c>
      <c r="B6689" s="2">
        <v>21.187747999999999</v>
      </c>
      <c r="C6689">
        <v>6.8726120000000002</v>
      </c>
      <c r="D6689">
        <f t="shared" si="208"/>
        <v>6.8726120000000002E-3</v>
      </c>
      <c r="E6689" s="6">
        <f t="shared" si="209"/>
        <v>0.145615171157776</v>
      </c>
    </row>
    <row r="6690" spans="1:5" x14ac:dyDescent="0.25">
      <c r="A6690" s="5">
        <v>43834.541666666664</v>
      </c>
      <c r="B6690" s="2">
        <v>19.849322000000001</v>
      </c>
      <c r="C6690">
        <v>5.5657520000000007</v>
      </c>
      <c r="D6690">
        <f t="shared" si="208"/>
        <v>5.5657520000000011E-3</v>
      </c>
      <c r="E6690" s="6">
        <f t="shared" si="209"/>
        <v>0.11047640362014402</v>
      </c>
    </row>
    <row r="6691" spans="1:5" x14ac:dyDescent="0.25">
      <c r="A6691" s="5">
        <v>43834.583333333336</v>
      </c>
      <c r="B6691" s="2">
        <v>19.321956</v>
      </c>
      <c r="C6691">
        <v>4.6347860000000001</v>
      </c>
      <c r="D6691">
        <f t="shared" si="208"/>
        <v>4.6347860000000001E-3</v>
      </c>
      <c r="E6691" s="6">
        <f t="shared" si="209"/>
        <v>8.9553131161416E-2</v>
      </c>
    </row>
    <row r="6692" spans="1:5" x14ac:dyDescent="0.25">
      <c r="A6692" s="5">
        <v>43834.625</v>
      </c>
      <c r="B6692" s="2">
        <v>19.185058999999999</v>
      </c>
      <c r="C6692">
        <v>4.2340809999999998</v>
      </c>
      <c r="D6692">
        <f t="shared" si="208"/>
        <v>4.2340809999999998E-3</v>
      </c>
      <c r="E6692" s="6">
        <f t="shared" si="209"/>
        <v>8.1231093795778989E-2</v>
      </c>
    </row>
    <row r="6693" spans="1:5" x14ac:dyDescent="0.25">
      <c r="A6693" s="5">
        <v>43834.666666666664</v>
      </c>
      <c r="B6693" s="2">
        <v>20.541747000000001</v>
      </c>
      <c r="C6693">
        <v>1.418863</v>
      </c>
      <c r="D6693">
        <f t="shared" si="208"/>
        <v>1.418863E-3</v>
      </c>
      <c r="E6693" s="6">
        <f t="shared" si="209"/>
        <v>2.9145924773661003E-2</v>
      </c>
    </row>
    <row r="6694" spans="1:5" x14ac:dyDescent="0.25">
      <c r="A6694" s="5">
        <v>43834.708333333336</v>
      </c>
      <c r="B6694" s="2">
        <v>24.941165000000002</v>
      </c>
      <c r="C6694">
        <v>0</v>
      </c>
      <c r="D6694">
        <f t="shared" si="208"/>
        <v>0</v>
      </c>
      <c r="E6694" s="6">
        <f t="shared" si="209"/>
        <v>0</v>
      </c>
    </row>
    <row r="6695" spans="1:5" x14ac:dyDescent="0.25">
      <c r="A6695" s="5">
        <v>43834.75</v>
      </c>
      <c r="B6695" s="2">
        <v>24.143943</v>
      </c>
      <c r="C6695">
        <v>0</v>
      </c>
      <c r="D6695">
        <f t="shared" si="208"/>
        <v>0</v>
      </c>
      <c r="E6695" s="6">
        <f t="shared" si="209"/>
        <v>0</v>
      </c>
    </row>
    <row r="6696" spans="1:5" x14ac:dyDescent="0.25">
      <c r="A6696" s="5">
        <v>43834.791666666664</v>
      </c>
      <c r="B6696" s="2">
        <v>22.363665000000001</v>
      </c>
      <c r="C6696">
        <v>0</v>
      </c>
      <c r="D6696">
        <f t="shared" si="208"/>
        <v>0</v>
      </c>
      <c r="E6696" s="6">
        <f t="shared" si="209"/>
        <v>0</v>
      </c>
    </row>
    <row r="6697" spans="1:5" x14ac:dyDescent="0.25">
      <c r="A6697" s="5">
        <v>43834.833333333336</v>
      </c>
      <c r="B6697" s="2">
        <v>22.733160999999999</v>
      </c>
      <c r="C6697">
        <v>0</v>
      </c>
      <c r="D6697">
        <f t="shared" si="208"/>
        <v>0</v>
      </c>
      <c r="E6697" s="6">
        <f t="shared" si="209"/>
        <v>0</v>
      </c>
    </row>
    <row r="6698" spans="1:5" x14ac:dyDescent="0.25">
      <c r="A6698" s="5">
        <v>43834.875</v>
      </c>
      <c r="B6698" s="2">
        <v>21.336165999999999</v>
      </c>
      <c r="C6698">
        <v>0</v>
      </c>
      <c r="D6698">
        <f t="shared" si="208"/>
        <v>0</v>
      </c>
      <c r="E6698" s="6">
        <f t="shared" si="209"/>
        <v>0</v>
      </c>
    </row>
    <row r="6699" spans="1:5" x14ac:dyDescent="0.25">
      <c r="A6699" s="5">
        <v>43834.916666666664</v>
      </c>
      <c r="B6699" s="2">
        <v>19.846060999999999</v>
      </c>
      <c r="C6699">
        <v>0</v>
      </c>
      <c r="D6699">
        <f t="shared" si="208"/>
        <v>0</v>
      </c>
      <c r="E6699" s="6">
        <f t="shared" si="209"/>
        <v>0</v>
      </c>
    </row>
    <row r="6700" spans="1:5" x14ac:dyDescent="0.25">
      <c r="A6700" s="5">
        <v>43834.958333333336</v>
      </c>
      <c r="B6700" s="2">
        <v>18.758141999999999</v>
      </c>
      <c r="C6700">
        <v>0</v>
      </c>
      <c r="D6700">
        <f t="shared" si="208"/>
        <v>0</v>
      </c>
      <c r="E6700" s="6">
        <f t="shared" si="209"/>
        <v>0</v>
      </c>
    </row>
    <row r="6701" spans="1:5" x14ac:dyDescent="0.25">
      <c r="A6701" s="5">
        <v>43835</v>
      </c>
      <c r="B6701" s="2">
        <v>18.479538000000002</v>
      </c>
      <c r="C6701">
        <v>0</v>
      </c>
      <c r="D6701">
        <f t="shared" si="208"/>
        <v>0</v>
      </c>
      <c r="E6701" s="6">
        <f t="shared" si="209"/>
        <v>0</v>
      </c>
    </row>
    <row r="6702" spans="1:5" x14ac:dyDescent="0.25">
      <c r="A6702" s="5">
        <v>43835.041666666664</v>
      </c>
      <c r="B6702" s="2">
        <v>17.871191</v>
      </c>
      <c r="C6702">
        <v>0</v>
      </c>
      <c r="D6702">
        <f t="shared" si="208"/>
        <v>0</v>
      </c>
      <c r="E6702" s="6">
        <f t="shared" si="209"/>
        <v>0</v>
      </c>
    </row>
    <row r="6703" spans="1:5" x14ac:dyDescent="0.25">
      <c r="A6703" s="5">
        <v>43835.083333333336</v>
      </c>
      <c r="B6703" s="2">
        <v>17.630185999999998</v>
      </c>
      <c r="C6703">
        <v>0</v>
      </c>
      <c r="D6703">
        <f t="shared" si="208"/>
        <v>0</v>
      </c>
      <c r="E6703" s="6">
        <f t="shared" si="209"/>
        <v>0</v>
      </c>
    </row>
    <row r="6704" spans="1:5" x14ac:dyDescent="0.25">
      <c r="A6704" s="5">
        <v>43835.125</v>
      </c>
      <c r="B6704" s="2">
        <v>17.851226</v>
      </c>
      <c r="C6704">
        <v>0</v>
      </c>
      <c r="D6704">
        <f t="shared" si="208"/>
        <v>0</v>
      </c>
      <c r="E6704" s="6">
        <f t="shared" si="209"/>
        <v>0</v>
      </c>
    </row>
    <row r="6705" spans="1:5" x14ac:dyDescent="0.25">
      <c r="A6705" s="5">
        <v>43835.166666666664</v>
      </c>
      <c r="B6705" s="2">
        <v>18.158891000000001</v>
      </c>
      <c r="C6705">
        <v>0</v>
      </c>
      <c r="D6705">
        <f t="shared" si="208"/>
        <v>0</v>
      </c>
      <c r="E6705" s="6">
        <f t="shared" si="209"/>
        <v>0</v>
      </c>
    </row>
    <row r="6706" spans="1:5" x14ac:dyDescent="0.25">
      <c r="A6706" s="5">
        <v>43835.208333333336</v>
      </c>
      <c r="B6706" s="2">
        <v>18.106769</v>
      </c>
      <c r="C6706">
        <v>0</v>
      </c>
      <c r="D6706">
        <f t="shared" si="208"/>
        <v>0</v>
      </c>
      <c r="E6706" s="6">
        <f t="shared" si="209"/>
        <v>0</v>
      </c>
    </row>
    <row r="6707" spans="1:5" x14ac:dyDescent="0.25">
      <c r="A6707" s="5">
        <v>43835.25</v>
      </c>
      <c r="B6707" s="2">
        <v>19.310084</v>
      </c>
      <c r="C6707">
        <v>0</v>
      </c>
      <c r="D6707">
        <f t="shared" si="208"/>
        <v>0</v>
      </c>
      <c r="E6707" s="6">
        <f t="shared" si="209"/>
        <v>0</v>
      </c>
    </row>
    <row r="6708" spans="1:5" x14ac:dyDescent="0.25">
      <c r="A6708" s="5">
        <v>43835.291666666664</v>
      </c>
      <c r="B6708" s="2">
        <v>19.629242999999999</v>
      </c>
      <c r="C6708">
        <v>0</v>
      </c>
      <c r="D6708">
        <f t="shared" si="208"/>
        <v>0</v>
      </c>
      <c r="E6708" s="6">
        <f t="shared" si="209"/>
        <v>0</v>
      </c>
    </row>
    <row r="6709" spans="1:5" x14ac:dyDescent="0.25">
      <c r="A6709" s="5">
        <v>43835.333333333336</v>
      </c>
      <c r="B6709" s="2">
        <v>19.975366999999999</v>
      </c>
      <c r="C6709">
        <v>0.186448</v>
      </c>
      <c r="D6709">
        <f t="shared" si="208"/>
        <v>1.86448E-4</v>
      </c>
      <c r="E6709" s="6">
        <f t="shared" si="209"/>
        <v>3.7243672264159998E-3</v>
      </c>
    </row>
    <row r="6710" spans="1:5" x14ac:dyDescent="0.25">
      <c r="A6710" s="5">
        <v>43835.375</v>
      </c>
      <c r="B6710" s="2">
        <v>19.742335000000001</v>
      </c>
      <c r="C6710">
        <v>1.797742</v>
      </c>
      <c r="D6710">
        <f t="shared" si="208"/>
        <v>1.797742E-3</v>
      </c>
      <c r="E6710" s="6">
        <f t="shared" si="209"/>
        <v>3.5491624807570003E-2</v>
      </c>
    </row>
    <row r="6711" spans="1:5" x14ac:dyDescent="0.25">
      <c r="A6711" s="5">
        <v>43835.416666666664</v>
      </c>
      <c r="B6711" s="2">
        <v>19.445163999999998</v>
      </c>
      <c r="C6711">
        <v>0.92238500000000001</v>
      </c>
      <c r="D6711">
        <f t="shared" si="208"/>
        <v>9.2238499999999996E-4</v>
      </c>
      <c r="E6711" s="6">
        <f t="shared" si="209"/>
        <v>1.7935927596139999E-2</v>
      </c>
    </row>
    <row r="6712" spans="1:5" x14ac:dyDescent="0.25">
      <c r="A6712" s="5">
        <v>43835.458333333336</v>
      </c>
      <c r="B6712" s="2">
        <v>18.827749000000001</v>
      </c>
      <c r="C6712">
        <v>1.722604</v>
      </c>
      <c r="D6712">
        <f t="shared" si="208"/>
        <v>1.722604E-3</v>
      </c>
      <c r="E6712" s="6">
        <f t="shared" si="209"/>
        <v>3.2432755738395998E-2</v>
      </c>
    </row>
    <row r="6713" spans="1:5" x14ac:dyDescent="0.25">
      <c r="A6713" s="5">
        <v>43835.5</v>
      </c>
      <c r="B6713" s="2">
        <v>18.566792</v>
      </c>
      <c r="C6713">
        <v>2.0459939999999999</v>
      </c>
      <c r="D6713">
        <f t="shared" si="208"/>
        <v>2.0459939999999998E-3</v>
      </c>
      <c r="E6713" s="6">
        <f t="shared" si="209"/>
        <v>3.7987545031247995E-2</v>
      </c>
    </row>
    <row r="6714" spans="1:5" x14ac:dyDescent="0.25">
      <c r="A6714" s="5">
        <v>43835.541666666664</v>
      </c>
      <c r="B6714" s="2">
        <v>18.193401999999999</v>
      </c>
      <c r="C6714">
        <v>0.53734599999999999</v>
      </c>
      <c r="D6714">
        <f t="shared" si="208"/>
        <v>5.3734599999999996E-4</v>
      </c>
      <c r="E6714" s="6">
        <f t="shared" si="209"/>
        <v>9.7761517910919995E-3</v>
      </c>
    </row>
    <row r="6715" spans="1:5" x14ac:dyDescent="0.25">
      <c r="A6715" s="5">
        <v>43835.583333333336</v>
      </c>
      <c r="B6715" s="2">
        <v>18.131088999999999</v>
      </c>
      <c r="C6715">
        <v>0.68322000000000005</v>
      </c>
      <c r="D6715">
        <f t="shared" si="208"/>
        <v>6.8322000000000001E-4</v>
      </c>
      <c r="E6715" s="6">
        <f t="shared" si="209"/>
        <v>1.2387522626579999E-2</v>
      </c>
    </row>
    <row r="6716" spans="1:5" x14ac:dyDescent="0.25">
      <c r="A6716" s="5">
        <v>43835.625</v>
      </c>
      <c r="B6716" s="2">
        <v>17.884823999999998</v>
      </c>
      <c r="C6716">
        <v>0.47213699999999997</v>
      </c>
      <c r="D6716">
        <f t="shared" si="208"/>
        <v>4.7213699999999997E-4</v>
      </c>
      <c r="E6716" s="6">
        <f t="shared" si="209"/>
        <v>8.4440871488879986E-3</v>
      </c>
    </row>
    <row r="6717" spans="1:5" x14ac:dyDescent="0.25">
      <c r="A6717" s="5">
        <v>43835.666666666664</v>
      </c>
      <c r="B6717" s="2">
        <v>19.684352000000001</v>
      </c>
      <c r="C6717">
        <v>0.22962299999999999</v>
      </c>
      <c r="D6717">
        <f t="shared" si="208"/>
        <v>2.2962300000000001E-4</v>
      </c>
      <c r="E6717" s="6">
        <f t="shared" si="209"/>
        <v>4.5199799592960006E-3</v>
      </c>
    </row>
    <row r="6718" spans="1:5" x14ac:dyDescent="0.25">
      <c r="A6718" s="5">
        <v>43835.708333333336</v>
      </c>
      <c r="B6718" s="2">
        <v>27.957521</v>
      </c>
      <c r="C6718">
        <v>0</v>
      </c>
      <c r="D6718">
        <f t="shared" si="208"/>
        <v>0</v>
      </c>
      <c r="E6718" s="6">
        <f t="shared" si="209"/>
        <v>0</v>
      </c>
    </row>
    <row r="6719" spans="1:5" x14ac:dyDescent="0.25">
      <c r="A6719" s="5">
        <v>43835.75</v>
      </c>
      <c r="B6719" s="2">
        <v>26.077290000000001</v>
      </c>
      <c r="C6719">
        <v>0</v>
      </c>
      <c r="D6719">
        <f t="shared" si="208"/>
        <v>0</v>
      </c>
      <c r="E6719" s="6">
        <f t="shared" si="209"/>
        <v>0</v>
      </c>
    </row>
    <row r="6720" spans="1:5" x14ac:dyDescent="0.25">
      <c r="A6720" s="5">
        <v>43835.791666666664</v>
      </c>
      <c r="B6720" s="2">
        <v>26.529108999999998</v>
      </c>
      <c r="C6720">
        <v>0</v>
      </c>
      <c r="D6720">
        <f t="shared" si="208"/>
        <v>0</v>
      </c>
      <c r="E6720" s="6">
        <f t="shared" si="209"/>
        <v>0</v>
      </c>
    </row>
    <row r="6721" spans="1:5" x14ac:dyDescent="0.25">
      <c r="A6721" s="5">
        <v>43835.833333333336</v>
      </c>
      <c r="B6721" s="2">
        <v>25.122720000000001</v>
      </c>
      <c r="C6721">
        <v>0</v>
      </c>
      <c r="D6721">
        <f t="shared" si="208"/>
        <v>0</v>
      </c>
      <c r="E6721" s="6">
        <f t="shared" si="209"/>
        <v>0</v>
      </c>
    </row>
    <row r="6722" spans="1:5" x14ac:dyDescent="0.25">
      <c r="A6722" s="5">
        <v>43835.875</v>
      </c>
      <c r="B6722" s="2">
        <v>21.180572999999999</v>
      </c>
      <c r="C6722">
        <v>0</v>
      </c>
      <c r="D6722">
        <f t="shared" si="208"/>
        <v>0</v>
      </c>
      <c r="E6722" s="6">
        <f t="shared" si="209"/>
        <v>0</v>
      </c>
    </row>
    <row r="6723" spans="1:5" x14ac:dyDescent="0.25">
      <c r="A6723" s="5">
        <v>43835.916666666664</v>
      </c>
      <c r="B6723" s="2">
        <v>19.618883</v>
      </c>
      <c r="C6723">
        <v>0</v>
      </c>
      <c r="D6723">
        <f t="shared" si="208"/>
        <v>0</v>
      </c>
      <c r="E6723" s="6">
        <f t="shared" si="209"/>
        <v>0</v>
      </c>
    </row>
    <row r="6724" spans="1:5" x14ac:dyDescent="0.25">
      <c r="A6724" s="5">
        <v>43835.958333333336</v>
      </c>
      <c r="B6724" s="2">
        <v>19.034181</v>
      </c>
      <c r="C6724">
        <v>0</v>
      </c>
      <c r="D6724">
        <f t="shared" si="208"/>
        <v>0</v>
      </c>
      <c r="E6724" s="6">
        <f t="shared" si="209"/>
        <v>0</v>
      </c>
    </row>
    <row r="6725" spans="1:5" x14ac:dyDescent="0.25">
      <c r="A6725" s="5">
        <v>43836</v>
      </c>
      <c r="B6725" s="2">
        <v>18.658947000000001</v>
      </c>
      <c r="C6725">
        <v>0</v>
      </c>
      <c r="D6725">
        <f t="shared" si="208"/>
        <v>0</v>
      </c>
      <c r="E6725" s="6">
        <f t="shared" si="209"/>
        <v>0</v>
      </c>
    </row>
    <row r="6726" spans="1:5" x14ac:dyDescent="0.25">
      <c r="A6726" s="5">
        <v>43836.041666666664</v>
      </c>
      <c r="B6726" s="2">
        <v>18.832122999999999</v>
      </c>
      <c r="C6726">
        <v>0</v>
      </c>
      <c r="D6726">
        <f t="shared" ref="D6726:D6789" si="210">C6726/1000</f>
        <v>0</v>
      </c>
      <c r="E6726" s="6">
        <f t="shared" ref="E6726:E6789" si="211">D6726*B6726</f>
        <v>0</v>
      </c>
    </row>
    <row r="6727" spans="1:5" x14ac:dyDescent="0.25">
      <c r="A6727" s="5">
        <v>43836.083333333336</v>
      </c>
      <c r="B6727" s="2">
        <v>18.685668</v>
      </c>
      <c r="C6727">
        <v>0</v>
      </c>
      <c r="D6727">
        <f t="shared" si="210"/>
        <v>0</v>
      </c>
      <c r="E6727" s="6">
        <f t="shared" si="211"/>
        <v>0</v>
      </c>
    </row>
    <row r="6728" spans="1:5" x14ac:dyDescent="0.25">
      <c r="A6728" s="5">
        <v>43836.125</v>
      </c>
      <c r="B6728" s="2">
        <v>18.764317999999999</v>
      </c>
      <c r="C6728">
        <v>0</v>
      </c>
      <c r="D6728">
        <f t="shared" si="210"/>
        <v>0</v>
      </c>
      <c r="E6728" s="6">
        <f t="shared" si="211"/>
        <v>0</v>
      </c>
    </row>
    <row r="6729" spans="1:5" x14ac:dyDescent="0.25">
      <c r="A6729" s="5">
        <v>43836.166666666664</v>
      </c>
      <c r="B6729" s="2">
        <v>19.189449</v>
      </c>
      <c r="C6729">
        <v>0</v>
      </c>
      <c r="D6729">
        <f t="shared" si="210"/>
        <v>0</v>
      </c>
      <c r="E6729" s="6">
        <f t="shared" si="211"/>
        <v>0</v>
      </c>
    </row>
    <row r="6730" spans="1:5" x14ac:dyDescent="0.25">
      <c r="A6730" s="5">
        <v>43836.208333333336</v>
      </c>
      <c r="B6730" s="2">
        <v>22.435427000000001</v>
      </c>
      <c r="C6730">
        <v>0</v>
      </c>
      <c r="D6730">
        <f t="shared" si="210"/>
        <v>0</v>
      </c>
      <c r="E6730" s="6">
        <f t="shared" si="211"/>
        <v>0</v>
      </c>
    </row>
    <row r="6731" spans="1:5" x14ac:dyDescent="0.25">
      <c r="A6731" s="5">
        <v>43836.25</v>
      </c>
      <c r="B6731" s="2">
        <v>34.094295000000002</v>
      </c>
      <c r="C6731">
        <v>0</v>
      </c>
      <c r="D6731">
        <f t="shared" si="210"/>
        <v>0</v>
      </c>
      <c r="E6731" s="6">
        <f t="shared" si="211"/>
        <v>0</v>
      </c>
    </row>
    <row r="6732" spans="1:5" x14ac:dyDescent="0.25">
      <c r="A6732" s="5">
        <v>43836.291666666664</v>
      </c>
      <c r="B6732" s="2">
        <v>40.272222999999997</v>
      </c>
      <c r="C6732">
        <v>0</v>
      </c>
      <c r="D6732">
        <f t="shared" si="210"/>
        <v>0</v>
      </c>
      <c r="E6732" s="6">
        <f t="shared" si="211"/>
        <v>0</v>
      </c>
    </row>
    <row r="6733" spans="1:5" x14ac:dyDescent="0.25">
      <c r="A6733" s="5">
        <v>43836.333333333336</v>
      </c>
      <c r="B6733" s="2">
        <v>32.190325999999999</v>
      </c>
      <c r="C6733">
        <v>0.134269</v>
      </c>
      <c r="D6733">
        <f t="shared" si="210"/>
        <v>1.3426900000000001E-4</v>
      </c>
      <c r="E6733" s="6">
        <f t="shared" si="211"/>
        <v>4.322162881694E-3</v>
      </c>
    </row>
    <row r="6734" spans="1:5" x14ac:dyDescent="0.25">
      <c r="A6734" s="5">
        <v>43836.375</v>
      </c>
      <c r="B6734" s="2">
        <v>26.886258000000002</v>
      </c>
      <c r="C6734">
        <v>0.34559200000000001</v>
      </c>
      <c r="D6734">
        <f t="shared" si="210"/>
        <v>3.4559200000000003E-4</v>
      </c>
      <c r="E6734" s="6">
        <f t="shared" si="211"/>
        <v>9.2916756747360007E-3</v>
      </c>
    </row>
    <row r="6735" spans="1:5" x14ac:dyDescent="0.25">
      <c r="A6735" s="5">
        <v>43836.416666666664</v>
      </c>
      <c r="B6735" s="2">
        <v>25.654938999999999</v>
      </c>
      <c r="C6735">
        <v>0.78591699999999998</v>
      </c>
      <c r="D6735">
        <f t="shared" si="210"/>
        <v>7.8591700000000002E-4</v>
      </c>
      <c r="E6735" s="6">
        <f t="shared" si="211"/>
        <v>2.0162652694063001E-2</v>
      </c>
    </row>
    <row r="6736" spans="1:5" x14ac:dyDescent="0.25">
      <c r="A6736" s="5">
        <v>43836.458333333336</v>
      </c>
      <c r="B6736" s="2">
        <v>23.001973</v>
      </c>
      <c r="C6736">
        <v>1.0704200000000001</v>
      </c>
      <c r="D6736">
        <f t="shared" si="210"/>
        <v>1.0704200000000001E-3</v>
      </c>
      <c r="E6736" s="6">
        <f t="shared" si="211"/>
        <v>2.4621771938660001E-2</v>
      </c>
    </row>
    <row r="6737" spans="1:5" x14ac:dyDescent="0.25">
      <c r="A6737" s="5">
        <v>43836.5</v>
      </c>
      <c r="B6737" s="2">
        <v>21.622613999999999</v>
      </c>
      <c r="C6737">
        <v>1.0403930000000001</v>
      </c>
      <c r="D6737">
        <f t="shared" si="210"/>
        <v>1.0403930000000001E-3</v>
      </c>
      <c r="E6737" s="6">
        <f t="shared" si="211"/>
        <v>2.2496016247302002E-2</v>
      </c>
    </row>
    <row r="6738" spans="1:5" x14ac:dyDescent="0.25">
      <c r="A6738" s="5">
        <v>43836.541666666664</v>
      </c>
      <c r="B6738" s="2">
        <v>21.321776</v>
      </c>
      <c r="C6738">
        <v>3.3558180000000002</v>
      </c>
      <c r="D6738">
        <f t="shared" si="210"/>
        <v>3.355818E-3</v>
      </c>
      <c r="E6738" s="6">
        <f t="shared" si="211"/>
        <v>7.1551999692768001E-2</v>
      </c>
    </row>
    <row r="6739" spans="1:5" x14ac:dyDescent="0.25">
      <c r="A6739" s="5">
        <v>43836.583333333336</v>
      </c>
      <c r="B6739" s="2">
        <v>21.097722000000001</v>
      </c>
      <c r="C6739">
        <v>4.0509119999999994</v>
      </c>
      <c r="D6739">
        <f t="shared" si="210"/>
        <v>4.0509119999999994E-3</v>
      </c>
      <c r="E6739" s="6">
        <f t="shared" si="211"/>
        <v>8.5465015222463997E-2</v>
      </c>
    </row>
    <row r="6740" spans="1:5" x14ac:dyDescent="0.25">
      <c r="A6740" s="5">
        <v>43836.625</v>
      </c>
      <c r="B6740" s="2">
        <v>21.156029</v>
      </c>
      <c r="C6740">
        <v>0.97111400000000003</v>
      </c>
      <c r="D6740">
        <f t="shared" si="210"/>
        <v>9.7111400000000003E-4</v>
      </c>
      <c r="E6740" s="6">
        <f t="shared" si="211"/>
        <v>2.0544915946305999E-2</v>
      </c>
    </row>
    <row r="6741" spans="1:5" x14ac:dyDescent="0.25">
      <c r="A6741" s="5">
        <v>43836.666666666664</v>
      </c>
      <c r="B6741" s="2">
        <v>23.331828999999999</v>
      </c>
      <c r="C6741">
        <v>0.683365</v>
      </c>
      <c r="D6741">
        <f t="shared" si="210"/>
        <v>6.8336500000000001E-4</v>
      </c>
      <c r="E6741" s="6">
        <f t="shared" si="211"/>
        <v>1.5944155324584999E-2</v>
      </c>
    </row>
    <row r="6742" spans="1:5" x14ac:dyDescent="0.25">
      <c r="A6742" s="5">
        <v>43836.708333333336</v>
      </c>
      <c r="B6742" s="2">
        <v>32.204045000000001</v>
      </c>
      <c r="C6742">
        <v>0</v>
      </c>
      <c r="D6742">
        <f t="shared" si="210"/>
        <v>0</v>
      </c>
      <c r="E6742" s="6">
        <f t="shared" si="211"/>
        <v>0</v>
      </c>
    </row>
    <row r="6743" spans="1:5" x14ac:dyDescent="0.25">
      <c r="A6743" s="5">
        <v>43836.75</v>
      </c>
      <c r="B6743" s="2">
        <v>30.668310000000002</v>
      </c>
      <c r="C6743">
        <v>0</v>
      </c>
      <c r="D6743">
        <f t="shared" si="210"/>
        <v>0</v>
      </c>
      <c r="E6743" s="6">
        <f t="shared" si="211"/>
        <v>0</v>
      </c>
    </row>
    <row r="6744" spans="1:5" x14ac:dyDescent="0.25">
      <c r="A6744" s="5">
        <v>43836.791666666664</v>
      </c>
      <c r="B6744" s="2">
        <v>29.341338</v>
      </c>
      <c r="C6744">
        <v>0</v>
      </c>
      <c r="D6744">
        <f t="shared" si="210"/>
        <v>0</v>
      </c>
      <c r="E6744" s="6">
        <f t="shared" si="211"/>
        <v>0</v>
      </c>
    </row>
    <row r="6745" spans="1:5" x14ac:dyDescent="0.25">
      <c r="A6745" s="5">
        <v>43836.833333333336</v>
      </c>
      <c r="B6745" s="2">
        <v>30.385778999999999</v>
      </c>
      <c r="C6745">
        <v>0</v>
      </c>
      <c r="D6745">
        <f t="shared" si="210"/>
        <v>0</v>
      </c>
      <c r="E6745" s="6">
        <f t="shared" si="211"/>
        <v>0</v>
      </c>
    </row>
    <row r="6746" spans="1:5" x14ac:dyDescent="0.25">
      <c r="A6746" s="5">
        <v>43836.875</v>
      </c>
      <c r="B6746" s="2">
        <v>24.556182</v>
      </c>
      <c r="C6746">
        <v>0</v>
      </c>
      <c r="D6746">
        <f t="shared" si="210"/>
        <v>0</v>
      </c>
      <c r="E6746" s="6">
        <f t="shared" si="211"/>
        <v>0</v>
      </c>
    </row>
    <row r="6747" spans="1:5" x14ac:dyDescent="0.25">
      <c r="A6747" s="5">
        <v>43836.916666666664</v>
      </c>
      <c r="B6747" s="2">
        <v>21.699874999999999</v>
      </c>
      <c r="C6747">
        <v>0</v>
      </c>
      <c r="D6747">
        <f t="shared" si="210"/>
        <v>0</v>
      </c>
      <c r="E6747" s="6">
        <f t="shared" si="211"/>
        <v>0</v>
      </c>
    </row>
    <row r="6748" spans="1:5" x14ac:dyDescent="0.25">
      <c r="A6748" s="5">
        <v>43836.958333333336</v>
      </c>
      <c r="B6748" s="2">
        <v>20.680423999999999</v>
      </c>
      <c r="C6748">
        <v>0</v>
      </c>
      <c r="D6748">
        <f t="shared" si="210"/>
        <v>0</v>
      </c>
      <c r="E6748" s="6">
        <f t="shared" si="211"/>
        <v>0</v>
      </c>
    </row>
    <row r="6749" spans="1:5" x14ac:dyDescent="0.25">
      <c r="A6749" s="5">
        <v>43837</v>
      </c>
      <c r="B6749" s="2">
        <v>19.072208</v>
      </c>
      <c r="C6749">
        <v>0</v>
      </c>
      <c r="D6749">
        <f t="shared" si="210"/>
        <v>0</v>
      </c>
      <c r="E6749" s="6">
        <f t="shared" si="211"/>
        <v>0</v>
      </c>
    </row>
    <row r="6750" spans="1:5" x14ac:dyDescent="0.25">
      <c r="A6750" s="5">
        <v>43837.041666666664</v>
      </c>
      <c r="B6750" s="2">
        <v>19.123574999999999</v>
      </c>
      <c r="C6750">
        <v>0</v>
      </c>
      <c r="D6750">
        <f t="shared" si="210"/>
        <v>0</v>
      </c>
      <c r="E6750" s="6">
        <f t="shared" si="211"/>
        <v>0</v>
      </c>
    </row>
    <row r="6751" spans="1:5" x14ac:dyDescent="0.25">
      <c r="A6751" s="5">
        <v>43837.083333333336</v>
      </c>
      <c r="B6751" s="2">
        <v>19.139410999999999</v>
      </c>
      <c r="C6751">
        <v>0</v>
      </c>
      <c r="D6751">
        <f t="shared" si="210"/>
        <v>0</v>
      </c>
      <c r="E6751" s="6">
        <f t="shared" si="211"/>
        <v>0</v>
      </c>
    </row>
    <row r="6752" spans="1:5" x14ac:dyDescent="0.25">
      <c r="A6752" s="5">
        <v>43837.125</v>
      </c>
      <c r="B6752" s="2">
        <v>19.269670000000001</v>
      </c>
      <c r="C6752">
        <v>0</v>
      </c>
      <c r="D6752">
        <f t="shared" si="210"/>
        <v>0</v>
      </c>
      <c r="E6752" s="6">
        <f t="shared" si="211"/>
        <v>0</v>
      </c>
    </row>
    <row r="6753" spans="1:5" x14ac:dyDescent="0.25">
      <c r="A6753" s="5">
        <v>43837.166666666664</v>
      </c>
      <c r="B6753" s="2">
        <v>19.906504999999999</v>
      </c>
      <c r="C6753">
        <v>0</v>
      </c>
      <c r="D6753">
        <f t="shared" si="210"/>
        <v>0</v>
      </c>
      <c r="E6753" s="6">
        <f t="shared" si="211"/>
        <v>0</v>
      </c>
    </row>
    <row r="6754" spans="1:5" x14ac:dyDescent="0.25">
      <c r="A6754" s="5">
        <v>43837.208333333336</v>
      </c>
      <c r="B6754" s="2">
        <v>23.085792000000001</v>
      </c>
      <c r="C6754">
        <v>0</v>
      </c>
      <c r="D6754">
        <f t="shared" si="210"/>
        <v>0</v>
      </c>
      <c r="E6754" s="6">
        <f t="shared" si="211"/>
        <v>0</v>
      </c>
    </row>
    <row r="6755" spans="1:5" x14ac:dyDescent="0.25">
      <c r="A6755" s="5">
        <v>43837.25</v>
      </c>
      <c r="B6755" s="2">
        <v>32.431778999999999</v>
      </c>
      <c r="C6755">
        <v>0</v>
      </c>
      <c r="D6755">
        <f t="shared" si="210"/>
        <v>0</v>
      </c>
      <c r="E6755" s="6">
        <f t="shared" si="211"/>
        <v>0</v>
      </c>
    </row>
    <row r="6756" spans="1:5" x14ac:dyDescent="0.25">
      <c r="A6756" s="5">
        <v>43837.291666666664</v>
      </c>
      <c r="B6756" s="2">
        <v>42.787224000000002</v>
      </c>
      <c r="C6756">
        <v>0</v>
      </c>
      <c r="D6756">
        <f t="shared" si="210"/>
        <v>0</v>
      </c>
      <c r="E6756" s="6">
        <f t="shared" si="211"/>
        <v>0</v>
      </c>
    </row>
    <row r="6757" spans="1:5" x14ac:dyDescent="0.25">
      <c r="A6757" s="5">
        <v>43837.333333333336</v>
      </c>
      <c r="B6757" s="2">
        <v>27.336206000000001</v>
      </c>
      <c r="C6757">
        <v>1.1096550000000001</v>
      </c>
      <c r="D6757">
        <f t="shared" si="210"/>
        <v>1.109655E-3</v>
      </c>
      <c r="E6757" s="6">
        <f t="shared" si="211"/>
        <v>3.0333757668930001E-2</v>
      </c>
    </row>
    <row r="6758" spans="1:5" x14ac:dyDescent="0.25">
      <c r="A6758" s="5">
        <v>43837.375</v>
      </c>
      <c r="B6758" s="2">
        <v>26.249009999999998</v>
      </c>
      <c r="C6758">
        <v>1.8836250000000001</v>
      </c>
      <c r="D6758">
        <f t="shared" si="210"/>
        <v>1.8836250000000001E-3</v>
      </c>
      <c r="E6758" s="6">
        <f t="shared" si="211"/>
        <v>4.9443291461249997E-2</v>
      </c>
    </row>
    <row r="6759" spans="1:5" x14ac:dyDescent="0.25">
      <c r="A6759" s="5">
        <v>43837.416666666664</v>
      </c>
      <c r="B6759" s="2">
        <v>26.243656999999999</v>
      </c>
      <c r="C6759">
        <v>3.3740429999999999</v>
      </c>
      <c r="D6759">
        <f t="shared" si="210"/>
        <v>3.3740429999999997E-3</v>
      </c>
      <c r="E6759" s="6">
        <f t="shared" si="211"/>
        <v>8.8547227195250988E-2</v>
      </c>
    </row>
    <row r="6760" spans="1:5" x14ac:dyDescent="0.25">
      <c r="A6760" s="5">
        <v>43837.458333333336</v>
      </c>
      <c r="B6760" s="2">
        <v>24.511583999999999</v>
      </c>
      <c r="C6760">
        <v>4.5400789999999995</v>
      </c>
      <c r="D6760">
        <f t="shared" si="210"/>
        <v>4.5400789999999998E-3</v>
      </c>
      <c r="E6760" s="6">
        <f t="shared" si="211"/>
        <v>0.11128452777513599</v>
      </c>
    </row>
    <row r="6761" spans="1:5" x14ac:dyDescent="0.25">
      <c r="A6761" s="5">
        <v>43837.5</v>
      </c>
      <c r="B6761" s="2">
        <v>22.990397000000002</v>
      </c>
      <c r="C6761">
        <v>4.6197979999999994</v>
      </c>
      <c r="D6761">
        <f t="shared" si="210"/>
        <v>4.6197979999999996E-3</v>
      </c>
      <c r="E6761" s="6">
        <f t="shared" si="211"/>
        <v>0.106210990079806</v>
      </c>
    </row>
    <row r="6762" spans="1:5" x14ac:dyDescent="0.25">
      <c r="A6762" s="5">
        <v>43837.541666666664</v>
      </c>
      <c r="B6762" s="2">
        <v>22.605831999999999</v>
      </c>
      <c r="C6762">
        <v>4.0678919999999996</v>
      </c>
      <c r="D6762">
        <f t="shared" si="210"/>
        <v>4.067892E-3</v>
      </c>
      <c r="E6762" s="6">
        <f t="shared" si="211"/>
        <v>9.1958083146143996E-2</v>
      </c>
    </row>
    <row r="6763" spans="1:5" x14ac:dyDescent="0.25">
      <c r="A6763" s="5">
        <v>43837.583333333336</v>
      </c>
      <c r="B6763" s="2">
        <v>22.220103000000002</v>
      </c>
      <c r="C6763">
        <v>3.8863620000000001</v>
      </c>
      <c r="D6763">
        <f t="shared" si="210"/>
        <v>3.886362E-3</v>
      </c>
      <c r="E6763" s="6">
        <f t="shared" si="211"/>
        <v>8.6355363935286006E-2</v>
      </c>
    </row>
    <row r="6764" spans="1:5" x14ac:dyDescent="0.25">
      <c r="A6764" s="5">
        <v>43837.625</v>
      </c>
      <c r="B6764" s="2">
        <v>22.214248000000001</v>
      </c>
      <c r="C6764">
        <v>2.355175</v>
      </c>
      <c r="D6764">
        <f t="shared" si="210"/>
        <v>2.3551750000000002E-3</v>
      </c>
      <c r="E6764" s="6">
        <f t="shared" si="211"/>
        <v>5.2318441533400005E-2</v>
      </c>
    </row>
    <row r="6765" spans="1:5" x14ac:dyDescent="0.25">
      <c r="A6765" s="5">
        <v>43837.666666666664</v>
      </c>
      <c r="B6765" s="2">
        <v>23.431457000000002</v>
      </c>
      <c r="C6765">
        <v>1.863378</v>
      </c>
      <c r="D6765">
        <f t="shared" si="210"/>
        <v>1.863378E-3</v>
      </c>
      <c r="E6765" s="6">
        <f t="shared" si="211"/>
        <v>4.3661661481746002E-2</v>
      </c>
    </row>
    <row r="6766" spans="1:5" x14ac:dyDescent="0.25">
      <c r="A6766" s="5">
        <v>43837.708333333336</v>
      </c>
      <c r="B6766" s="2">
        <v>28.226835000000001</v>
      </c>
      <c r="C6766">
        <v>0</v>
      </c>
      <c r="D6766">
        <f t="shared" si="210"/>
        <v>0</v>
      </c>
      <c r="E6766" s="6">
        <f t="shared" si="211"/>
        <v>0</v>
      </c>
    </row>
    <row r="6767" spans="1:5" x14ac:dyDescent="0.25">
      <c r="A6767" s="5">
        <v>43837.75</v>
      </c>
      <c r="B6767" s="2">
        <v>26.805996</v>
      </c>
      <c r="C6767">
        <v>0</v>
      </c>
      <c r="D6767">
        <f t="shared" si="210"/>
        <v>0</v>
      </c>
      <c r="E6767" s="6">
        <f t="shared" si="211"/>
        <v>0</v>
      </c>
    </row>
    <row r="6768" spans="1:5" x14ac:dyDescent="0.25">
      <c r="A6768" s="5">
        <v>43837.791666666664</v>
      </c>
      <c r="B6768" s="2">
        <v>26.540015</v>
      </c>
      <c r="C6768">
        <v>0</v>
      </c>
      <c r="D6768">
        <f t="shared" si="210"/>
        <v>0</v>
      </c>
      <c r="E6768" s="6">
        <f t="shared" si="211"/>
        <v>0</v>
      </c>
    </row>
    <row r="6769" spans="1:5" x14ac:dyDescent="0.25">
      <c r="A6769" s="5">
        <v>43837.833333333336</v>
      </c>
      <c r="B6769" s="2">
        <v>25.559476</v>
      </c>
      <c r="C6769">
        <v>0</v>
      </c>
      <c r="D6769">
        <f t="shared" si="210"/>
        <v>0</v>
      </c>
      <c r="E6769" s="6">
        <f t="shared" si="211"/>
        <v>0</v>
      </c>
    </row>
    <row r="6770" spans="1:5" x14ac:dyDescent="0.25">
      <c r="A6770" s="5">
        <v>43837.875</v>
      </c>
      <c r="B6770" s="2">
        <v>22.766567999999999</v>
      </c>
      <c r="C6770">
        <v>0</v>
      </c>
      <c r="D6770">
        <f t="shared" si="210"/>
        <v>0</v>
      </c>
      <c r="E6770" s="6">
        <f t="shared" si="211"/>
        <v>0</v>
      </c>
    </row>
    <row r="6771" spans="1:5" x14ac:dyDescent="0.25">
      <c r="A6771" s="5">
        <v>43837.916666666664</v>
      </c>
      <c r="B6771" s="2">
        <v>21.021871999999998</v>
      </c>
      <c r="C6771">
        <v>0</v>
      </c>
      <c r="D6771">
        <f t="shared" si="210"/>
        <v>0</v>
      </c>
      <c r="E6771" s="6">
        <f t="shared" si="211"/>
        <v>0</v>
      </c>
    </row>
    <row r="6772" spans="1:5" x14ac:dyDescent="0.25">
      <c r="A6772" s="5">
        <v>43837.958333333336</v>
      </c>
      <c r="B6772" s="2">
        <v>19.871086999999999</v>
      </c>
      <c r="C6772">
        <v>0</v>
      </c>
      <c r="D6772">
        <f t="shared" si="210"/>
        <v>0</v>
      </c>
      <c r="E6772" s="6">
        <f t="shared" si="211"/>
        <v>0</v>
      </c>
    </row>
    <row r="6773" spans="1:5" x14ac:dyDescent="0.25">
      <c r="A6773" s="5">
        <v>43838</v>
      </c>
      <c r="B6773" s="2">
        <v>19.565822000000001</v>
      </c>
      <c r="C6773">
        <v>0</v>
      </c>
      <c r="D6773">
        <f t="shared" si="210"/>
        <v>0</v>
      </c>
      <c r="E6773" s="6">
        <f t="shared" si="211"/>
        <v>0</v>
      </c>
    </row>
    <row r="6774" spans="1:5" x14ac:dyDescent="0.25">
      <c r="A6774" s="5">
        <v>43838.041666666664</v>
      </c>
      <c r="B6774" s="2">
        <v>19.602488999999998</v>
      </c>
      <c r="C6774">
        <v>0</v>
      </c>
      <c r="D6774">
        <f t="shared" si="210"/>
        <v>0</v>
      </c>
      <c r="E6774" s="6">
        <f t="shared" si="211"/>
        <v>0</v>
      </c>
    </row>
    <row r="6775" spans="1:5" x14ac:dyDescent="0.25">
      <c r="A6775" s="5">
        <v>43838.083333333336</v>
      </c>
      <c r="B6775" s="2">
        <v>19.481518000000001</v>
      </c>
      <c r="C6775">
        <v>0</v>
      </c>
      <c r="D6775">
        <f t="shared" si="210"/>
        <v>0</v>
      </c>
      <c r="E6775" s="6">
        <f t="shared" si="211"/>
        <v>0</v>
      </c>
    </row>
    <row r="6776" spans="1:5" x14ac:dyDescent="0.25">
      <c r="A6776" s="5">
        <v>43838.125</v>
      </c>
      <c r="B6776" s="2">
        <v>19.455292</v>
      </c>
      <c r="C6776">
        <v>0</v>
      </c>
      <c r="D6776">
        <f t="shared" si="210"/>
        <v>0</v>
      </c>
      <c r="E6776" s="6">
        <f t="shared" si="211"/>
        <v>0</v>
      </c>
    </row>
    <row r="6777" spans="1:5" x14ac:dyDescent="0.25">
      <c r="A6777" s="5">
        <v>43838.166666666664</v>
      </c>
      <c r="B6777" s="2">
        <v>19.864450000000001</v>
      </c>
      <c r="C6777">
        <v>0</v>
      </c>
      <c r="D6777">
        <f t="shared" si="210"/>
        <v>0</v>
      </c>
      <c r="E6777" s="6">
        <f t="shared" si="211"/>
        <v>0</v>
      </c>
    </row>
    <row r="6778" spans="1:5" x14ac:dyDescent="0.25">
      <c r="A6778" s="5">
        <v>43838.208333333336</v>
      </c>
      <c r="B6778" s="2">
        <v>21.550207</v>
      </c>
      <c r="C6778">
        <v>0</v>
      </c>
      <c r="D6778">
        <f t="shared" si="210"/>
        <v>0</v>
      </c>
      <c r="E6778" s="6">
        <f t="shared" si="211"/>
        <v>0</v>
      </c>
    </row>
    <row r="6779" spans="1:5" x14ac:dyDescent="0.25">
      <c r="A6779" s="5">
        <v>43838.25</v>
      </c>
      <c r="B6779" s="2">
        <v>27.358528</v>
      </c>
      <c r="C6779">
        <v>0</v>
      </c>
      <c r="D6779">
        <f t="shared" si="210"/>
        <v>0</v>
      </c>
      <c r="E6779" s="6">
        <f t="shared" si="211"/>
        <v>0</v>
      </c>
    </row>
    <row r="6780" spans="1:5" x14ac:dyDescent="0.25">
      <c r="A6780" s="5">
        <v>43838.291666666664</v>
      </c>
      <c r="B6780" s="2">
        <v>28.822690000000001</v>
      </c>
      <c r="C6780">
        <v>0</v>
      </c>
      <c r="D6780">
        <f t="shared" si="210"/>
        <v>0</v>
      </c>
      <c r="E6780" s="6">
        <f t="shared" si="211"/>
        <v>0</v>
      </c>
    </row>
    <row r="6781" spans="1:5" x14ac:dyDescent="0.25">
      <c r="A6781" s="5">
        <v>43838.333333333336</v>
      </c>
      <c r="B6781" s="2">
        <v>27.078423000000001</v>
      </c>
      <c r="C6781">
        <v>1.3868420000000001</v>
      </c>
      <c r="D6781">
        <f t="shared" si="210"/>
        <v>1.3868420000000001E-3</v>
      </c>
      <c r="E6781" s="6">
        <f t="shared" si="211"/>
        <v>3.7553494310166004E-2</v>
      </c>
    </row>
    <row r="6782" spans="1:5" x14ac:dyDescent="0.25">
      <c r="A6782" s="5">
        <v>43838.375</v>
      </c>
      <c r="B6782" s="2">
        <v>24.815576</v>
      </c>
      <c r="C6782">
        <v>3.3934530000000001</v>
      </c>
      <c r="D6782">
        <f t="shared" si="210"/>
        <v>3.3934530000000003E-3</v>
      </c>
      <c r="E6782" s="6">
        <f t="shared" si="211"/>
        <v>8.4210490823928008E-2</v>
      </c>
    </row>
    <row r="6783" spans="1:5" x14ac:dyDescent="0.25">
      <c r="A6783" s="5">
        <v>43838.416666666664</v>
      </c>
      <c r="B6783" s="2">
        <v>23.511296999999999</v>
      </c>
      <c r="C6783">
        <v>4.8484170000000004</v>
      </c>
      <c r="D6783">
        <f t="shared" si="210"/>
        <v>4.8484170000000007E-3</v>
      </c>
      <c r="E6783" s="6">
        <f t="shared" si="211"/>
        <v>0.11399257206684901</v>
      </c>
    </row>
    <row r="6784" spans="1:5" x14ac:dyDescent="0.25">
      <c r="A6784" s="5">
        <v>43838.458333333336</v>
      </c>
      <c r="B6784" s="2">
        <v>22.332087999999999</v>
      </c>
      <c r="C6784">
        <v>4.4437749999999996</v>
      </c>
      <c r="D6784">
        <f t="shared" si="210"/>
        <v>4.4437749999999996E-3</v>
      </c>
      <c r="E6784" s="6">
        <f t="shared" si="211"/>
        <v>9.9238774352199993E-2</v>
      </c>
    </row>
    <row r="6785" spans="1:5" x14ac:dyDescent="0.25">
      <c r="A6785" s="5">
        <v>43838.5</v>
      </c>
      <c r="B6785" s="2">
        <v>21.382107999999999</v>
      </c>
      <c r="C6785">
        <v>4.9863929999999996</v>
      </c>
      <c r="D6785">
        <f t="shared" si="210"/>
        <v>4.9863929999999996E-3</v>
      </c>
      <c r="E6785" s="6">
        <f t="shared" si="211"/>
        <v>0.10661959365644398</v>
      </c>
    </row>
    <row r="6786" spans="1:5" x14ac:dyDescent="0.25">
      <c r="A6786" s="5">
        <v>43838.541666666664</v>
      </c>
      <c r="B6786" s="2">
        <v>21.118003999999999</v>
      </c>
      <c r="C6786">
        <v>4.4336779999999996</v>
      </c>
      <c r="D6786">
        <f t="shared" si="210"/>
        <v>4.4336779999999999E-3</v>
      </c>
      <c r="E6786" s="6">
        <f t="shared" si="211"/>
        <v>9.3630429738711995E-2</v>
      </c>
    </row>
    <row r="6787" spans="1:5" x14ac:dyDescent="0.25">
      <c r="A6787" s="5">
        <v>43838.583333333336</v>
      </c>
      <c r="B6787" s="2">
        <v>20.936945000000001</v>
      </c>
      <c r="C6787">
        <v>3.4497230000000001</v>
      </c>
      <c r="D6787">
        <f t="shared" si="210"/>
        <v>3.449723E-3</v>
      </c>
      <c r="E6787" s="6">
        <f t="shared" si="211"/>
        <v>7.2226660716235E-2</v>
      </c>
    </row>
    <row r="6788" spans="1:5" x14ac:dyDescent="0.25">
      <c r="A6788" s="5">
        <v>43838.625</v>
      </c>
      <c r="B6788" s="2">
        <v>21.080779</v>
      </c>
      <c r="C6788">
        <v>1.947047</v>
      </c>
      <c r="D6788">
        <f t="shared" si="210"/>
        <v>1.9470469999999999E-3</v>
      </c>
      <c r="E6788" s="6">
        <f t="shared" si="211"/>
        <v>4.1045267509613001E-2</v>
      </c>
    </row>
    <row r="6789" spans="1:5" x14ac:dyDescent="0.25">
      <c r="A6789" s="5">
        <v>43838.666666666664</v>
      </c>
      <c r="B6789" s="2">
        <v>23.002499</v>
      </c>
      <c r="C6789">
        <v>1.714615</v>
      </c>
      <c r="D6789">
        <f t="shared" si="210"/>
        <v>1.7146150000000001E-3</v>
      </c>
      <c r="E6789" s="6">
        <f t="shared" si="211"/>
        <v>3.9440429822885002E-2</v>
      </c>
    </row>
    <row r="6790" spans="1:5" x14ac:dyDescent="0.25">
      <c r="A6790" s="5">
        <v>43838.708333333336</v>
      </c>
      <c r="B6790" s="2">
        <v>31.045898000000001</v>
      </c>
      <c r="C6790">
        <v>0</v>
      </c>
      <c r="D6790">
        <f t="shared" ref="D6790:D6853" si="212">C6790/1000</f>
        <v>0</v>
      </c>
      <c r="E6790" s="6">
        <f t="shared" ref="E6790:E6853" si="213">D6790*B6790</f>
        <v>0</v>
      </c>
    </row>
    <row r="6791" spans="1:5" x14ac:dyDescent="0.25">
      <c r="A6791" s="5">
        <v>43838.75</v>
      </c>
      <c r="B6791" s="2">
        <v>31.458407000000001</v>
      </c>
      <c r="C6791">
        <v>0</v>
      </c>
      <c r="D6791">
        <f t="shared" si="212"/>
        <v>0</v>
      </c>
      <c r="E6791" s="6">
        <f t="shared" si="213"/>
        <v>0</v>
      </c>
    </row>
    <row r="6792" spans="1:5" x14ac:dyDescent="0.25">
      <c r="A6792" s="5">
        <v>43838.791666666664</v>
      </c>
      <c r="B6792" s="2">
        <v>27.463842</v>
      </c>
      <c r="C6792">
        <v>0</v>
      </c>
      <c r="D6792">
        <f t="shared" si="212"/>
        <v>0</v>
      </c>
      <c r="E6792" s="6">
        <f t="shared" si="213"/>
        <v>0</v>
      </c>
    </row>
    <row r="6793" spans="1:5" x14ac:dyDescent="0.25">
      <c r="A6793" s="5">
        <v>43838.833333333336</v>
      </c>
      <c r="B6793" s="2">
        <v>26.251785999999999</v>
      </c>
      <c r="C6793">
        <v>0</v>
      </c>
      <c r="D6793">
        <f t="shared" si="212"/>
        <v>0</v>
      </c>
      <c r="E6793" s="6">
        <f t="shared" si="213"/>
        <v>0</v>
      </c>
    </row>
    <row r="6794" spans="1:5" x14ac:dyDescent="0.25">
      <c r="A6794" s="5">
        <v>43838.875</v>
      </c>
      <c r="B6794" s="2">
        <v>25.108079</v>
      </c>
      <c r="C6794">
        <v>0</v>
      </c>
      <c r="D6794">
        <f t="shared" si="212"/>
        <v>0</v>
      </c>
      <c r="E6794" s="6">
        <f t="shared" si="213"/>
        <v>0</v>
      </c>
    </row>
    <row r="6795" spans="1:5" x14ac:dyDescent="0.25">
      <c r="A6795" s="5">
        <v>43838.916666666664</v>
      </c>
      <c r="B6795" s="2">
        <v>22.293928999999999</v>
      </c>
      <c r="C6795">
        <v>0</v>
      </c>
      <c r="D6795">
        <f t="shared" si="212"/>
        <v>0</v>
      </c>
      <c r="E6795" s="6">
        <f t="shared" si="213"/>
        <v>0</v>
      </c>
    </row>
    <row r="6796" spans="1:5" x14ac:dyDescent="0.25">
      <c r="A6796" s="5">
        <v>43838.958333333336</v>
      </c>
      <c r="B6796" s="2">
        <v>21.087731000000002</v>
      </c>
      <c r="C6796">
        <v>0</v>
      </c>
      <c r="D6796">
        <f t="shared" si="212"/>
        <v>0</v>
      </c>
      <c r="E6796" s="6">
        <f t="shared" si="213"/>
        <v>0</v>
      </c>
    </row>
    <row r="6797" spans="1:5" x14ac:dyDescent="0.25">
      <c r="A6797" s="5">
        <v>43839</v>
      </c>
      <c r="B6797" s="2">
        <v>21.375928999999999</v>
      </c>
      <c r="C6797">
        <v>0</v>
      </c>
      <c r="D6797">
        <f t="shared" si="212"/>
        <v>0</v>
      </c>
      <c r="E6797" s="6">
        <f t="shared" si="213"/>
        <v>0</v>
      </c>
    </row>
    <row r="6798" spans="1:5" x14ac:dyDescent="0.25">
      <c r="A6798" s="5">
        <v>43839.041666666664</v>
      </c>
      <c r="B6798" s="2">
        <v>21.231947999999999</v>
      </c>
      <c r="C6798">
        <v>0</v>
      </c>
      <c r="D6798">
        <f t="shared" si="212"/>
        <v>0</v>
      </c>
      <c r="E6798" s="6">
        <f t="shared" si="213"/>
        <v>0</v>
      </c>
    </row>
    <row r="6799" spans="1:5" x14ac:dyDescent="0.25">
      <c r="A6799" s="5">
        <v>43839.083333333336</v>
      </c>
      <c r="B6799" s="2">
        <v>21.170577000000002</v>
      </c>
      <c r="C6799">
        <v>0</v>
      </c>
      <c r="D6799">
        <f t="shared" si="212"/>
        <v>0</v>
      </c>
      <c r="E6799" s="6">
        <f t="shared" si="213"/>
        <v>0</v>
      </c>
    </row>
    <row r="6800" spans="1:5" x14ac:dyDescent="0.25">
      <c r="A6800" s="5">
        <v>43839.125</v>
      </c>
      <c r="B6800" s="2">
        <v>21.029283</v>
      </c>
      <c r="C6800">
        <v>0</v>
      </c>
      <c r="D6800">
        <f t="shared" si="212"/>
        <v>0</v>
      </c>
      <c r="E6800" s="6">
        <f t="shared" si="213"/>
        <v>0</v>
      </c>
    </row>
    <row r="6801" spans="1:5" x14ac:dyDescent="0.25">
      <c r="A6801" s="5">
        <v>43839.166666666664</v>
      </c>
      <c r="B6801" s="2">
        <v>21.483394000000001</v>
      </c>
      <c r="C6801">
        <v>0</v>
      </c>
      <c r="D6801">
        <f t="shared" si="212"/>
        <v>0</v>
      </c>
      <c r="E6801" s="6">
        <f t="shared" si="213"/>
        <v>0</v>
      </c>
    </row>
    <row r="6802" spans="1:5" x14ac:dyDescent="0.25">
      <c r="A6802" s="5">
        <v>43839.208333333336</v>
      </c>
      <c r="B6802" s="2">
        <v>25.514562999999999</v>
      </c>
      <c r="C6802">
        <v>0</v>
      </c>
      <c r="D6802">
        <f t="shared" si="212"/>
        <v>0</v>
      </c>
      <c r="E6802" s="6">
        <f t="shared" si="213"/>
        <v>0</v>
      </c>
    </row>
    <row r="6803" spans="1:5" x14ac:dyDescent="0.25">
      <c r="A6803" s="5">
        <v>43839.25</v>
      </c>
      <c r="B6803" s="2">
        <v>36.946596999999997</v>
      </c>
      <c r="C6803">
        <v>0</v>
      </c>
      <c r="D6803">
        <f t="shared" si="212"/>
        <v>0</v>
      </c>
      <c r="E6803" s="6">
        <f t="shared" si="213"/>
        <v>0</v>
      </c>
    </row>
    <row r="6804" spans="1:5" x14ac:dyDescent="0.25">
      <c r="A6804" s="5">
        <v>43839.291666666664</v>
      </c>
      <c r="B6804" s="2">
        <v>52.148181999999998</v>
      </c>
      <c r="C6804">
        <v>0</v>
      </c>
      <c r="D6804">
        <f t="shared" si="212"/>
        <v>0</v>
      </c>
      <c r="E6804" s="6">
        <f t="shared" si="213"/>
        <v>0</v>
      </c>
    </row>
    <row r="6805" spans="1:5" x14ac:dyDescent="0.25">
      <c r="A6805" s="5">
        <v>43839.333333333336</v>
      </c>
      <c r="B6805" s="2">
        <v>30.932869</v>
      </c>
      <c r="C6805">
        <v>0.32692100000000002</v>
      </c>
      <c r="D6805">
        <f t="shared" si="212"/>
        <v>3.2692100000000004E-4</v>
      </c>
      <c r="E6805" s="6">
        <f t="shared" si="213"/>
        <v>1.0112604466349002E-2</v>
      </c>
    </row>
    <row r="6806" spans="1:5" x14ac:dyDescent="0.25">
      <c r="A6806" s="5">
        <v>43839.375</v>
      </c>
      <c r="B6806" s="2">
        <v>26.713141</v>
      </c>
      <c r="C6806">
        <v>2.2218240000000002</v>
      </c>
      <c r="D6806">
        <f t="shared" si="212"/>
        <v>2.2218240000000003E-3</v>
      </c>
      <c r="E6806" s="6">
        <f t="shared" si="213"/>
        <v>5.935189778918401E-2</v>
      </c>
    </row>
    <row r="6807" spans="1:5" x14ac:dyDescent="0.25">
      <c r="A6807" s="5">
        <v>43839.416666666664</v>
      </c>
      <c r="B6807" s="2">
        <v>24.154004</v>
      </c>
      <c r="C6807">
        <v>5.2486790000000001</v>
      </c>
      <c r="D6807">
        <f t="shared" si="212"/>
        <v>5.248679E-3</v>
      </c>
      <c r="E6807" s="6">
        <f t="shared" si="213"/>
        <v>0.12677661356071601</v>
      </c>
    </row>
    <row r="6808" spans="1:5" x14ac:dyDescent="0.25">
      <c r="A6808" s="5">
        <v>43839.458333333336</v>
      </c>
      <c r="B6808" s="2">
        <v>21.561049000000001</v>
      </c>
      <c r="C6808">
        <v>6.1206670000000001</v>
      </c>
      <c r="D6808">
        <f t="shared" si="212"/>
        <v>6.1206669999999998E-3</v>
      </c>
      <c r="E6808" s="6">
        <f t="shared" si="213"/>
        <v>0.13196800109968299</v>
      </c>
    </row>
    <row r="6809" spans="1:5" x14ac:dyDescent="0.25">
      <c r="A6809" s="5">
        <v>43839.5</v>
      </c>
      <c r="B6809" s="2">
        <v>20.572500999999999</v>
      </c>
      <c r="C6809">
        <v>6.467733</v>
      </c>
      <c r="D6809">
        <f t="shared" si="212"/>
        <v>6.4677329999999998E-3</v>
      </c>
      <c r="E6809" s="6">
        <f t="shared" si="213"/>
        <v>0.133057443610233</v>
      </c>
    </row>
    <row r="6810" spans="1:5" x14ac:dyDescent="0.25">
      <c r="A6810" s="5">
        <v>43839.541666666664</v>
      </c>
      <c r="B6810" s="2">
        <v>19.959104</v>
      </c>
      <c r="C6810">
        <v>6.2452510000000006</v>
      </c>
      <c r="D6810">
        <f t="shared" si="212"/>
        <v>6.2452510000000003E-3</v>
      </c>
      <c r="E6810" s="6">
        <f t="shared" si="213"/>
        <v>0.12464961421510401</v>
      </c>
    </row>
    <row r="6811" spans="1:5" x14ac:dyDescent="0.25">
      <c r="A6811" s="5">
        <v>43839.583333333336</v>
      </c>
      <c r="B6811" s="2">
        <v>19.408100000000001</v>
      </c>
      <c r="C6811">
        <v>5.51342</v>
      </c>
      <c r="D6811">
        <f t="shared" si="212"/>
        <v>5.5134199999999998E-3</v>
      </c>
      <c r="E6811" s="6">
        <f t="shared" si="213"/>
        <v>0.107005006702</v>
      </c>
    </row>
    <row r="6812" spans="1:5" x14ac:dyDescent="0.25">
      <c r="A6812" s="5">
        <v>43839.625</v>
      </c>
      <c r="B6812" s="2">
        <v>19.534794999999999</v>
      </c>
      <c r="C6812">
        <v>3.7471540000000001</v>
      </c>
      <c r="D6812">
        <f t="shared" si="212"/>
        <v>3.7471539999999999E-3</v>
      </c>
      <c r="E6812" s="6">
        <f t="shared" si="213"/>
        <v>7.3199885223429989E-2</v>
      </c>
    </row>
    <row r="6813" spans="1:5" x14ac:dyDescent="0.25">
      <c r="A6813" s="5">
        <v>43839.666666666664</v>
      </c>
      <c r="B6813" s="2">
        <v>20.644196000000001</v>
      </c>
      <c r="C6813">
        <v>1.8037290000000001</v>
      </c>
      <c r="D6813">
        <f t="shared" si="212"/>
        <v>1.8037290000000002E-3</v>
      </c>
      <c r="E6813" s="6">
        <f t="shared" si="213"/>
        <v>3.7236535006884008E-2</v>
      </c>
    </row>
    <row r="6814" spans="1:5" x14ac:dyDescent="0.25">
      <c r="A6814" s="5">
        <v>43839.708333333336</v>
      </c>
      <c r="B6814" s="2">
        <v>24.37602</v>
      </c>
      <c r="C6814">
        <v>0</v>
      </c>
      <c r="D6814">
        <f t="shared" si="212"/>
        <v>0</v>
      </c>
      <c r="E6814" s="6">
        <f t="shared" si="213"/>
        <v>0</v>
      </c>
    </row>
    <row r="6815" spans="1:5" x14ac:dyDescent="0.25">
      <c r="A6815" s="5">
        <v>43839.75</v>
      </c>
      <c r="B6815" s="2">
        <v>24.459510999999999</v>
      </c>
      <c r="C6815">
        <v>0</v>
      </c>
      <c r="D6815">
        <f t="shared" si="212"/>
        <v>0</v>
      </c>
      <c r="E6815" s="6">
        <f t="shared" si="213"/>
        <v>0</v>
      </c>
    </row>
    <row r="6816" spans="1:5" x14ac:dyDescent="0.25">
      <c r="A6816" s="5">
        <v>43839.791666666664</v>
      </c>
      <c r="B6816" s="2">
        <v>23.429044000000001</v>
      </c>
      <c r="C6816">
        <v>0</v>
      </c>
      <c r="D6816">
        <f t="shared" si="212"/>
        <v>0</v>
      </c>
      <c r="E6816" s="6">
        <f t="shared" si="213"/>
        <v>0</v>
      </c>
    </row>
    <row r="6817" spans="1:5" x14ac:dyDescent="0.25">
      <c r="A6817" s="5">
        <v>43839.833333333336</v>
      </c>
      <c r="B6817" s="2">
        <v>23.216567000000001</v>
      </c>
      <c r="C6817">
        <v>0</v>
      </c>
      <c r="D6817">
        <f t="shared" si="212"/>
        <v>0</v>
      </c>
      <c r="E6817" s="6">
        <f t="shared" si="213"/>
        <v>0</v>
      </c>
    </row>
    <row r="6818" spans="1:5" x14ac:dyDescent="0.25">
      <c r="A6818" s="5">
        <v>43839.875</v>
      </c>
      <c r="B6818" s="2">
        <v>21.593350999999998</v>
      </c>
      <c r="C6818">
        <v>0</v>
      </c>
      <c r="D6818">
        <f t="shared" si="212"/>
        <v>0</v>
      </c>
      <c r="E6818" s="6">
        <f t="shared" si="213"/>
        <v>0</v>
      </c>
    </row>
    <row r="6819" spans="1:5" x14ac:dyDescent="0.25">
      <c r="A6819" s="5">
        <v>43839.916666666664</v>
      </c>
      <c r="B6819" s="2">
        <v>20.319047999999999</v>
      </c>
      <c r="C6819">
        <v>0</v>
      </c>
      <c r="D6819">
        <f t="shared" si="212"/>
        <v>0</v>
      </c>
      <c r="E6819" s="6">
        <f t="shared" si="213"/>
        <v>0</v>
      </c>
    </row>
    <row r="6820" spans="1:5" x14ac:dyDescent="0.25">
      <c r="A6820" s="5">
        <v>43839.958333333336</v>
      </c>
      <c r="B6820" s="2">
        <v>18.957788000000001</v>
      </c>
      <c r="C6820">
        <v>0</v>
      </c>
      <c r="D6820">
        <f t="shared" si="212"/>
        <v>0</v>
      </c>
      <c r="E6820" s="6">
        <f t="shared" si="213"/>
        <v>0</v>
      </c>
    </row>
    <row r="6821" spans="1:5" x14ac:dyDescent="0.25">
      <c r="A6821" s="5">
        <v>43840</v>
      </c>
      <c r="B6821" s="2">
        <v>18.661698999999999</v>
      </c>
      <c r="C6821">
        <v>0</v>
      </c>
      <c r="D6821">
        <f t="shared" si="212"/>
        <v>0</v>
      </c>
      <c r="E6821" s="6">
        <f t="shared" si="213"/>
        <v>0</v>
      </c>
    </row>
    <row r="6822" spans="1:5" x14ac:dyDescent="0.25">
      <c r="A6822" s="5">
        <v>43840.041666666664</v>
      </c>
      <c r="B6822" s="2">
        <v>18.371804000000001</v>
      </c>
      <c r="C6822">
        <v>0</v>
      </c>
      <c r="D6822">
        <f t="shared" si="212"/>
        <v>0</v>
      </c>
      <c r="E6822" s="6">
        <f t="shared" si="213"/>
        <v>0</v>
      </c>
    </row>
    <row r="6823" spans="1:5" x14ac:dyDescent="0.25">
      <c r="A6823" s="5">
        <v>43840.083333333336</v>
      </c>
      <c r="B6823" s="2">
        <v>18.076239000000001</v>
      </c>
      <c r="C6823">
        <v>0</v>
      </c>
      <c r="D6823">
        <f t="shared" si="212"/>
        <v>0</v>
      </c>
      <c r="E6823" s="6">
        <f t="shared" si="213"/>
        <v>0</v>
      </c>
    </row>
    <row r="6824" spans="1:5" x14ac:dyDescent="0.25">
      <c r="A6824" s="5">
        <v>43840.125</v>
      </c>
      <c r="B6824" s="2">
        <v>18.196314000000001</v>
      </c>
      <c r="C6824">
        <v>0</v>
      </c>
      <c r="D6824">
        <f t="shared" si="212"/>
        <v>0</v>
      </c>
      <c r="E6824" s="6">
        <f t="shared" si="213"/>
        <v>0</v>
      </c>
    </row>
    <row r="6825" spans="1:5" x14ac:dyDescent="0.25">
      <c r="A6825" s="5">
        <v>43840.166666666664</v>
      </c>
      <c r="B6825" s="2">
        <v>18.240639000000002</v>
      </c>
      <c r="C6825">
        <v>0</v>
      </c>
      <c r="D6825">
        <f t="shared" si="212"/>
        <v>0</v>
      </c>
      <c r="E6825" s="6">
        <f t="shared" si="213"/>
        <v>0</v>
      </c>
    </row>
    <row r="6826" spans="1:5" x14ac:dyDescent="0.25">
      <c r="A6826" s="5">
        <v>43840.208333333336</v>
      </c>
      <c r="B6826" s="2">
        <v>19.497900999999999</v>
      </c>
      <c r="C6826">
        <v>0</v>
      </c>
      <c r="D6826">
        <f t="shared" si="212"/>
        <v>0</v>
      </c>
      <c r="E6826" s="6">
        <f t="shared" si="213"/>
        <v>0</v>
      </c>
    </row>
    <row r="6827" spans="1:5" x14ac:dyDescent="0.25">
      <c r="A6827" s="5">
        <v>43840.25</v>
      </c>
      <c r="B6827" s="2">
        <v>22.110099000000002</v>
      </c>
      <c r="C6827">
        <v>0</v>
      </c>
      <c r="D6827">
        <f t="shared" si="212"/>
        <v>0</v>
      </c>
      <c r="E6827" s="6">
        <f t="shared" si="213"/>
        <v>0</v>
      </c>
    </row>
    <row r="6828" spans="1:5" x14ac:dyDescent="0.25">
      <c r="A6828" s="5">
        <v>43840.291666666664</v>
      </c>
      <c r="B6828" s="2">
        <v>24.175432000000001</v>
      </c>
      <c r="C6828">
        <v>0</v>
      </c>
      <c r="D6828">
        <f t="shared" si="212"/>
        <v>0</v>
      </c>
      <c r="E6828" s="6">
        <f t="shared" si="213"/>
        <v>0</v>
      </c>
    </row>
    <row r="6829" spans="1:5" x14ac:dyDescent="0.25">
      <c r="A6829" s="5">
        <v>43840.333333333336</v>
      </c>
      <c r="B6829" s="2">
        <v>22.270126999999999</v>
      </c>
      <c r="C6829">
        <v>2.4249999999999996E-3</v>
      </c>
      <c r="D6829">
        <f t="shared" si="212"/>
        <v>2.4249999999999997E-6</v>
      </c>
      <c r="E6829" s="6">
        <f t="shared" si="213"/>
        <v>5.4005057974999986E-5</v>
      </c>
    </row>
    <row r="6830" spans="1:5" x14ac:dyDescent="0.25">
      <c r="A6830" s="5">
        <v>43840.375</v>
      </c>
      <c r="B6830" s="2">
        <v>21.727305000000001</v>
      </c>
      <c r="C6830">
        <v>0.188328</v>
      </c>
      <c r="D6830">
        <f t="shared" si="212"/>
        <v>1.88328E-4</v>
      </c>
      <c r="E6830" s="6">
        <f t="shared" si="213"/>
        <v>4.0918598960400007E-3</v>
      </c>
    </row>
    <row r="6831" spans="1:5" x14ac:dyDescent="0.25">
      <c r="A6831" s="5">
        <v>43840.416666666664</v>
      </c>
      <c r="B6831" s="2">
        <v>21.685455999999999</v>
      </c>
      <c r="C6831">
        <v>0.12232599999999999</v>
      </c>
      <c r="D6831">
        <f t="shared" si="212"/>
        <v>1.2232599999999999E-4</v>
      </c>
      <c r="E6831" s="6">
        <f t="shared" si="213"/>
        <v>2.6526950906559997E-3</v>
      </c>
    </row>
    <row r="6832" spans="1:5" x14ac:dyDescent="0.25">
      <c r="A6832" s="5">
        <v>43840.458333333336</v>
      </c>
      <c r="B6832" s="2">
        <v>20.622551000000001</v>
      </c>
      <c r="C6832">
        <v>0.856012</v>
      </c>
      <c r="D6832">
        <f t="shared" si="212"/>
        <v>8.5601199999999996E-4</v>
      </c>
      <c r="E6832" s="6">
        <f t="shared" si="213"/>
        <v>1.7653151126612001E-2</v>
      </c>
    </row>
    <row r="6833" spans="1:5" x14ac:dyDescent="0.25">
      <c r="A6833" s="5">
        <v>43840.5</v>
      </c>
      <c r="B6833" s="2">
        <v>18.939563</v>
      </c>
      <c r="C6833">
        <v>1.6165579999999999</v>
      </c>
      <c r="D6833">
        <f t="shared" si="212"/>
        <v>1.6165579999999999E-3</v>
      </c>
      <c r="E6833" s="6">
        <f t="shared" si="213"/>
        <v>3.0616902084153998E-2</v>
      </c>
    </row>
    <row r="6834" spans="1:5" x14ac:dyDescent="0.25">
      <c r="A6834" s="5">
        <v>43840.541666666664</v>
      </c>
      <c r="B6834" s="2">
        <v>18.851282000000001</v>
      </c>
      <c r="C6834">
        <v>2.8325500000000003</v>
      </c>
      <c r="D6834">
        <f t="shared" si="212"/>
        <v>2.8325500000000005E-3</v>
      </c>
      <c r="E6834" s="6">
        <f t="shared" si="213"/>
        <v>5.3397198829100011E-2</v>
      </c>
    </row>
    <row r="6835" spans="1:5" x14ac:dyDescent="0.25">
      <c r="A6835" s="5">
        <v>43840.583333333336</v>
      </c>
      <c r="B6835" s="2">
        <v>18.499601999999999</v>
      </c>
      <c r="C6835">
        <v>2.174668</v>
      </c>
      <c r="D6835">
        <f t="shared" si="212"/>
        <v>2.1746680000000003E-3</v>
      </c>
      <c r="E6835" s="6">
        <f t="shared" si="213"/>
        <v>4.0230492482136004E-2</v>
      </c>
    </row>
    <row r="6836" spans="1:5" x14ac:dyDescent="0.25">
      <c r="A6836" s="5">
        <v>43840.625</v>
      </c>
      <c r="B6836" s="2">
        <v>18.393257999999999</v>
      </c>
      <c r="C6836">
        <v>2.67876</v>
      </c>
      <c r="D6836">
        <f t="shared" si="212"/>
        <v>2.6787600000000001E-3</v>
      </c>
      <c r="E6836" s="6">
        <f t="shared" si="213"/>
        <v>4.9271123800080002E-2</v>
      </c>
    </row>
    <row r="6837" spans="1:5" x14ac:dyDescent="0.25">
      <c r="A6837" s="5">
        <v>43840.666666666664</v>
      </c>
      <c r="B6837" s="2">
        <v>19.067613000000001</v>
      </c>
      <c r="C6837">
        <v>0.919207</v>
      </c>
      <c r="D6837">
        <f t="shared" si="212"/>
        <v>9.1920700000000001E-4</v>
      </c>
      <c r="E6837" s="6">
        <f t="shared" si="213"/>
        <v>1.7527083342891003E-2</v>
      </c>
    </row>
    <row r="6838" spans="1:5" x14ac:dyDescent="0.25">
      <c r="A6838" s="5">
        <v>43840.708333333336</v>
      </c>
      <c r="B6838" s="2">
        <v>20.944796</v>
      </c>
      <c r="C6838">
        <v>0</v>
      </c>
      <c r="D6838">
        <f t="shared" si="212"/>
        <v>0</v>
      </c>
      <c r="E6838" s="6">
        <f t="shared" si="213"/>
        <v>0</v>
      </c>
    </row>
    <row r="6839" spans="1:5" x14ac:dyDescent="0.25">
      <c r="A6839" s="5">
        <v>43840.75</v>
      </c>
      <c r="B6839" s="2">
        <v>20.414197999999999</v>
      </c>
      <c r="C6839">
        <v>0</v>
      </c>
      <c r="D6839">
        <f t="shared" si="212"/>
        <v>0</v>
      </c>
      <c r="E6839" s="6">
        <f t="shared" si="213"/>
        <v>0</v>
      </c>
    </row>
    <row r="6840" spans="1:5" x14ac:dyDescent="0.25">
      <c r="A6840" s="5">
        <v>43840.791666666664</v>
      </c>
      <c r="B6840" s="2">
        <v>19.672034</v>
      </c>
      <c r="C6840">
        <v>0</v>
      </c>
      <c r="D6840">
        <f t="shared" si="212"/>
        <v>0</v>
      </c>
      <c r="E6840" s="6">
        <f t="shared" si="213"/>
        <v>0</v>
      </c>
    </row>
    <row r="6841" spans="1:5" x14ac:dyDescent="0.25">
      <c r="A6841" s="5">
        <v>43840.833333333336</v>
      </c>
      <c r="B6841" s="2">
        <v>19.072541999999999</v>
      </c>
      <c r="C6841">
        <v>0</v>
      </c>
      <c r="D6841">
        <f t="shared" si="212"/>
        <v>0</v>
      </c>
      <c r="E6841" s="6">
        <f t="shared" si="213"/>
        <v>0</v>
      </c>
    </row>
    <row r="6842" spans="1:5" x14ac:dyDescent="0.25">
      <c r="A6842" s="5">
        <v>43840.875</v>
      </c>
      <c r="B6842" s="2">
        <v>17.592469000000001</v>
      </c>
      <c r="C6842">
        <v>0</v>
      </c>
      <c r="D6842">
        <f t="shared" si="212"/>
        <v>0</v>
      </c>
      <c r="E6842" s="6">
        <f t="shared" si="213"/>
        <v>0</v>
      </c>
    </row>
    <row r="6843" spans="1:5" x14ac:dyDescent="0.25">
      <c r="A6843" s="5">
        <v>43840.916666666664</v>
      </c>
      <c r="B6843" s="2">
        <v>15.797639</v>
      </c>
      <c r="C6843">
        <v>0</v>
      </c>
      <c r="D6843">
        <f t="shared" si="212"/>
        <v>0</v>
      </c>
      <c r="E6843" s="6">
        <f t="shared" si="213"/>
        <v>0</v>
      </c>
    </row>
    <row r="6844" spans="1:5" x14ac:dyDescent="0.25">
      <c r="A6844" s="5">
        <v>43840.958333333336</v>
      </c>
      <c r="B6844" s="2">
        <v>14.231439</v>
      </c>
      <c r="C6844">
        <v>0</v>
      </c>
      <c r="D6844">
        <f t="shared" si="212"/>
        <v>0</v>
      </c>
      <c r="E6844" s="6">
        <f t="shared" si="213"/>
        <v>0</v>
      </c>
    </row>
    <row r="6845" spans="1:5" x14ac:dyDescent="0.25">
      <c r="A6845" s="5">
        <v>43841</v>
      </c>
      <c r="B6845" s="2">
        <v>14.062854</v>
      </c>
      <c r="C6845">
        <v>0</v>
      </c>
      <c r="D6845">
        <f t="shared" si="212"/>
        <v>0</v>
      </c>
      <c r="E6845" s="6">
        <f t="shared" si="213"/>
        <v>0</v>
      </c>
    </row>
    <row r="6846" spans="1:5" x14ac:dyDescent="0.25">
      <c r="A6846" s="5">
        <v>43841.041666666664</v>
      </c>
      <c r="B6846" s="2">
        <v>13.992661</v>
      </c>
      <c r="C6846">
        <v>0</v>
      </c>
      <c r="D6846">
        <f t="shared" si="212"/>
        <v>0</v>
      </c>
      <c r="E6846" s="6">
        <f t="shared" si="213"/>
        <v>0</v>
      </c>
    </row>
    <row r="6847" spans="1:5" x14ac:dyDescent="0.25">
      <c r="A6847" s="5">
        <v>43841.083333333336</v>
      </c>
      <c r="B6847" s="2">
        <v>13.556770999999999</v>
      </c>
      <c r="C6847">
        <v>0</v>
      </c>
      <c r="D6847">
        <f t="shared" si="212"/>
        <v>0</v>
      </c>
      <c r="E6847" s="6">
        <f t="shared" si="213"/>
        <v>0</v>
      </c>
    </row>
    <row r="6848" spans="1:5" x14ac:dyDescent="0.25">
      <c r="A6848" s="5">
        <v>43841.125</v>
      </c>
      <c r="B6848" s="2">
        <v>13.421519</v>
      </c>
      <c r="C6848">
        <v>0</v>
      </c>
      <c r="D6848">
        <f t="shared" si="212"/>
        <v>0</v>
      </c>
      <c r="E6848" s="6">
        <f t="shared" si="213"/>
        <v>0</v>
      </c>
    </row>
    <row r="6849" spans="1:5" x14ac:dyDescent="0.25">
      <c r="A6849" s="5">
        <v>43841.166666666664</v>
      </c>
      <c r="B6849" s="2">
        <v>13.768139</v>
      </c>
      <c r="C6849">
        <v>0</v>
      </c>
      <c r="D6849">
        <f t="shared" si="212"/>
        <v>0</v>
      </c>
      <c r="E6849" s="6">
        <f t="shared" si="213"/>
        <v>0</v>
      </c>
    </row>
    <row r="6850" spans="1:5" x14ac:dyDescent="0.25">
      <c r="A6850" s="5">
        <v>43841.208333333336</v>
      </c>
      <c r="B6850" s="2">
        <v>14.122066</v>
      </c>
      <c r="C6850">
        <v>0</v>
      </c>
      <c r="D6850">
        <f t="shared" si="212"/>
        <v>0</v>
      </c>
      <c r="E6850" s="6">
        <f t="shared" si="213"/>
        <v>0</v>
      </c>
    </row>
    <row r="6851" spans="1:5" x14ac:dyDescent="0.25">
      <c r="A6851" s="5">
        <v>43841.25</v>
      </c>
      <c r="B6851" s="2">
        <v>14.515829</v>
      </c>
      <c r="C6851">
        <v>0</v>
      </c>
      <c r="D6851">
        <f t="shared" si="212"/>
        <v>0</v>
      </c>
      <c r="E6851" s="6">
        <f t="shared" si="213"/>
        <v>0</v>
      </c>
    </row>
    <row r="6852" spans="1:5" x14ac:dyDescent="0.25">
      <c r="A6852" s="5">
        <v>43841.291666666664</v>
      </c>
      <c r="B6852" s="2">
        <v>15.905602999999999</v>
      </c>
      <c r="C6852">
        <v>0</v>
      </c>
      <c r="D6852">
        <f t="shared" si="212"/>
        <v>0</v>
      </c>
      <c r="E6852" s="6">
        <f t="shared" si="213"/>
        <v>0</v>
      </c>
    </row>
    <row r="6853" spans="1:5" x14ac:dyDescent="0.25">
      <c r="A6853" s="5">
        <v>43841.333333333336</v>
      </c>
      <c r="B6853" s="2">
        <v>17.90052</v>
      </c>
      <c r="C6853">
        <v>1.364166</v>
      </c>
      <c r="D6853">
        <f t="shared" si="212"/>
        <v>1.364166E-3</v>
      </c>
      <c r="E6853" s="6">
        <f t="shared" si="213"/>
        <v>2.4419280766319999E-2</v>
      </c>
    </row>
    <row r="6854" spans="1:5" x14ac:dyDescent="0.25">
      <c r="A6854" s="5">
        <v>43841.375</v>
      </c>
      <c r="B6854" s="2">
        <v>18.568014999999999</v>
      </c>
      <c r="C6854">
        <v>0.44528400000000001</v>
      </c>
      <c r="D6854">
        <f t="shared" ref="D6854:D6917" si="214">C6854/1000</f>
        <v>4.45284E-4</v>
      </c>
      <c r="E6854" s="6">
        <f t="shared" ref="E6854:E6917" si="215">D6854*B6854</f>
        <v>8.268039991259999E-3</v>
      </c>
    </row>
    <row r="6855" spans="1:5" x14ac:dyDescent="0.25">
      <c r="A6855" s="5">
        <v>43841.416666666664</v>
      </c>
      <c r="B6855" s="2">
        <v>18.820273</v>
      </c>
      <c r="C6855">
        <v>0.74655999999999989</v>
      </c>
      <c r="D6855">
        <f t="shared" si="214"/>
        <v>7.4655999999999985E-4</v>
      </c>
      <c r="E6855" s="6">
        <f t="shared" si="215"/>
        <v>1.4050463010879997E-2</v>
      </c>
    </row>
    <row r="6856" spans="1:5" x14ac:dyDescent="0.25">
      <c r="A6856" s="5">
        <v>43841.458333333336</v>
      </c>
      <c r="B6856" s="2">
        <v>18.380175999999999</v>
      </c>
      <c r="C6856">
        <v>1.1185530000000001</v>
      </c>
      <c r="D6856">
        <f t="shared" si="214"/>
        <v>1.1185530000000002E-3</v>
      </c>
      <c r="E6856" s="6">
        <f t="shared" si="215"/>
        <v>2.0559201005328001E-2</v>
      </c>
    </row>
    <row r="6857" spans="1:5" x14ac:dyDescent="0.25">
      <c r="A6857" s="5">
        <v>43841.5</v>
      </c>
      <c r="B6857" s="2">
        <v>17.959099999999999</v>
      </c>
      <c r="C6857">
        <v>0.67853700000000006</v>
      </c>
      <c r="D6857">
        <f t="shared" si="214"/>
        <v>6.7853700000000011E-4</v>
      </c>
      <c r="E6857" s="6">
        <f t="shared" si="215"/>
        <v>1.2185913836700002E-2</v>
      </c>
    </row>
    <row r="6858" spans="1:5" x14ac:dyDescent="0.25">
      <c r="A6858" s="5">
        <v>43841.541666666664</v>
      </c>
      <c r="B6858" s="2">
        <v>16.728878999999999</v>
      </c>
      <c r="C6858">
        <v>0.63572600000000001</v>
      </c>
      <c r="D6858">
        <f t="shared" si="214"/>
        <v>6.3572599999999998E-4</v>
      </c>
      <c r="E6858" s="6">
        <f t="shared" si="215"/>
        <v>1.0634983331153999E-2</v>
      </c>
    </row>
    <row r="6859" spans="1:5" x14ac:dyDescent="0.25">
      <c r="A6859" s="5">
        <v>43841.583333333336</v>
      </c>
      <c r="B6859" s="2">
        <v>15.724879</v>
      </c>
      <c r="C6859">
        <v>0.62692600000000009</v>
      </c>
      <c r="D6859">
        <f t="shared" si="214"/>
        <v>6.2692600000000009E-4</v>
      </c>
      <c r="E6859" s="6">
        <f t="shared" si="215"/>
        <v>9.8583354919540012E-3</v>
      </c>
    </row>
    <row r="6860" spans="1:5" x14ac:dyDescent="0.25">
      <c r="A6860" s="5">
        <v>43841.625</v>
      </c>
      <c r="B6860" s="2">
        <v>15.490902</v>
      </c>
      <c r="C6860">
        <v>0.77589900000000001</v>
      </c>
      <c r="D6860">
        <f t="shared" si="214"/>
        <v>7.7589900000000003E-4</v>
      </c>
      <c r="E6860" s="6">
        <f t="shared" si="215"/>
        <v>1.2019375370898E-2</v>
      </c>
    </row>
    <row r="6861" spans="1:5" x14ac:dyDescent="0.25">
      <c r="A6861" s="5">
        <v>43841.666666666664</v>
      </c>
      <c r="B6861" s="2">
        <v>18.121562000000001</v>
      </c>
      <c r="C6861">
        <v>0.58613300000000002</v>
      </c>
      <c r="D6861">
        <f t="shared" si="214"/>
        <v>5.8613299999999997E-4</v>
      </c>
      <c r="E6861" s="6">
        <f t="shared" si="215"/>
        <v>1.0621645499746001E-2</v>
      </c>
    </row>
    <row r="6862" spans="1:5" x14ac:dyDescent="0.25">
      <c r="A6862" s="5">
        <v>43841.708333333336</v>
      </c>
      <c r="B6862" s="2">
        <v>19.183662999999999</v>
      </c>
      <c r="C6862">
        <v>0</v>
      </c>
      <c r="D6862">
        <f t="shared" si="214"/>
        <v>0</v>
      </c>
      <c r="E6862" s="6">
        <f t="shared" si="215"/>
        <v>0</v>
      </c>
    </row>
    <row r="6863" spans="1:5" x14ac:dyDescent="0.25">
      <c r="A6863" s="5">
        <v>43841.75</v>
      </c>
      <c r="B6863" s="2">
        <v>18.931844999999999</v>
      </c>
      <c r="C6863">
        <v>0</v>
      </c>
      <c r="D6863">
        <f t="shared" si="214"/>
        <v>0</v>
      </c>
      <c r="E6863" s="6">
        <f t="shared" si="215"/>
        <v>0</v>
      </c>
    </row>
    <row r="6864" spans="1:5" x14ac:dyDescent="0.25">
      <c r="A6864" s="5">
        <v>43841.791666666664</v>
      </c>
      <c r="B6864" s="2">
        <v>18.664190000000001</v>
      </c>
      <c r="C6864">
        <v>0</v>
      </c>
      <c r="D6864">
        <f t="shared" si="214"/>
        <v>0</v>
      </c>
      <c r="E6864" s="6">
        <f t="shared" si="215"/>
        <v>0</v>
      </c>
    </row>
    <row r="6865" spans="1:5" x14ac:dyDescent="0.25">
      <c r="A6865" s="5">
        <v>43841.833333333336</v>
      </c>
      <c r="B6865" s="2">
        <v>18.769143</v>
      </c>
      <c r="C6865">
        <v>0</v>
      </c>
      <c r="D6865">
        <f t="shared" si="214"/>
        <v>0</v>
      </c>
      <c r="E6865" s="6">
        <f t="shared" si="215"/>
        <v>0</v>
      </c>
    </row>
    <row r="6866" spans="1:5" x14ac:dyDescent="0.25">
      <c r="A6866" s="5">
        <v>43841.875</v>
      </c>
      <c r="B6866" s="2">
        <v>17.687957999999998</v>
      </c>
      <c r="C6866">
        <v>0</v>
      </c>
      <c r="D6866">
        <f t="shared" si="214"/>
        <v>0</v>
      </c>
      <c r="E6866" s="6">
        <f t="shared" si="215"/>
        <v>0</v>
      </c>
    </row>
    <row r="6867" spans="1:5" x14ac:dyDescent="0.25">
      <c r="A6867" s="5">
        <v>43841.916666666664</v>
      </c>
      <c r="B6867" s="2">
        <v>15.538311999999999</v>
      </c>
      <c r="C6867">
        <v>0</v>
      </c>
      <c r="D6867">
        <f t="shared" si="214"/>
        <v>0</v>
      </c>
      <c r="E6867" s="6">
        <f t="shared" si="215"/>
        <v>0</v>
      </c>
    </row>
    <row r="6868" spans="1:5" x14ac:dyDescent="0.25">
      <c r="A6868" s="5">
        <v>43841.958333333336</v>
      </c>
      <c r="B6868" s="2">
        <v>13.328048000000001</v>
      </c>
      <c r="C6868">
        <v>0</v>
      </c>
      <c r="D6868">
        <f t="shared" si="214"/>
        <v>0</v>
      </c>
      <c r="E6868" s="6">
        <f t="shared" si="215"/>
        <v>0</v>
      </c>
    </row>
    <row r="6869" spans="1:5" x14ac:dyDescent="0.25">
      <c r="A6869" s="5">
        <v>43842</v>
      </c>
      <c r="B6869" s="2">
        <v>14.979271000000001</v>
      </c>
      <c r="C6869">
        <v>0</v>
      </c>
      <c r="D6869">
        <f t="shared" si="214"/>
        <v>0</v>
      </c>
      <c r="E6869" s="6">
        <f t="shared" si="215"/>
        <v>0</v>
      </c>
    </row>
    <row r="6870" spans="1:5" x14ac:dyDescent="0.25">
      <c r="A6870" s="5">
        <v>43842.041666666664</v>
      </c>
      <c r="B6870" s="2">
        <v>14.73494</v>
      </c>
      <c r="C6870">
        <v>0</v>
      </c>
      <c r="D6870">
        <f t="shared" si="214"/>
        <v>0</v>
      </c>
      <c r="E6870" s="6">
        <f t="shared" si="215"/>
        <v>0</v>
      </c>
    </row>
    <row r="6871" spans="1:5" x14ac:dyDescent="0.25">
      <c r="A6871" s="5">
        <v>43842.083333333336</v>
      </c>
      <c r="B6871" s="2">
        <v>15.042141000000001</v>
      </c>
      <c r="C6871">
        <v>0</v>
      </c>
      <c r="D6871">
        <f t="shared" si="214"/>
        <v>0</v>
      </c>
      <c r="E6871" s="6">
        <f t="shared" si="215"/>
        <v>0</v>
      </c>
    </row>
    <row r="6872" spans="1:5" x14ac:dyDescent="0.25">
      <c r="A6872" s="5">
        <v>43842.125</v>
      </c>
      <c r="B6872" s="2">
        <v>15.077116999999999</v>
      </c>
      <c r="C6872">
        <v>0</v>
      </c>
      <c r="D6872">
        <f t="shared" si="214"/>
        <v>0</v>
      </c>
      <c r="E6872" s="6">
        <f t="shared" si="215"/>
        <v>0</v>
      </c>
    </row>
    <row r="6873" spans="1:5" x14ac:dyDescent="0.25">
      <c r="A6873" s="5">
        <v>43842.166666666664</v>
      </c>
      <c r="B6873" s="2">
        <v>15.068910000000001</v>
      </c>
      <c r="C6873">
        <v>0</v>
      </c>
      <c r="D6873">
        <f t="shared" si="214"/>
        <v>0</v>
      </c>
      <c r="E6873" s="6">
        <f t="shared" si="215"/>
        <v>0</v>
      </c>
    </row>
    <row r="6874" spans="1:5" x14ac:dyDescent="0.25">
      <c r="A6874" s="5">
        <v>43842.208333333336</v>
      </c>
      <c r="B6874" s="2">
        <v>15.498606000000001</v>
      </c>
      <c r="C6874">
        <v>0</v>
      </c>
      <c r="D6874">
        <f t="shared" si="214"/>
        <v>0</v>
      </c>
      <c r="E6874" s="6">
        <f t="shared" si="215"/>
        <v>0</v>
      </c>
    </row>
    <row r="6875" spans="1:5" x14ac:dyDescent="0.25">
      <c r="A6875" s="5">
        <v>43842.25</v>
      </c>
      <c r="B6875" s="2">
        <v>17.455877000000001</v>
      </c>
      <c r="C6875">
        <v>0</v>
      </c>
      <c r="D6875">
        <f t="shared" si="214"/>
        <v>0</v>
      </c>
      <c r="E6875" s="6">
        <f t="shared" si="215"/>
        <v>0</v>
      </c>
    </row>
    <row r="6876" spans="1:5" x14ac:dyDescent="0.25">
      <c r="A6876" s="5">
        <v>43842.291666666664</v>
      </c>
      <c r="B6876" s="2">
        <v>18.649650000000001</v>
      </c>
      <c r="C6876">
        <v>0</v>
      </c>
      <c r="D6876">
        <f t="shared" si="214"/>
        <v>0</v>
      </c>
      <c r="E6876" s="6">
        <f t="shared" si="215"/>
        <v>0</v>
      </c>
    </row>
    <row r="6877" spans="1:5" x14ac:dyDescent="0.25">
      <c r="A6877" s="5">
        <v>43842.333333333336</v>
      </c>
      <c r="B6877" s="2">
        <v>19.328039</v>
      </c>
      <c r="C6877">
        <v>0.29186599999999996</v>
      </c>
      <c r="D6877">
        <f t="shared" si="214"/>
        <v>2.9186599999999995E-4</v>
      </c>
      <c r="E6877" s="6">
        <f t="shared" si="215"/>
        <v>5.6411974307739995E-3</v>
      </c>
    </row>
    <row r="6878" spans="1:5" x14ac:dyDescent="0.25">
      <c r="A6878" s="5">
        <v>43842.375</v>
      </c>
      <c r="B6878" s="2">
        <v>20.520779000000001</v>
      </c>
      <c r="C6878">
        <v>3.6009070000000003</v>
      </c>
      <c r="D6878">
        <f t="shared" si="214"/>
        <v>3.6009070000000004E-3</v>
      </c>
      <c r="E6878" s="6">
        <f t="shared" si="215"/>
        <v>7.3893416746553017E-2</v>
      </c>
    </row>
    <row r="6879" spans="1:5" x14ac:dyDescent="0.25">
      <c r="A6879" s="5">
        <v>43842.416666666664</v>
      </c>
      <c r="B6879" s="2">
        <v>21.204630999999999</v>
      </c>
      <c r="C6879">
        <v>5.2870590000000002</v>
      </c>
      <c r="D6879">
        <f t="shared" si="214"/>
        <v>5.2870590000000002E-3</v>
      </c>
      <c r="E6879" s="6">
        <f t="shared" si="215"/>
        <v>0.112110135170229</v>
      </c>
    </row>
    <row r="6880" spans="1:5" x14ac:dyDescent="0.25">
      <c r="A6880" s="5">
        <v>43842.458333333336</v>
      </c>
      <c r="B6880" s="2">
        <v>20.669899000000001</v>
      </c>
      <c r="C6880">
        <v>6.2277250000000004</v>
      </c>
      <c r="D6880">
        <f t="shared" si="214"/>
        <v>6.2277250000000008E-3</v>
      </c>
      <c r="E6880" s="6">
        <f t="shared" si="215"/>
        <v>0.12872644674977501</v>
      </c>
    </row>
    <row r="6881" spans="1:5" x14ac:dyDescent="0.25">
      <c r="A6881" s="5">
        <v>43842.5</v>
      </c>
      <c r="B6881" s="2">
        <v>20.540908000000002</v>
      </c>
      <c r="C6881">
        <v>6.5416160000000003</v>
      </c>
      <c r="D6881">
        <f t="shared" si="214"/>
        <v>6.5416160000000001E-3</v>
      </c>
      <c r="E6881" s="6">
        <f t="shared" si="215"/>
        <v>0.13437073242732803</v>
      </c>
    </row>
    <row r="6882" spans="1:5" x14ac:dyDescent="0.25">
      <c r="A6882" s="5">
        <v>43842.541666666664</v>
      </c>
      <c r="B6882" s="2">
        <v>19.766210999999998</v>
      </c>
      <c r="C6882">
        <v>5.6722920000000006</v>
      </c>
      <c r="D6882">
        <f t="shared" si="214"/>
        <v>5.6722920000000007E-3</v>
      </c>
      <c r="E6882" s="6">
        <f t="shared" si="215"/>
        <v>0.112119720525612</v>
      </c>
    </row>
    <row r="6883" spans="1:5" x14ac:dyDescent="0.25">
      <c r="A6883" s="5">
        <v>43842.583333333336</v>
      </c>
      <c r="B6883" s="2">
        <v>19.836186999999999</v>
      </c>
      <c r="C6883">
        <v>4.0550649999999999</v>
      </c>
      <c r="D6883">
        <f t="shared" si="214"/>
        <v>4.0550650000000001E-3</v>
      </c>
      <c r="E6883" s="6">
        <f t="shared" si="215"/>
        <v>8.0437027637155004E-2</v>
      </c>
    </row>
    <row r="6884" spans="1:5" x14ac:dyDescent="0.25">
      <c r="A6884" s="5">
        <v>43842.625</v>
      </c>
      <c r="B6884" s="2">
        <v>20.003969999999999</v>
      </c>
      <c r="C6884">
        <v>3.2929140000000001</v>
      </c>
      <c r="D6884">
        <f t="shared" si="214"/>
        <v>3.2929140000000001E-3</v>
      </c>
      <c r="E6884" s="6">
        <f t="shared" si="215"/>
        <v>6.5871352868579994E-2</v>
      </c>
    </row>
    <row r="6885" spans="1:5" x14ac:dyDescent="0.25">
      <c r="A6885" s="5">
        <v>43842.666666666664</v>
      </c>
      <c r="B6885" s="2">
        <v>21.467753999999999</v>
      </c>
      <c r="C6885">
        <v>2.333701</v>
      </c>
      <c r="D6885">
        <f t="shared" si="214"/>
        <v>2.3337010000000001E-3</v>
      </c>
      <c r="E6885" s="6">
        <f t="shared" si="215"/>
        <v>5.0099318977554E-2</v>
      </c>
    </row>
    <row r="6886" spans="1:5" x14ac:dyDescent="0.25">
      <c r="A6886" s="5">
        <v>43842.708333333336</v>
      </c>
      <c r="B6886" s="2">
        <v>27.705213000000001</v>
      </c>
      <c r="C6886">
        <v>0</v>
      </c>
      <c r="D6886">
        <f t="shared" si="214"/>
        <v>0</v>
      </c>
      <c r="E6886" s="6">
        <f t="shared" si="215"/>
        <v>0</v>
      </c>
    </row>
    <row r="6887" spans="1:5" x14ac:dyDescent="0.25">
      <c r="A6887" s="5">
        <v>43842.75</v>
      </c>
      <c r="B6887" s="2">
        <v>27.534579000000001</v>
      </c>
      <c r="C6887">
        <v>0</v>
      </c>
      <c r="D6887">
        <f t="shared" si="214"/>
        <v>0</v>
      </c>
      <c r="E6887" s="6">
        <f t="shared" si="215"/>
        <v>0</v>
      </c>
    </row>
    <row r="6888" spans="1:5" x14ac:dyDescent="0.25">
      <c r="A6888" s="5">
        <v>43842.791666666664</v>
      </c>
      <c r="B6888" s="2">
        <v>24.863130000000002</v>
      </c>
      <c r="C6888">
        <v>0</v>
      </c>
      <c r="D6888">
        <f t="shared" si="214"/>
        <v>0</v>
      </c>
      <c r="E6888" s="6">
        <f t="shared" si="215"/>
        <v>0</v>
      </c>
    </row>
    <row r="6889" spans="1:5" x14ac:dyDescent="0.25">
      <c r="A6889" s="5">
        <v>43842.833333333336</v>
      </c>
      <c r="B6889" s="2">
        <v>24.401799</v>
      </c>
      <c r="C6889">
        <v>0</v>
      </c>
      <c r="D6889">
        <f t="shared" si="214"/>
        <v>0</v>
      </c>
      <c r="E6889" s="6">
        <f t="shared" si="215"/>
        <v>0</v>
      </c>
    </row>
    <row r="6890" spans="1:5" x14ac:dyDescent="0.25">
      <c r="A6890" s="5">
        <v>43842.875</v>
      </c>
      <c r="B6890" s="2">
        <v>21.890875999999999</v>
      </c>
      <c r="C6890">
        <v>0</v>
      </c>
      <c r="D6890">
        <f t="shared" si="214"/>
        <v>0</v>
      </c>
      <c r="E6890" s="6">
        <f t="shared" si="215"/>
        <v>0</v>
      </c>
    </row>
    <row r="6891" spans="1:5" x14ac:dyDescent="0.25">
      <c r="A6891" s="5">
        <v>43842.916666666664</v>
      </c>
      <c r="B6891" s="2">
        <v>19.357336</v>
      </c>
      <c r="C6891">
        <v>0</v>
      </c>
      <c r="D6891">
        <f t="shared" si="214"/>
        <v>0</v>
      </c>
      <c r="E6891" s="6">
        <f t="shared" si="215"/>
        <v>0</v>
      </c>
    </row>
    <row r="6892" spans="1:5" x14ac:dyDescent="0.25">
      <c r="A6892" s="5">
        <v>43842.958333333336</v>
      </c>
      <c r="B6892" s="2">
        <v>18.814444999999999</v>
      </c>
      <c r="C6892">
        <v>0</v>
      </c>
      <c r="D6892">
        <f t="shared" si="214"/>
        <v>0</v>
      </c>
      <c r="E6892" s="6">
        <f t="shared" si="215"/>
        <v>0</v>
      </c>
    </row>
    <row r="6893" spans="1:5" x14ac:dyDescent="0.25">
      <c r="A6893" s="5">
        <v>43843</v>
      </c>
      <c r="B6893" s="2">
        <v>16.468613000000001</v>
      </c>
      <c r="C6893">
        <v>0</v>
      </c>
      <c r="D6893">
        <f t="shared" si="214"/>
        <v>0</v>
      </c>
      <c r="E6893" s="6">
        <f t="shared" si="215"/>
        <v>0</v>
      </c>
    </row>
    <row r="6894" spans="1:5" x14ac:dyDescent="0.25">
      <c r="A6894" s="5">
        <v>43843.041666666664</v>
      </c>
      <c r="B6894" s="2">
        <v>15.502947000000001</v>
      </c>
      <c r="C6894">
        <v>0</v>
      </c>
      <c r="D6894">
        <f t="shared" si="214"/>
        <v>0</v>
      </c>
      <c r="E6894" s="6">
        <f t="shared" si="215"/>
        <v>0</v>
      </c>
    </row>
    <row r="6895" spans="1:5" x14ac:dyDescent="0.25">
      <c r="A6895" s="5">
        <v>43843.083333333336</v>
      </c>
      <c r="B6895" s="2">
        <v>15.320702000000001</v>
      </c>
      <c r="C6895">
        <v>0</v>
      </c>
      <c r="D6895">
        <f t="shared" si="214"/>
        <v>0</v>
      </c>
      <c r="E6895" s="6">
        <f t="shared" si="215"/>
        <v>0</v>
      </c>
    </row>
    <row r="6896" spans="1:5" x14ac:dyDescent="0.25">
      <c r="A6896" s="5">
        <v>43843.125</v>
      </c>
      <c r="B6896" s="2">
        <v>15.506584999999999</v>
      </c>
      <c r="C6896">
        <v>0</v>
      </c>
      <c r="D6896">
        <f t="shared" si="214"/>
        <v>0</v>
      </c>
      <c r="E6896" s="6">
        <f t="shared" si="215"/>
        <v>0</v>
      </c>
    </row>
    <row r="6897" spans="1:5" x14ac:dyDescent="0.25">
      <c r="A6897" s="5">
        <v>43843.166666666664</v>
      </c>
      <c r="B6897" s="2">
        <v>17.173840999999999</v>
      </c>
      <c r="C6897">
        <v>0</v>
      </c>
      <c r="D6897">
        <f t="shared" si="214"/>
        <v>0</v>
      </c>
      <c r="E6897" s="6">
        <f t="shared" si="215"/>
        <v>0</v>
      </c>
    </row>
    <row r="6898" spans="1:5" x14ac:dyDescent="0.25">
      <c r="A6898" s="5">
        <v>43843.208333333336</v>
      </c>
      <c r="B6898" s="2">
        <v>18.728234</v>
      </c>
      <c r="C6898">
        <v>0</v>
      </c>
      <c r="D6898">
        <f t="shared" si="214"/>
        <v>0</v>
      </c>
      <c r="E6898" s="6">
        <f t="shared" si="215"/>
        <v>0</v>
      </c>
    </row>
    <row r="6899" spans="1:5" x14ac:dyDescent="0.25">
      <c r="A6899" s="5">
        <v>43843.25</v>
      </c>
      <c r="B6899" s="2">
        <v>28.330970000000001</v>
      </c>
      <c r="C6899">
        <v>0</v>
      </c>
      <c r="D6899">
        <f t="shared" si="214"/>
        <v>0</v>
      </c>
      <c r="E6899" s="6">
        <f t="shared" si="215"/>
        <v>0</v>
      </c>
    </row>
    <row r="6900" spans="1:5" x14ac:dyDescent="0.25">
      <c r="A6900" s="5">
        <v>43843.291666666664</v>
      </c>
      <c r="B6900" s="2">
        <v>29.166888</v>
      </c>
      <c r="C6900">
        <v>0</v>
      </c>
      <c r="D6900">
        <f t="shared" si="214"/>
        <v>0</v>
      </c>
      <c r="E6900" s="6">
        <f t="shared" si="215"/>
        <v>0</v>
      </c>
    </row>
    <row r="6901" spans="1:5" x14ac:dyDescent="0.25">
      <c r="A6901" s="5">
        <v>43843.333333333336</v>
      </c>
      <c r="B6901" s="2">
        <v>26.153445999999999</v>
      </c>
      <c r="C6901">
        <v>3.1709999999999998E-3</v>
      </c>
      <c r="D6901">
        <f t="shared" si="214"/>
        <v>3.1709999999999998E-6</v>
      </c>
      <c r="E6901" s="6">
        <f t="shared" si="215"/>
        <v>8.2932577265999987E-5</v>
      </c>
    </row>
    <row r="6902" spans="1:5" x14ac:dyDescent="0.25">
      <c r="A6902" s="5">
        <v>43843.375</v>
      </c>
      <c r="B6902" s="2">
        <v>25.796388</v>
      </c>
      <c r="C6902">
        <v>2.7179999999999999E-3</v>
      </c>
      <c r="D6902">
        <f t="shared" si="214"/>
        <v>2.7180000000000001E-6</v>
      </c>
      <c r="E6902" s="6">
        <f t="shared" si="215"/>
        <v>7.0114582584000003E-5</v>
      </c>
    </row>
    <row r="6903" spans="1:5" x14ac:dyDescent="0.25">
      <c r="A6903" s="5">
        <v>43843.416666666664</v>
      </c>
      <c r="B6903" s="2">
        <v>27.075697999999999</v>
      </c>
      <c r="C6903">
        <v>4.9250379999999998</v>
      </c>
      <c r="D6903">
        <f t="shared" si="214"/>
        <v>4.9250379999999996E-3</v>
      </c>
      <c r="E6903" s="6">
        <f t="shared" si="215"/>
        <v>0.13334884152652399</v>
      </c>
    </row>
    <row r="6904" spans="1:5" x14ac:dyDescent="0.25">
      <c r="A6904" s="5">
        <v>43843.458333333336</v>
      </c>
      <c r="B6904" s="2">
        <v>24.428944999999999</v>
      </c>
      <c r="C6904">
        <v>0.51068800000000003</v>
      </c>
      <c r="D6904">
        <f t="shared" si="214"/>
        <v>5.1068800000000003E-4</v>
      </c>
      <c r="E6904" s="6">
        <f t="shared" si="215"/>
        <v>1.2475569064160001E-2</v>
      </c>
    </row>
    <row r="6905" spans="1:5" x14ac:dyDescent="0.25">
      <c r="A6905" s="5">
        <v>43843.5</v>
      </c>
      <c r="B6905" s="2">
        <v>22.762816000000001</v>
      </c>
      <c r="C6905">
        <v>0.83508099999999996</v>
      </c>
      <c r="D6905">
        <f t="shared" si="214"/>
        <v>8.35081E-4</v>
      </c>
      <c r="E6905" s="6">
        <f t="shared" si="215"/>
        <v>1.9008795148095999E-2</v>
      </c>
    </row>
    <row r="6906" spans="1:5" x14ac:dyDescent="0.25">
      <c r="A6906" s="5">
        <v>43843.541666666664</v>
      </c>
      <c r="B6906" s="2">
        <v>22.749327000000001</v>
      </c>
      <c r="C6906">
        <v>1.6897529999999998</v>
      </c>
      <c r="D6906">
        <f t="shared" si="214"/>
        <v>1.6897529999999998E-3</v>
      </c>
      <c r="E6906" s="6">
        <f t="shared" si="215"/>
        <v>3.8440743546230997E-2</v>
      </c>
    </row>
    <row r="6907" spans="1:5" x14ac:dyDescent="0.25">
      <c r="A6907" s="5">
        <v>43843.583333333336</v>
      </c>
      <c r="B6907" s="2">
        <v>21.695993999999999</v>
      </c>
      <c r="C6907">
        <v>2.153105</v>
      </c>
      <c r="D6907">
        <f t="shared" si="214"/>
        <v>2.1531050000000002E-3</v>
      </c>
      <c r="E6907" s="6">
        <f t="shared" si="215"/>
        <v>4.6713753161370004E-2</v>
      </c>
    </row>
    <row r="6908" spans="1:5" x14ac:dyDescent="0.25">
      <c r="A6908" s="5">
        <v>43843.625</v>
      </c>
      <c r="B6908" s="2">
        <v>21.830119</v>
      </c>
      <c r="C6908">
        <v>1.8704839999999998</v>
      </c>
      <c r="D6908">
        <f t="shared" si="214"/>
        <v>1.8704839999999997E-3</v>
      </c>
      <c r="E6908" s="6">
        <f t="shared" si="215"/>
        <v>4.0832888307595995E-2</v>
      </c>
    </row>
    <row r="6909" spans="1:5" x14ac:dyDescent="0.25">
      <c r="A6909" s="5">
        <v>43843.666666666664</v>
      </c>
      <c r="B6909" s="2">
        <v>24.679541</v>
      </c>
      <c r="C6909">
        <v>1.4800489999999999</v>
      </c>
      <c r="D6909">
        <f t="shared" si="214"/>
        <v>1.480049E-3</v>
      </c>
      <c r="E6909" s="6">
        <f t="shared" si="215"/>
        <v>3.6526929977508997E-2</v>
      </c>
    </row>
    <row r="6910" spans="1:5" x14ac:dyDescent="0.25">
      <c r="A6910" s="5">
        <v>43843.708333333336</v>
      </c>
      <c r="B6910" s="2">
        <v>31.427156</v>
      </c>
      <c r="C6910">
        <v>0</v>
      </c>
      <c r="D6910">
        <f t="shared" si="214"/>
        <v>0</v>
      </c>
      <c r="E6910" s="6">
        <f t="shared" si="215"/>
        <v>0</v>
      </c>
    </row>
    <row r="6911" spans="1:5" x14ac:dyDescent="0.25">
      <c r="A6911" s="5">
        <v>43843.75</v>
      </c>
      <c r="B6911" s="2">
        <v>29.773851000000001</v>
      </c>
      <c r="C6911">
        <v>0</v>
      </c>
      <c r="D6911">
        <f t="shared" si="214"/>
        <v>0</v>
      </c>
      <c r="E6911" s="6">
        <f t="shared" si="215"/>
        <v>0</v>
      </c>
    </row>
    <row r="6912" spans="1:5" x14ac:dyDescent="0.25">
      <c r="A6912" s="5">
        <v>43843.791666666664</v>
      </c>
      <c r="B6912" s="2">
        <v>25.600753999999998</v>
      </c>
      <c r="C6912">
        <v>0</v>
      </c>
      <c r="D6912">
        <f t="shared" si="214"/>
        <v>0</v>
      </c>
      <c r="E6912" s="6">
        <f t="shared" si="215"/>
        <v>0</v>
      </c>
    </row>
    <row r="6913" spans="1:5" x14ac:dyDescent="0.25">
      <c r="A6913" s="5">
        <v>43843.833333333336</v>
      </c>
      <c r="B6913" s="2">
        <v>25.976165999999999</v>
      </c>
      <c r="C6913">
        <v>0</v>
      </c>
      <c r="D6913">
        <f t="shared" si="214"/>
        <v>0</v>
      </c>
      <c r="E6913" s="6">
        <f t="shared" si="215"/>
        <v>0</v>
      </c>
    </row>
    <row r="6914" spans="1:5" x14ac:dyDescent="0.25">
      <c r="A6914" s="5">
        <v>43843.875</v>
      </c>
      <c r="B6914" s="2">
        <v>21.732859000000001</v>
      </c>
      <c r="C6914">
        <v>0</v>
      </c>
      <c r="D6914">
        <f t="shared" si="214"/>
        <v>0</v>
      </c>
      <c r="E6914" s="6">
        <f t="shared" si="215"/>
        <v>0</v>
      </c>
    </row>
    <row r="6915" spans="1:5" x14ac:dyDescent="0.25">
      <c r="A6915" s="5">
        <v>43843.916666666664</v>
      </c>
      <c r="B6915" s="2">
        <v>20.036614</v>
      </c>
      <c r="C6915">
        <v>0</v>
      </c>
      <c r="D6915">
        <f t="shared" si="214"/>
        <v>0</v>
      </c>
      <c r="E6915" s="6">
        <f t="shared" si="215"/>
        <v>0</v>
      </c>
    </row>
    <row r="6916" spans="1:5" x14ac:dyDescent="0.25">
      <c r="A6916" s="5">
        <v>43843.958333333336</v>
      </c>
      <c r="B6916" s="2">
        <v>18.462751000000001</v>
      </c>
      <c r="C6916">
        <v>0</v>
      </c>
      <c r="D6916">
        <f t="shared" si="214"/>
        <v>0</v>
      </c>
      <c r="E6916" s="6">
        <f t="shared" si="215"/>
        <v>0</v>
      </c>
    </row>
    <row r="6917" spans="1:5" x14ac:dyDescent="0.25">
      <c r="A6917" s="5">
        <v>43844</v>
      </c>
      <c r="B6917" s="2">
        <v>17.428108999999999</v>
      </c>
      <c r="C6917">
        <v>0</v>
      </c>
      <c r="D6917">
        <f t="shared" si="214"/>
        <v>0</v>
      </c>
      <c r="E6917" s="6">
        <f t="shared" si="215"/>
        <v>0</v>
      </c>
    </row>
    <row r="6918" spans="1:5" x14ac:dyDescent="0.25">
      <c r="A6918" s="5">
        <v>43844.041666666664</v>
      </c>
      <c r="B6918" s="2">
        <v>16.054524000000001</v>
      </c>
      <c r="C6918">
        <v>0</v>
      </c>
      <c r="D6918">
        <f t="shared" ref="D6918:D6981" si="216">C6918/1000</f>
        <v>0</v>
      </c>
      <c r="E6918" s="6">
        <f t="shared" ref="E6918:E6981" si="217">D6918*B6918</f>
        <v>0</v>
      </c>
    </row>
    <row r="6919" spans="1:5" x14ac:dyDescent="0.25">
      <c r="A6919" s="5">
        <v>43844.083333333336</v>
      </c>
      <c r="B6919" s="2">
        <v>15.429936</v>
      </c>
      <c r="C6919">
        <v>0</v>
      </c>
      <c r="D6919">
        <f t="shared" si="216"/>
        <v>0</v>
      </c>
      <c r="E6919" s="6">
        <f t="shared" si="217"/>
        <v>0</v>
      </c>
    </row>
    <row r="6920" spans="1:5" x14ac:dyDescent="0.25">
      <c r="A6920" s="5">
        <v>43844.125</v>
      </c>
      <c r="B6920" s="2">
        <v>15.424022000000001</v>
      </c>
      <c r="C6920">
        <v>0</v>
      </c>
      <c r="D6920">
        <f t="shared" si="216"/>
        <v>0</v>
      </c>
      <c r="E6920" s="6">
        <f t="shared" si="217"/>
        <v>0</v>
      </c>
    </row>
    <row r="6921" spans="1:5" x14ac:dyDescent="0.25">
      <c r="A6921" s="5">
        <v>43844.166666666664</v>
      </c>
      <c r="B6921" s="2">
        <v>16.488336</v>
      </c>
      <c r="C6921">
        <v>0</v>
      </c>
      <c r="D6921">
        <f t="shared" si="216"/>
        <v>0</v>
      </c>
      <c r="E6921" s="6">
        <f t="shared" si="217"/>
        <v>0</v>
      </c>
    </row>
    <row r="6922" spans="1:5" x14ac:dyDescent="0.25">
      <c r="A6922" s="5">
        <v>43844.208333333336</v>
      </c>
      <c r="B6922" s="2">
        <v>19.132334</v>
      </c>
      <c r="C6922">
        <v>0</v>
      </c>
      <c r="D6922">
        <f t="shared" si="216"/>
        <v>0</v>
      </c>
      <c r="E6922" s="6">
        <f t="shared" si="217"/>
        <v>0</v>
      </c>
    </row>
    <row r="6923" spans="1:5" x14ac:dyDescent="0.25">
      <c r="A6923" s="5">
        <v>43844.25</v>
      </c>
      <c r="B6923" s="2">
        <v>27.427320000000002</v>
      </c>
      <c r="C6923">
        <v>0</v>
      </c>
      <c r="D6923">
        <f t="shared" si="216"/>
        <v>0</v>
      </c>
      <c r="E6923" s="6">
        <f t="shared" si="217"/>
        <v>0</v>
      </c>
    </row>
    <row r="6924" spans="1:5" x14ac:dyDescent="0.25">
      <c r="A6924" s="5">
        <v>43844.291666666664</v>
      </c>
      <c r="B6924" s="2">
        <v>28.127075999999999</v>
      </c>
      <c r="C6924">
        <v>0</v>
      </c>
      <c r="D6924">
        <f t="shared" si="216"/>
        <v>0</v>
      </c>
      <c r="E6924" s="6">
        <f t="shared" si="217"/>
        <v>0</v>
      </c>
    </row>
    <row r="6925" spans="1:5" x14ac:dyDescent="0.25">
      <c r="A6925" s="5">
        <v>43844.333333333336</v>
      </c>
      <c r="B6925" s="2">
        <v>24.378748000000002</v>
      </c>
      <c r="C6925">
        <v>0.60395600000000005</v>
      </c>
      <c r="D6925">
        <f t="shared" si="216"/>
        <v>6.03956E-4</v>
      </c>
      <c r="E6925" s="6">
        <f t="shared" si="217"/>
        <v>1.4723691127088E-2</v>
      </c>
    </row>
    <row r="6926" spans="1:5" x14ac:dyDescent="0.25">
      <c r="A6926" s="5">
        <v>43844.375</v>
      </c>
      <c r="B6926" s="2">
        <v>24.290365999999999</v>
      </c>
      <c r="C6926">
        <v>0.24371299999999999</v>
      </c>
      <c r="D6926">
        <f t="shared" si="216"/>
        <v>2.4371299999999998E-4</v>
      </c>
      <c r="E6926" s="6">
        <f t="shared" si="217"/>
        <v>5.9198779689579994E-3</v>
      </c>
    </row>
    <row r="6927" spans="1:5" x14ac:dyDescent="0.25">
      <c r="A6927" s="5">
        <v>43844.416666666664</v>
      </c>
      <c r="B6927" s="2">
        <v>23.887203</v>
      </c>
      <c r="C6927">
        <v>1.786861</v>
      </c>
      <c r="D6927">
        <f t="shared" si="216"/>
        <v>1.786861E-3</v>
      </c>
      <c r="E6927" s="6">
        <f t="shared" si="217"/>
        <v>4.2683111439782997E-2</v>
      </c>
    </row>
    <row r="6928" spans="1:5" x14ac:dyDescent="0.25">
      <c r="A6928" s="5">
        <v>43844.458333333336</v>
      </c>
      <c r="B6928" s="2">
        <v>21.996383000000002</v>
      </c>
      <c r="C6928">
        <v>0.899698</v>
      </c>
      <c r="D6928">
        <f t="shared" si="216"/>
        <v>8.9969799999999999E-4</v>
      </c>
      <c r="E6928" s="6">
        <f t="shared" si="217"/>
        <v>1.9790101792334001E-2</v>
      </c>
    </row>
    <row r="6929" spans="1:5" x14ac:dyDescent="0.25">
      <c r="A6929" s="5">
        <v>43844.5</v>
      </c>
      <c r="B6929" s="2">
        <v>21.620138000000001</v>
      </c>
      <c r="C6929">
        <v>1.15784</v>
      </c>
      <c r="D6929">
        <f t="shared" si="216"/>
        <v>1.15784E-3</v>
      </c>
      <c r="E6929" s="6">
        <f t="shared" si="217"/>
        <v>2.5032660581920003E-2</v>
      </c>
    </row>
    <row r="6930" spans="1:5" x14ac:dyDescent="0.25">
      <c r="A6930" s="5">
        <v>43844.541666666664</v>
      </c>
      <c r="B6930" s="2">
        <v>21.270458000000001</v>
      </c>
      <c r="C6930">
        <v>1.705276</v>
      </c>
      <c r="D6930">
        <f t="shared" si="216"/>
        <v>1.7052759999999999E-3</v>
      </c>
      <c r="E6930" s="6">
        <f t="shared" si="217"/>
        <v>3.6272001536408E-2</v>
      </c>
    </row>
    <row r="6931" spans="1:5" x14ac:dyDescent="0.25">
      <c r="A6931" s="5">
        <v>43844.583333333336</v>
      </c>
      <c r="B6931" s="2">
        <v>20.798874999999999</v>
      </c>
      <c r="C6931">
        <v>0.82495299999999994</v>
      </c>
      <c r="D6931">
        <f t="shared" si="216"/>
        <v>8.2495299999999991E-4</v>
      </c>
      <c r="E6931" s="6">
        <f t="shared" si="217"/>
        <v>1.7158094327874997E-2</v>
      </c>
    </row>
    <row r="6932" spans="1:5" x14ac:dyDescent="0.25">
      <c r="A6932" s="5">
        <v>43844.625</v>
      </c>
      <c r="B6932" s="2">
        <v>20.934597</v>
      </c>
      <c r="C6932">
        <v>0.440527</v>
      </c>
      <c r="D6932">
        <f t="shared" si="216"/>
        <v>4.4052700000000002E-4</v>
      </c>
      <c r="E6932" s="6">
        <f t="shared" si="217"/>
        <v>9.2222552126190009E-3</v>
      </c>
    </row>
    <row r="6933" spans="1:5" x14ac:dyDescent="0.25">
      <c r="A6933" s="5">
        <v>43844.666666666664</v>
      </c>
      <c r="B6933" s="2">
        <v>22.058028</v>
      </c>
      <c r="C6933">
        <v>0.33819399999999999</v>
      </c>
      <c r="D6933">
        <f t="shared" si="216"/>
        <v>3.3819399999999999E-4</v>
      </c>
      <c r="E6933" s="6">
        <f t="shared" si="217"/>
        <v>7.4598927214320002E-3</v>
      </c>
    </row>
    <row r="6934" spans="1:5" x14ac:dyDescent="0.25">
      <c r="A6934" s="5">
        <v>43844.708333333336</v>
      </c>
      <c r="B6934" s="2">
        <v>27.412935999999998</v>
      </c>
      <c r="C6934">
        <v>0</v>
      </c>
      <c r="D6934">
        <f t="shared" si="216"/>
        <v>0</v>
      </c>
      <c r="E6934" s="6">
        <f t="shared" si="217"/>
        <v>0</v>
      </c>
    </row>
    <row r="6935" spans="1:5" x14ac:dyDescent="0.25">
      <c r="A6935" s="5">
        <v>43844.75</v>
      </c>
      <c r="B6935" s="2">
        <v>26.058558000000001</v>
      </c>
      <c r="C6935">
        <v>0</v>
      </c>
      <c r="D6935">
        <f t="shared" si="216"/>
        <v>0</v>
      </c>
      <c r="E6935" s="6">
        <f t="shared" si="217"/>
        <v>0</v>
      </c>
    </row>
    <row r="6936" spans="1:5" x14ac:dyDescent="0.25">
      <c r="A6936" s="5">
        <v>43844.791666666664</v>
      </c>
      <c r="B6936" s="2">
        <v>23.927852000000001</v>
      </c>
      <c r="C6936">
        <v>0</v>
      </c>
      <c r="D6936">
        <f t="shared" si="216"/>
        <v>0</v>
      </c>
      <c r="E6936" s="6">
        <f t="shared" si="217"/>
        <v>0</v>
      </c>
    </row>
    <row r="6937" spans="1:5" x14ac:dyDescent="0.25">
      <c r="A6937" s="5">
        <v>43844.833333333336</v>
      </c>
      <c r="B6937" s="2">
        <v>24.265393</v>
      </c>
      <c r="C6937">
        <v>0</v>
      </c>
      <c r="D6937">
        <f t="shared" si="216"/>
        <v>0</v>
      </c>
      <c r="E6937" s="6">
        <f t="shared" si="217"/>
        <v>0</v>
      </c>
    </row>
    <row r="6938" spans="1:5" x14ac:dyDescent="0.25">
      <c r="A6938" s="5">
        <v>43844.875</v>
      </c>
      <c r="B6938" s="2">
        <v>20.981504000000001</v>
      </c>
      <c r="C6938">
        <v>0</v>
      </c>
      <c r="D6938">
        <f t="shared" si="216"/>
        <v>0</v>
      </c>
      <c r="E6938" s="6">
        <f t="shared" si="217"/>
        <v>0</v>
      </c>
    </row>
    <row r="6939" spans="1:5" x14ac:dyDescent="0.25">
      <c r="A6939" s="5">
        <v>43844.916666666664</v>
      </c>
      <c r="B6939" s="2">
        <v>19.260895000000001</v>
      </c>
      <c r="C6939">
        <v>0</v>
      </c>
      <c r="D6939">
        <f t="shared" si="216"/>
        <v>0</v>
      </c>
      <c r="E6939" s="6">
        <f t="shared" si="217"/>
        <v>0</v>
      </c>
    </row>
    <row r="6940" spans="1:5" x14ac:dyDescent="0.25">
      <c r="A6940" s="5">
        <v>43844.958333333336</v>
      </c>
      <c r="B6940" s="2">
        <v>18.653948</v>
      </c>
      <c r="C6940">
        <v>0</v>
      </c>
      <c r="D6940">
        <f t="shared" si="216"/>
        <v>0</v>
      </c>
      <c r="E6940" s="6">
        <f t="shared" si="217"/>
        <v>0</v>
      </c>
    </row>
    <row r="6941" spans="1:5" x14ac:dyDescent="0.25">
      <c r="A6941" s="5">
        <v>43845</v>
      </c>
      <c r="B6941" s="2">
        <v>18.973234000000001</v>
      </c>
      <c r="C6941">
        <v>0</v>
      </c>
      <c r="D6941">
        <f t="shared" si="216"/>
        <v>0</v>
      </c>
      <c r="E6941" s="6">
        <f t="shared" si="217"/>
        <v>0</v>
      </c>
    </row>
    <row r="6942" spans="1:5" x14ac:dyDescent="0.25">
      <c r="A6942" s="5">
        <v>43845.041666666664</v>
      </c>
      <c r="B6942" s="2">
        <v>18.845662999999998</v>
      </c>
      <c r="C6942">
        <v>0</v>
      </c>
      <c r="D6942">
        <f t="shared" si="216"/>
        <v>0</v>
      </c>
      <c r="E6942" s="6">
        <f t="shared" si="217"/>
        <v>0</v>
      </c>
    </row>
    <row r="6943" spans="1:5" x14ac:dyDescent="0.25">
      <c r="A6943" s="5">
        <v>43845.083333333336</v>
      </c>
      <c r="B6943" s="2">
        <v>17.957498999999999</v>
      </c>
      <c r="C6943">
        <v>0</v>
      </c>
      <c r="D6943">
        <f t="shared" si="216"/>
        <v>0</v>
      </c>
      <c r="E6943" s="6">
        <f t="shared" si="217"/>
        <v>0</v>
      </c>
    </row>
    <row r="6944" spans="1:5" x14ac:dyDescent="0.25">
      <c r="A6944" s="5">
        <v>43845.125</v>
      </c>
      <c r="B6944" s="2">
        <v>17.939202000000002</v>
      </c>
      <c r="C6944">
        <v>0</v>
      </c>
      <c r="D6944">
        <f t="shared" si="216"/>
        <v>0</v>
      </c>
      <c r="E6944" s="6">
        <f t="shared" si="217"/>
        <v>0</v>
      </c>
    </row>
    <row r="6945" spans="1:5" x14ac:dyDescent="0.25">
      <c r="A6945" s="5">
        <v>43845.166666666664</v>
      </c>
      <c r="B6945" s="2">
        <v>18.360019000000001</v>
      </c>
      <c r="C6945">
        <v>0</v>
      </c>
      <c r="D6945">
        <f t="shared" si="216"/>
        <v>0</v>
      </c>
      <c r="E6945" s="6">
        <f t="shared" si="217"/>
        <v>0</v>
      </c>
    </row>
    <row r="6946" spans="1:5" x14ac:dyDescent="0.25">
      <c r="A6946" s="5">
        <v>43845.208333333336</v>
      </c>
      <c r="B6946" s="2">
        <v>19.248570999999998</v>
      </c>
      <c r="C6946">
        <v>0</v>
      </c>
      <c r="D6946">
        <f t="shared" si="216"/>
        <v>0</v>
      </c>
      <c r="E6946" s="6">
        <f t="shared" si="217"/>
        <v>0</v>
      </c>
    </row>
    <row r="6947" spans="1:5" x14ac:dyDescent="0.25">
      <c r="A6947" s="5">
        <v>43845.25</v>
      </c>
      <c r="B6947" s="2">
        <v>25.659472000000001</v>
      </c>
      <c r="C6947">
        <v>0</v>
      </c>
      <c r="D6947">
        <f t="shared" si="216"/>
        <v>0</v>
      </c>
      <c r="E6947" s="6">
        <f t="shared" si="217"/>
        <v>0</v>
      </c>
    </row>
    <row r="6948" spans="1:5" x14ac:dyDescent="0.25">
      <c r="A6948" s="5">
        <v>43845.291666666664</v>
      </c>
      <c r="B6948" s="2">
        <v>27.683295999999999</v>
      </c>
      <c r="C6948">
        <v>0</v>
      </c>
      <c r="D6948">
        <f t="shared" si="216"/>
        <v>0</v>
      </c>
      <c r="E6948" s="6">
        <f t="shared" si="217"/>
        <v>0</v>
      </c>
    </row>
    <row r="6949" spans="1:5" x14ac:dyDescent="0.25">
      <c r="A6949" s="5">
        <v>43845.333333333336</v>
      </c>
      <c r="B6949" s="2">
        <v>24.763245999999999</v>
      </c>
      <c r="C6949">
        <v>1.6287039999999999</v>
      </c>
      <c r="D6949">
        <f t="shared" si="216"/>
        <v>1.6287039999999999E-3</v>
      </c>
      <c r="E6949" s="6">
        <f t="shared" si="217"/>
        <v>4.0331997813183994E-2</v>
      </c>
    </row>
    <row r="6950" spans="1:5" x14ac:dyDescent="0.25">
      <c r="A6950" s="5">
        <v>43845.375</v>
      </c>
      <c r="B6950" s="2">
        <v>25.349215000000001</v>
      </c>
      <c r="C6950">
        <v>0.52762199999999992</v>
      </c>
      <c r="D6950">
        <f t="shared" si="216"/>
        <v>5.2762199999999994E-4</v>
      </c>
      <c r="E6950" s="6">
        <f t="shared" si="217"/>
        <v>1.3374803516729998E-2</v>
      </c>
    </row>
    <row r="6951" spans="1:5" x14ac:dyDescent="0.25">
      <c r="A6951" s="5">
        <v>43845.416666666664</v>
      </c>
      <c r="B6951" s="2">
        <v>23.748277999999999</v>
      </c>
      <c r="C6951">
        <v>5.7090839999999998</v>
      </c>
      <c r="D6951">
        <f t="shared" si="216"/>
        <v>5.7090839999999997E-3</v>
      </c>
      <c r="E6951" s="6">
        <f t="shared" si="217"/>
        <v>0.135580913957352</v>
      </c>
    </row>
    <row r="6952" spans="1:5" x14ac:dyDescent="0.25">
      <c r="A6952" s="5">
        <v>43845.458333333336</v>
      </c>
      <c r="B6952" s="2">
        <v>21.870719999999999</v>
      </c>
      <c r="C6952">
        <v>6.5788739999999999</v>
      </c>
      <c r="D6952">
        <f t="shared" si="216"/>
        <v>6.5788740000000002E-3</v>
      </c>
      <c r="E6952" s="6">
        <f t="shared" si="217"/>
        <v>0.14388471116928001</v>
      </c>
    </row>
    <row r="6953" spans="1:5" x14ac:dyDescent="0.25">
      <c r="A6953" s="5">
        <v>43845.5</v>
      </c>
      <c r="B6953" s="2">
        <v>21.058851000000001</v>
      </c>
      <c r="C6953">
        <v>6.9829189999999999</v>
      </c>
      <c r="D6953">
        <f t="shared" si="216"/>
        <v>6.9829189999999998E-3</v>
      </c>
      <c r="E6953" s="6">
        <f t="shared" si="217"/>
        <v>0.14705225076606901</v>
      </c>
    </row>
    <row r="6954" spans="1:5" x14ac:dyDescent="0.25">
      <c r="A6954" s="5">
        <v>43845.541666666664</v>
      </c>
      <c r="B6954" s="2">
        <v>20.884917000000002</v>
      </c>
      <c r="C6954">
        <v>6.7761719999999999</v>
      </c>
      <c r="D6954">
        <f t="shared" si="216"/>
        <v>6.7761719999999996E-3</v>
      </c>
      <c r="E6954" s="6">
        <f t="shared" si="217"/>
        <v>0.141519789797724</v>
      </c>
    </row>
    <row r="6955" spans="1:5" x14ac:dyDescent="0.25">
      <c r="A6955" s="5">
        <v>43845.583333333336</v>
      </c>
      <c r="B6955" s="2">
        <v>20.291706999999999</v>
      </c>
      <c r="C6955">
        <v>6.0629719999999994</v>
      </c>
      <c r="D6955">
        <f t="shared" si="216"/>
        <v>6.0629719999999989E-3</v>
      </c>
      <c r="E6955" s="6">
        <f t="shared" si="217"/>
        <v>0.12302805137320397</v>
      </c>
    </row>
    <row r="6956" spans="1:5" x14ac:dyDescent="0.25">
      <c r="A6956" s="5">
        <v>43845.625</v>
      </c>
      <c r="B6956" s="2">
        <v>19.674140000000001</v>
      </c>
      <c r="C6956">
        <v>4.6440489999999999</v>
      </c>
      <c r="D6956">
        <f t="shared" si="216"/>
        <v>4.6440489999999999E-3</v>
      </c>
      <c r="E6956" s="6">
        <f t="shared" si="217"/>
        <v>9.1367670192860004E-2</v>
      </c>
    </row>
    <row r="6957" spans="1:5" x14ac:dyDescent="0.25">
      <c r="A6957" s="5">
        <v>43845.666666666664</v>
      </c>
      <c r="B6957" s="2">
        <v>20.688542000000002</v>
      </c>
      <c r="C6957">
        <v>2.5918139999999998</v>
      </c>
      <c r="D6957">
        <f t="shared" si="216"/>
        <v>2.591814E-3</v>
      </c>
      <c r="E6957" s="6">
        <f t="shared" si="217"/>
        <v>5.3620852795188002E-2</v>
      </c>
    </row>
    <row r="6958" spans="1:5" x14ac:dyDescent="0.25">
      <c r="A6958" s="5">
        <v>43845.708333333336</v>
      </c>
      <c r="B6958" s="2">
        <v>25.755254000000001</v>
      </c>
      <c r="C6958">
        <v>0</v>
      </c>
      <c r="D6958">
        <f t="shared" si="216"/>
        <v>0</v>
      </c>
      <c r="E6958" s="6">
        <f t="shared" si="217"/>
        <v>0</v>
      </c>
    </row>
    <row r="6959" spans="1:5" x14ac:dyDescent="0.25">
      <c r="A6959" s="5">
        <v>43845.75</v>
      </c>
      <c r="B6959" s="2">
        <v>24.726067</v>
      </c>
      <c r="C6959">
        <v>0</v>
      </c>
      <c r="D6959">
        <f t="shared" si="216"/>
        <v>0</v>
      </c>
      <c r="E6959" s="6">
        <f t="shared" si="217"/>
        <v>0</v>
      </c>
    </row>
    <row r="6960" spans="1:5" x14ac:dyDescent="0.25">
      <c r="A6960" s="5">
        <v>43845.791666666664</v>
      </c>
      <c r="B6960" s="2">
        <v>22.28349</v>
      </c>
      <c r="C6960">
        <v>0</v>
      </c>
      <c r="D6960">
        <f t="shared" si="216"/>
        <v>0</v>
      </c>
      <c r="E6960" s="6">
        <f t="shared" si="217"/>
        <v>0</v>
      </c>
    </row>
    <row r="6961" spans="1:5" x14ac:dyDescent="0.25">
      <c r="A6961" s="5">
        <v>43845.833333333336</v>
      </c>
      <c r="B6961" s="2">
        <v>21.895102999999999</v>
      </c>
      <c r="C6961">
        <v>0</v>
      </c>
      <c r="D6961">
        <f t="shared" si="216"/>
        <v>0</v>
      </c>
      <c r="E6961" s="6">
        <f t="shared" si="217"/>
        <v>0</v>
      </c>
    </row>
    <row r="6962" spans="1:5" x14ac:dyDescent="0.25">
      <c r="A6962" s="5">
        <v>43845.875</v>
      </c>
      <c r="B6962" s="2">
        <v>19.784692</v>
      </c>
      <c r="C6962">
        <v>0</v>
      </c>
      <c r="D6962">
        <f t="shared" si="216"/>
        <v>0</v>
      </c>
      <c r="E6962" s="6">
        <f t="shared" si="217"/>
        <v>0</v>
      </c>
    </row>
    <row r="6963" spans="1:5" x14ac:dyDescent="0.25">
      <c r="A6963" s="5">
        <v>43845.916666666664</v>
      </c>
      <c r="B6963" s="2">
        <v>18.895479999999999</v>
      </c>
      <c r="C6963">
        <v>0</v>
      </c>
      <c r="D6963">
        <f t="shared" si="216"/>
        <v>0</v>
      </c>
      <c r="E6963" s="6">
        <f t="shared" si="217"/>
        <v>0</v>
      </c>
    </row>
    <row r="6964" spans="1:5" x14ac:dyDescent="0.25">
      <c r="A6964" s="5">
        <v>43845.958333333336</v>
      </c>
      <c r="B6964" s="2">
        <v>16.798033</v>
      </c>
      <c r="C6964">
        <v>0</v>
      </c>
      <c r="D6964">
        <f t="shared" si="216"/>
        <v>0</v>
      </c>
      <c r="E6964" s="6">
        <f t="shared" si="217"/>
        <v>0</v>
      </c>
    </row>
    <row r="6965" spans="1:5" x14ac:dyDescent="0.25">
      <c r="A6965" s="5">
        <v>43846</v>
      </c>
      <c r="B6965" s="2">
        <v>17.539194999999999</v>
      </c>
      <c r="C6965">
        <v>0</v>
      </c>
      <c r="D6965">
        <f t="shared" si="216"/>
        <v>0</v>
      </c>
      <c r="E6965" s="6">
        <f t="shared" si="217"/>
        <v>0</v>
      </c>
    </row>
    <row r="6966" spans="1:5" x14ac:dyDescent="0.25">
      <c r="A6966" s="5">
        <v>43846.041666666664</v>
      </c>
      <c r="B6966" s="2">
        <v>16.542704000000001</v>
      </c>
      <c r="C6966">
        <v>0</v>
      </c>
      <c r="D6966">
        <f t="shared" si="216"/>
        <v>0</v>
      </c>
      <c r="E6966" s="6">
        <f t="shared" si="217"/>
        <v>0</v>
      </c>
    </row>
    <row r="6967" spans="1:5" x14ac:dyDescent="0.25">
      <c r="A6967" s="5">
        <v>43846.083333333336</v>
      </c>
      <c r="B6967" s="2">
        <v>16.256504</v>
      </c>
      <c r="C6967">
        <v>0</v>
      </c>
      <c r="D6967">
        <f t="shared" si="216"/>
        <v>0</v>
      </c>
      <c r="E6967" s="6">
        <f t="shared" si="217"/>
        <v>0</v>
      </c>
    </row>
    <row r="6968" spans="1:5" x14ac:dyDescent="0.25">
      <c r="A6968" s="5">
        <v>43846.125</v>
      </c>
      <c r="B6968" s="2">
        <v>15.699365999999999</v>
      </c>
      <c r="C6968">
        <v>0</v>
      </c>
      <c r="D6968">
        <f t="shared" si="216"/>
        <v>0</v>
      </c>
      <c r="E6968" s="6">
        <f t="shared" si="217"/>
        <v>0</v>
      </c>
    </row>
    <row r="6969" spans="1:5" x14ac:dyDescent="0.25">
      <c r="A6969" s="5">
        <v>43846.166666666664</v>
      </c>
      <c r="B6969" s="2">
        <v>17.242314</v>
      </c>
      <c r="C6969">
        <v>0</v>
      </c>
      <c r="D6969">
        <f t="shared" si="216"/>
        <v>0</v>
      </c>
      <c r="E6969" s="6">
        <f t="shared" si="217"/>
        <v>0</v>
      </c>
    </row>
    <row r="6970" spans="1:5" x14ac:dyDescent="0.25">
      <c r="A6970" s="5">
        <v>43846.208333333336</v>
      </c>
      <c r="B6970" s="2">
        <v>19.123384000000001</v>
      </c>
      <c r="C6970">
        <v>0</v>
      </c>
      <c r="D6970">
        <f t="shared" si="216"/>
        <v>0</v>
      </c>
      <c r="E6970" s="6">
        <f t="shared" si="217"/>
        <v>0</v>
      </c>
    </row>
    <row r="6971" spans="1:5" x14ac:dyDescent="0.25">
      <c r="A6971" s="5">
        <v>43846.25</v>
      </c>
      <c r="B6971" s="2">
        <v>24.644091</v>
      </c>
      <c r="C6971">
        <v>0</v>
      </c>
      <c r="D6971">
        <f t="shared" si="216"/>
        <v>0</v>
      </c>
      <c r="E6971" s="6">
        <f t="shared" si="217"/>
        <v>0</v>
      </c>
    </row>
    <row r="6972" spans="1:5" x14ac:dyDescent="0.25">
      <c r="A6972" s="5">
        <v>43846.291666666664</v>
      </c>
      <c r="B6972" s="2">
        <v>27.439335</v>
      </c>
      <c r="C6972">
        <v>0</v>
      </c>
      <c r="D6972">
        <f t="shared" si="216"/>
        <v>0</v>
      </c>
      <c r="E6972" s="6">
        <f t="shared" si="217"/>
        <v>0</v>
      </c>
    </row>
    <row r="6973" spans="1:5" x14ac:dyDescent="0.25">
      <c r="A6973" s="5">
        <v>43846.333333333336</v>
      </c>
      <c r="B6973" s="2">
        <v>25.672198000000002</v>
      </c>
      <c r="C6973">
        <v>0.72189200000000009</v>
      </c>
      <c r="D6973">
        <f t="shared" si="216"/>
        <v>7.2189200000000013E-4</v>
      </c>
      <c r="E6973" s="6">
        <f t="shared" si="217"/>
        <v>1.8532554358616005E-2</v>
      </c>
    </row>
    <row r="6974" spans="1:5" x14ac:dyDescent="0.25">
      <c r="A6974" s="5">
        <v>43846.375</v>
      </c>
      <c r="B6974" s="2">
        <v>24.663260000000001</v>
      </c>
      <c r="C6974">
        <v>2.8192399999999997</v>
      </c>
      <c r="D6974">
        <f t="shared" si="216"/>
        <v>2.8192399999999998E-3</v>
      </c>
      <c r="E6974" s="6">
        <f t="shared" si="217"/>
        <v>6.9531649122399994E-2</v>
      </c>
    </row>
    <row r="6975" spans="1:5" x14ac:dyDescent="0.25">
      <c r="A6975" s="5">
        <v>43846.416666666664</v>
      </c>
      <c r="B6975" s="2">
        <v>26.043081000000001</v>
      </c>
      <c r="C6975">
        <v>3.6356519999999999</v>
      </c>
      <c r="D6975">
        <f t="shared" si="216"/>
        <v>3.6356520000000001E-3</v>
      </c>
      <c r="E6975" s="6">
        <f t="shared" si="217"/>
        <v>9.4683579523812011E-2</v>
      </c>
    </row>
    <row r="6976" spans="1:5" x14ac:dyDescent="0.25">
      <c r="A6976" s="5">
        <v>43846.458333333336</v>
      </c>
      <c r="B6976" s="2">
        <v>23.356097999999999</v>
      </c>
      <c r="C6976">
        <v>3.5742379999999998</v>
      </c>
      <c r="D6976">
        <f t="shared" si="216"/>
        <v>3.574238E-3</v>
      </c>
      <c r="E6976" s="6">
        <f t="shared" si="217"/>
        <v>8.3480253003323998E-2</v>
      </c>
    </row>
    <row r="6977" spans="1:5" x14ac:dyDescent="0.25">
      <c r="A6977" s="5">
        <v>43846.5</v>
      </c>
      <c r="B6977" s="2">
        <v>22.331232</v>
      </c>
      <c r="C6977">
        <v>4.2033320000000005</v>
      </c>
      <c r="D6977">
        <f t="shared" si="216"/>
        <v>4.2033320000000006E-3</v>
      </c>
      <c r="E6977" s="6">
        <f t="shared" si="217"/>
        <v>9.3865582065024017E-2</v>
      </c>
    </row>
    <row r="6978" spans="1:5" x14ac:dyDescent="0.25">
      <c r="A6978" s="5">
        <v>43846.541666666664</v>
      </c>
      <c r="B6978" s="2">
        <v>22.140817999999999</v>
      </c>
      <c r="C6978">
        <v>3.8186179999999998</v>
      </c>
      <c r="D6978">
        <f t="shared" si="216"/>
        <v>3.8186179999999998E-3</v>
      </c>
      <c r="E6978" s="6">
        <f t="shared" si="217"/>
        <v>8.4547326149523996E-2</v>
      </c>
    </row>
    <row r="6979" spans="1:5" x14ac:dyDescent="0.25">
      <c r="A6979" s="5">
        <v>43846.583333333336</v>
      </c>
      <c r="B6979" s="2">
        <v>22.232444999999998</v>
      </c>
      <c r="C6979">
        <v>2.4566509999999999</v>
      </c>
      <c r="D6979">
        <f t="shared" si="216"/>
        <v>2.4566509999999998E-3</v>
      </c>
      <c r="E6979" s="6">
        <f t="shared" si="217"/>
        <v>5.4617358241694995E-2</v>
      </c>
    </row>
    <row r="6980" spans="1:5" x14ac:dyDescent="0.25">
      <c r="A6980" s="5">
        <v>43846.625</v>
      </c>
      <c r="B6980" s="2">
        <v>21.007465</v>
      </c>
      <c r="C6980">
        <v>1.1397219999999999</v>
      </c>
      <c r="D6980">
        <f t="shared" si="216"/>
        <v>1.1397219999999999E-3</v>
      </c>
      <c r="E6980" s="6">
        <f t="shared" si="217"/>
        <v>2.3942670024729999E-2</v>
      </c>
    </row>
    <row r="6981" spans="1:5" x14ac:dyDescent="0.25">
      <c r="A6981" s="5">
        <v>43846.666666666664</v>
      </c>
      <c r="B6981" s="2">
        <v>22.945899000000001</v>
      </c>
      <c r="C6981">
        <v>7.9514000000000001E-2</v>
      </c>
      <c r="D6981">
        <f t="shared" si="216"/>
        <v>7.9513999999999998E-5</v>
      </c>
      <c r="E6981" s="6">
        <f t="shared" si="217"/>
        <v>1.8245202130860001E-3</v>
      </c>
    </row>
    <row r="6982" spans="1:5" x14ac:dyDescent="0.25">
      <c r="A6982" s="5">
        <v>43846.708333333336</v>
      </c>
      <c r="B6982" s="2">
        <v>32.833976999999997</v>
      </c>
      <c r="C6982">
        <v>0</v>
      </c>
      <c r="D6982">
        <f t="shared" ref="D6982:D7045" si="218">C6982/1000</f>
        <v>0</v>
      </c>
      <c r="E6982" s="6">
        <f t="shared" ref="E6982:E7045" si="219">D6982*B6982</f>
        <v>0</v>
      </c>
    </row>
    <row r="6983" spans="1:5" x14ac:dyDescent="0.25">
      <c r="A6983" s="5">
        <v>43846.75</v>
      </c>
      <c r="B6983" s="2">
        <v>32.440513000000003</v>
      </c>
      <c r="C6983">
        <v>0</v>
      </c>
      <c r="D6983">
        <f t="shared" si="218"/>
        <v>0</v>
      </c>
      <c r="E6983" s="6">
        <f t="shared" si="219"/>
        <v>0</v>
      </c>
    </row>
    <row r="6984" spans="1:5" x14ac:dyDescent="0.25">
      <c r="A6984" s="5">
        <v>43846.791666666664</v>
      </c>
      <c r="B6984" s="2">
        <v>30.373543000000002</v>
      </c>
      <c r="C6984">
        <v>0</v>
      </c>
      <c r="D6984">
        <f t="shared" si="218"/>
        <v>0</v>
      </c>
      <c r="E6984" s="6">
        <f t="shared" si="219"/>
        <v>0</v>
      </c>
    </row>
    <row r="6985" spans="1:5" x14ac:dyDescent="0.25">
      <c r="A6985" s="5">
        <v>43846.833333333336</v>
      </c>
      <c r="B6985" s="2">
        <v>31.316617999999998</v>
      </c>
      <c r="C6985">
        <v>0</v>
      </c>
      <c r="D6985">
        <f t="shared" si="218"/>
        <v>0</v>
      </c>
      <c r="E6985" s="6">
        <f t="shared" si="219"/>
        <v>0</v>
      </c>
    </row>
    <row r="6986" spans="1:5" x14ac:dyDescent="0.25">
      <c r="A6986" s="5">
        <v>43846.875</v>
      </c>
      <c r="B6986" s="2">
        <v>27.634215999999999</v>
      </c>
      <c r="C6986">
        <v>0</v>
      </c>
      <c r="D6986">
        <f t="shared" si="218"/>
        <v>0</v>
      </c>
      <c r="E6986" s="6">
        <f t="shared" si="219"/>
        <v>0</v>
      </c>
    </row>
    <row r="6987" spans="1:5" x14ac:dyDescent="0.25">
      <c r="A6987" s="5">
        <v>43846.916666666664</v>
      </c>
      <c r="B6987" s="2">
        <v>24.284537</v>
      </c>
      <c r="C6987">
        <v>0</v>
      </c>
      <c r="D6987">
        <f t="shared" si="218"/>
        <v>0</v>
      </c>
      <c r="E6987" s="6">
        <f t="shared" si="219"/>
        <v>0</v>
      </c>
    </row>
    <row r="6988" spans="1:5" x14ac:dyDescent="0.25">
      <c r="A6988" s="5">
        <v>43846.958333333336</v>
      </c>
      <c r="B6988" s="2">
        <v>23.588049000000002</v>
      </c>
      <c r="C6988">
        <v>0</v>
      </c>
      <c r="D6988">
        <f t="shared" si="218"/>
        <v>0</v>
      </c>
      <c r="E6988" s="6">
        <f t="shared" si="219"/>
        <v>0</v>
      </c>
    </row>
    <row r="6989" spans="1:5" x14ac:dyDescent="0.25">
      <c r="A6989" s="5">
        <v>43847</v>
      </c>
      <c r="B6989" s="2">
        <v>20.896073000000001</v>
      </c>
      <c r="C6989">
        <v>0</v>
      </c>
      <c r="D6989">
        <f t="shared" si="218"/>
        <v>0</v>
      </c>
      <c r="E6989" s="6">
        <f t="shared" si="219"/>
        <v>0</v>
      </c>
    </row>
    <row r="6990" spans="1:5" x14ac:dyDescent="0.25">
      <c r="A6990" s="5">
        <v>43847.041666666664</v>
      </c>
      <c r="B6990" s="2">
        <v>20.802437000000001</v>
      </c>
      <c r="C6990">
        <v>0</v>
      </c>
      <c r="D6990">
        <f t="shared" si="218"/>
        <v>0</v>
      </c>
      <c r="E6990" s="6">
        <f t="shared" si="219"/>
        <v>0</v>
      </c>
    </row>
    <row r="6991" spans="1:5" x14ac:dyDescent="0.25">
      <c r="A6991" s="5">
        <v>43847.083333333336</v>
      </c>
      <c r="B6991" s="2">
        <v>20.484352000000001</v>
      </c>
      <c r="C6991">
        <v>0</v>
      </c>
      <c r="D6991">
        <f t="shared" si="218"/>
        <v>0</v>
      </c>
      <c r="E6991" s="6">
        <f t="shared" si="219"/>
        <v>0</v>
      </c>
    </row>
    <row r="6992" spans="1:5" x14ac:dyDescent="0.25">
      <c r="A6992" s="5">
        <v>43847.125</v>
      </c>
      <c r="B6992" s="2">
        <v>20.654301</v>
      </c>
      <c r="C6992">
        <v>0</v>
      </c>
      <c r="D6992">
        <f t="shared" si="218"/>
        <v>0</v>
      </c>
      <c r="E6992" s="6">
        <f t="shared" si="219"/>
        <v>0</v>
      </c>
    </row>
    <row r="6993" spans="1:5" x14ac:dyDescent="0.25">
      <c r="A6993" s="5">
        <v>43847.166666666664</v>
      </c>
      <c r="B6993" s="2">
        <v>21.481028999999999</v>
      </c>
      <c r="C6993">
        <v>0</v>
      </c>
      <c r="D6993">
        <f t="shared" si="218"/>
        <v>0</v>
      </c>
      <c r="E6993" s="6">
        <f t="shared" si="219"/>
        <v>0</v>
      </c>
    </row>
    <row r="6994" spans="1:5" x14ac:dyDescent="0.25">
      <c r="A6994" s="5">
        <v>43847.208333333336</v>
      </c>
      <c r="B6994" s="2">
        <v>24.880514999999999</v>
      </c>
      <c r="C6994">
        <v>0</v>
      </c>
      <c r="D6994">
        <f t="shared" si="218"/>
        <v>0</v>
      </c>
      <c r="E6994" s="6">
        <f t="shared" si="219"/>
        <v>0</v>
      </c>
    </row>
    <row r="6995" spans="1:5" x14ac:dyDescent="0.25">
      <c r="A6995" s="5">
        <v>43847.25</v>
      </c>
      <c r="B6995" s="2">
        <v>36.507371999999997</v>
      </c>
      <c r="C6995">
        <v>0</v>
      </c>
      <c r="D6995">
        <f t="shared" si="218"/>
        <v>0</v>
      </c>
      <c r="E6995" s="6">
        <f t="shared" si="219"/>
        <v>0</v>
      </c>
    </row>
    <row r="6996" spans="1:5" x14ac:dyDescent="0.25">
      <c r="A6996" s="5">
        <v>43847.291666666664</v>
      </c>
      <c r="B6996" s="2">
        <v>51.876950999999998</v>
      </c>
      <c r="C6996">
        <v>0</v>
      </c>
      <c r="D6996">
        <f t="shared" si="218"/>
        <v>0</v>
      </c>
      <c r="E6996" s="6">
        <f t="shared" si="219"/>
        <v>0</v>
      </c>
    </row>
    <row r="6997" spans="1:5" x14ac:dyDescent="0.25">
      <c r="A6997" s="5">
        <v>43847.333333333336</v>
      </c>
      <c r="B6997" s="2">
        <v>36.667884999999998</v>
      </c>
      <c r="C6997">
        <v>0.17679499999999998</v>
      </c>
      <c r="D6997">
        <f t="shared" si="218"/>
        <v>1.7679499999999999E-4</v>
      </c>
      <c r="E6997" s="6">
        <f t="shared" si="219"/>
        <v>6.4826987285749992E-3</v>
      </c>
    </row>
    <row r="6998" spans="1:5" x14ac:dyDescent="0.25">
      <c r="A6998" s="5">
        <v>43847.375</v>
      </c>
      <c r="B6998" s="2">
        <v>33.575605000000003</v>
      </c>
      <c r="C6998">
        <v>3.6630180000000001</v>
      </c>
      <c r="D6998">
        <f t="shared" si="218"/>
        <v>3.6630180000000001E-3</v>
      </c>
      <c r="E6998" s="6">
        <f t="shared" si="219"/>
        <v>0.12298804547589001</v>
      </c>
    </row>
    <row r="6999" spans="1:5" x14ac:dyDescent="0.25">
      <c r="A6999" s="5">
        <v>43847.416666666664</v>
      </c>
      <c r="B6999" s="2">
        <v>32.648021</v>
      </c>
      <c r="C6999">
        <v>0.63642700000000008</v>
      </c>
      <c r="D6999">
        <f t="shared" si="218"/>
        <v>6.3642700000000006E-4</v>
      </c>
      <c r="E6999" s="6">
        <f t="shared" si="219"/>
        <v>2.0778082060967002E-2</v>
      </c>
    </row>
    <row r="7000" spans="1:5" x14ac:dyDescent="0.25">
      <c r="A7000" s="5">
        <v>43847.458333333336</v>
      </c>
      <c r="B7000" s="2">
        <v>26.923396</v>
      </c>
      <c r="C7000">
        <v>1.6412200000000001</v>
      </c>
      <c r="D7000">
        <f t="shared" si="218"/>
        <v>1.6412200000000001E-3</v>
      </c>
      <c r="E7000" s="6">
        <f t="shared" si="219"/>
        <v>4.4187215983120004E-2</v>
      </c>
    </row>
    <row r="7001" spans="1:5" x14ac:dyDescent="0.25">
      <c r="A7001" s="5">
        <v>43847.5</v>
      </c>
      <c r="B7001" s="2">
        <v>25.547581999999998</v>
      </c>
      <c r="C7001">
        <v>1.0204150000000001</v>
      </c>
      <c r="D7001">
        <f t="shared" si="218"/>
        <v>1.020415E-3</v>
      </c>
      <c r="E7001" s="6">
        <f t="shared" si="219"/>
        <v>2.6069135886529999E-2</v>
      </c>
    </row>
    <row r="7002" spans="1:5" x14ac:dyDescent="0.25">
      <c r="A7002" s="5">
        <v>43847.541666666664</v>
      </c>
      <c r="B7002" s="2">
        <v>24.70054</v>
      </c>
      <c r="C7002">
        <v>6.5800150000000004</v>
      </c>
      <c r="D7002">
        <f t="shared" si="218"/>
        <v>6.5800150000000007E-3</v>
      </c>
      <c r="E7002" s="6">
        <f t="shared" si="219"/>
        <v>0.16252992370810002</v>
      </c>
    </row>
    <row r="7003" spans="1:5" x14ac:dyDescent="0.25">
      <c r="A7003" s="5">
        <v>43847.583333333336</v>
      </c>
      <c r="B7003" s="2">
        <v>24.084118</v>
      </c>
      <c r="C7003">
        <v>5.6703609999999998</v>
      </c>
      <c r="D7003">
        <f t="shared" si="218"/>
        <v>5.6703609999999996E-3</v>
      </c>
      <c r="E7003" s="6">
        <f t="shared" si="219"/>
        <v>0.13656564342659799</v>
      </c>
    </row>
    <row r="7004" spans="1:5" x14ac:dyDescent="0.25">
      <c r="A7004" s="5">
        <v>43847.625</v>
      </c>
      <c r="B7004" s="2">
        <v>24.180109000000002</v>
      </c>
      <c r="C7004">
        <v>4.3406789999999997</v>
      </c>
      <c r="D7004">
        <f t="shared" si="218"/>
        <v>4.3406790000000001E-3</v>
      </c>
      <c r="E7004" s="6">
        <f t="shared" si="219"/>
        <v>0.104958091354011</v>
      </c>
    </row>
    <row r="7005" spans="1:5" x14ac:dyDescent="0.25">
      <c r="A7005" s="5">
        <v>43847.666666666664</v>
      </c>
      <c r="B7005" s="2">
        <v>24.890713999999999</v>
      </c>
      <c r="C7005">
        <v>2.3579639999999999</v>
      </c>
      <c r="D7005">
        <f t="shared" si="218"/>
        <v>2.3579640000000002E-3</v>
      </c>
      <c r="E7005" s="6">
        <f t="shared" si="219"/>
        <v>5.8691407546296002E-2</v>
      </c>
    </row>
    <row r="7006" spans="1:5" x14ac:dyDescent="0.25">
      <c r="A7006" s="5">
        <v>43847.708333333336</v>
      </c>
      <c r="B7006" s="2">
        <v>32.708385999999997</v>
      </c>
      <c r="C7006">
        <v>5.8500999999999997E-2</v>
      </c>
      <c r="D7006">
        <f t="shared" si="218"/>
        <v>5.8500999999999994E-5</v>
      </c>
      <c r="E7006" s="6">
        <f t="shared" si="219"/>
        <v>1.9134732893859997E-3</v>
      </c>
    </row>
    <row r="7007" spans="1:5" x14ac:dyDescent="0.25">
      <c r="A7007" s="5">
        <v>43847.75</v>
      </c>
      <c r="B7007" s="2">
        <v>30.498888999999998</v>
      </c>
      <c r="C7007">
        <v>0</v>
      </c>
      <c r="D7007">
        <f t="shared" si="218"/>
        <v>0</v>
      </c>
      <c r="E7007" s="6">
        <f t="shared" si="219"/>
        <v>0</v>
      </c>
    </row>
    <row r="7008" spans="1:5" x14ac:dyDescent="0.25">
      <c r="A7008" s="5">
        <v>43847.791666666664</v>
      </c>
      <c r="B7008" s="2">
        <v>27.088909999999998</v>
      </c>
      <c r="C7008">
        <v>0</v>
      </c>
      <c r="D7008">
        <f t="shared" si="218"/>
        <v>0</v>
      </c>
      <c r="E7008" s="6">
        <f t="shared" si="219"/>
        <v>0</v>
      </c>
    </row>
    <row r="7009" spans="1:5" x14ac:dyDescent="0.25">
      <c r="A7009" s="5">
        <v>43847.833333333336</v>
      </c>
      <c r="B7009" s="2">
        <v>26.434588000000002</v>
      </c>
      <c r="C7009">
        <v>0</v>
      </c>
      <c r="D7009">
        <f t="shared" si="218"/>
        <v>0</v>
      </c>
      <c r="E7009" s="6">
        <f t="shared" si="219"/>
        <v>0</v>
      </c>
    </row>
    <row r="7010" spans="1:5" x14ac:dyDescent="0.25">
      <c r="A7010" s="5">
        <v>43847.875</v>
      </c>
      <c r="B7010" s="2">
        <v>25.574142999999999</v>
      </c>
      <c r="C7010">
        <v>0</v>
      </c>
      <c r="D7010">
        <f t="shared" si="218"/>
        <v>0</v>
      </c>
      <c r="E7010" s="6">
        <f t="shared" si="219"/>
        <v>0</v>
      </c>
    </row>
    <row r="7011" spans="1:5" x14ac:dyDescent="0.25">
      <c r="A7011" s="5">
        <v>43847.916666666664</v>
      </c>
      <c r="B7011" s="2">
        <v>24.512353000000001</v>
      </c>
      <c r="C7011">
        <v>0</v>
      </c>
      <c r="D7011">
        <f t="shared" si="218"/>
        <v>0</v>
      </c>
      <c r="E7011" s="6">
        <f t="shared" si="219"/>
        <v>0</v>
      </c>
    </row>
    <row r="7012" spans="1:5" x14ac:dyDescent="0.25">
      <c r="A7012" s="5">
        <v>43847.958333333336</v>
      </c>
      <c r="B7012" s="2">
        <v>22.704972000000001</v>
      </c>
      <c r="C7012">
        <v>0</v>
      </c>
      <c r="D7012">
        <f t="shared" si="218"/>
        <v>0</v>
      </c>
      <c r="E7012" s="6">
        <f t="shared" si="219"/>
        <v>0</v>
      </c>
    </row>
    <row r="7013" spans="1:5" x14ac:dyDescent="0.25">
      <c r="A7013" s="5">
        <v>43848</v>
      </c>
      <c r="B7013" s="2">
        <v>21.602074999999999</v>
      </c>
      <c r="C7013">
        <v>0</v>
      </c>
      <c r="D7013">
        <f t="shared" si="218"/>
        <v>0</v>
      </c>
      <c r="E7013" s="6">
        <f t="shared" si="219"/>
        <v>0</v>
      </c>
    </row>
    <row r="7014" spans="1:5" x14ac:dyDescent="0.25">
      <c r="A7014" s="5">
        <v>43848.041666666664</v>
      </c>
      <c r="B7014" s="2">
        <v>21.078348999999999</v>
      </c>
      <c r="C7014">
        <v>0</v>
      </c>
      <c r="D7014">
        <f t="shared" si="218"/>
        <v>0</v>
      </c>
      <c r="E7014" s="6">
        <f t="shared" si="219"/>
        <v>0</v>
      </c>
    </row>
    <row r="7015" spans="1:5" x14ac:dyDescent="0.25">
      <c r="A7015" s="5">
        <v>43848.083333333336</v>
      </c>
      <c r="B7015" s="2">
        <v>21.175581000000001</v>
      </c>
      <c r="C7015">
        <v>0</v>
      </c>
      <c r="D7015">
        <f t="shared" si="218"/>
        <v>0</v>
      </c>
      <c r="E7015" s="6">
        <f t="shared" si="219"/>
        <v>0</v>
      </c>
    </row>
    <row r="7016" spans="1:5" x14ac:dyDescent="0.25">
      <c r="A7016" s="5">
        <v>43848.125</v>
      </c>
      <c r="B7016" s="2">
        <v>20.217735000000001</v>
      </c>
      <c r="C7016">
        <v>0</v>
      </c>
      <c r="D7016">
        <f t="shared" si="218"/>
        <v>0</v>
      </c>
      <c r="E7016" s="6">
        <f t="shared" si="219"/>
        <v>0</v>
      </c>
    </row>
    <row r="7017" spans="1:5" x14ac:dyDescent="0.25">
      <c r="A7017" s="5">
        <v>43848.166666666664</v>
      </c>
      <c r="B7017" s="2">
        <v>20.457730000000002</v>
      </c>
      <c r="C7017">
        <v>0</v>
      </c>
      <c r="D7017">
        <f t="shared" si="218"/>
        <v>0</v>
      </c>
      <c r="E7017" s="6">
        <f t="shared" si="219"/>
        <v>0</v>
      </c>
    </row>
    <row r="7018" spans="1:5" x14ac:dyDescent="0.25">
      <c r="A7018" s="5">
        <v>43848.208333333336</v>
      </c>
      <c r="B7018" s="2">
        <v>20.884955999999999</v>
      </c>
      <c r="C7018">
        <v>0</v>
      </c>
      <c r="D7018">
        <f t="shared" si="218"/>
        <v>0</v>
      </c>
      <c r="E7018" s="6">
        <f t="shared" si="219"/>
        <v>0</v>
      </c>
    </row>
    <row r="7019" spans="1:5" x14ac:dyDescent="0.25">
      <c r="A7019" s="5">
        <v>43848.25</v>
      </c>
      <c r="B7019" s="2">
        <v>21.403596</v>
      </c>
      <c r="C7019">
        <v>0</v>
      </c>
      <c r="D7019">
        <f t="shared" si="218"/>
        <v>0</v>
      </c>
      <c r="E7019" s="6">
        <f t="shared" si="219"/>
        <v>0</v>
      </c>
    </row>
    <row r="7020" spans="1:5" x14ac:dyDescent="0.25">
      <c r="A7020" s="5">
        <v>43848.291666666664</v>
      </c>
      <c r="B7020" s="2">
        <v>23.041466</v>
      </c>
      <c r="C7020">
        <v>0</v>
      </c>
      <c r="D7020">
        <f t="shared" si="218"/>
        <v>0</v>
      </c>
      <c r="E7020" s="6">
        <f t="shared" si="219"/>
        <v>0</v>
      </c>
    </row>
    <row r="7021" spans="1:5" x14ac:dyDescent="0.25">
      <c r="A7021" s="5">
        <v>43848.333333333336</v>
      </c>
      <c r="B7021" s="2">
        <v>24.114446000000001</v>
      </c>
      <c r="C7021">
        <v>0.66674800000000001</v>
      </c>
      <c r="D7021">
        <f t="shared" si="218"/>
        <v>6.6674799999999999E-4</v>
      </c>
      <c r="E7021" s="6">
        <f t="shared" si="219"/>
        <v>1.6078258641608001E-2</v>
      </c>
    </row>
    <row r="7022" spans="1:5" x14ac:dyDescent="0.25">
      <c r="A7022" s="5">
        <v>43848.375</v>
      </c>
      <c r="B7022" s="2">
        <v>24.714361</v>
      </c>
      <c r="C7022">
        <v>3.7288169999999998</v>
      </c>
      <c r="D7022">
        <f t="shared" si="218"/>
        <v>3.7288169999999997E-3</v>
      </c>
      <c r="E7022" s="6">
        <f t="shared" si="219"/>
        <v>9.2155329440936989E-2</v>
      </c>
    </row>
    <row r="7023" spans="1:5" x14ac:dyDescent="0.25">
      <c r="A7023" s="5">
        <v>43848.416666666664</v>
      </c>
      <c r="B7023" s="2">
        <v>25.109386000000001</v>
      </c>
      <c r="C7023">
        <v>3.5889810000000004</v>
      </c>
      <c r="D7023">
        <f t="shared" si="218"/>
        <v>3.5889810000000006E-3</v>
      </c>
      <c r="E7023" s="6">
        <f t="shared" si="219"/>
        <v>9.0117109275666019E-2</v>
      </c>
    </row>
    <row r="7024" spans="1:5" x14ac:dyDescent="0.25">
      <c r="A7024" s="5">
        <v>43848.458333333336</v>
      </c>
      <c r="B7024" s="2">
        <v>23.818784999999998</v>
      </c>
      <c r="C7024">
        <v>6.5961210000000001</v>
      </c>
      <c r="D7024">
        <f t="shared" si="218"/>
        <v>6.5961209999999999E-3</v>
      </c>
      <c r="E7024" s="6">
        <f t="shared" si="219"/>
        <v>0.15711158793298499</v>
      </c>
    </row>
    <row r="7025" spans="1:5" x14ac:dyDescent="0.25">
      <c r="A7025" s="5">
        <v>43848.5</v>
      </c>
      <c r="B7025" s="2">
        <v>22.570865000000001</v>
      </c>
      <c r="C7025">
        <v>6.9631959999999999</v>
      </c>
      <c r="D7025">
        <f t="shared" si="218"/>
        <v>6.9631959999999996E-3</v>
      </c>
      <c r="E7025" s="6">
        <f t="shared" si="219"/>
        <v>0.15716535688454</v>
      </c>
    </row>
    <row r="7026" spans="1:5" x14ac:dyDescent="0.25">
      <c r="A7026" s="5">
        <v>43848.541666666664</v>
      </c>
      <c r="B7026" s="2">
        <v>22.190024000000001</v>
      </c>
      <c r="C7026">
        <v>6.7579979999999997</v>
      </c>
      <c r="D7026">
        <f t="shared" si="218"/>
        <v>6.7579979999999994E-3</v>
      </c>
      <c r="E7026" s="6">
        <f t="shared" si="219"/>
        <v>0.149960137811952</v>
      </c>
    </row>
    <row r="7027" spans="1:5" x14ac:dyDescent="0.25">
      <c r="A7027" s="5">
        <v>43848.583333333336</v>
      </c>
      <c r="B7027" s="2">
        <v>21.373280999999999</v>
      </c>
      <c r="C7027">
        <v>6.0171450000000002</v>
      </c>
      <c r="D7027">
        <f t="shared" si="218"/>
        <v>6.0171449999999998E-3</v>
      </c>
      <c r="E7027" s="6">
        <f t="shared" si="219"/>
        <v>0.12860613090274498</v>
      </c>
    </row>
    <row r="7028" spans="1:5" x14ac:dyDescent="0.25">
      <c r="A7028" s="5">
        <v>43848.625</v>
      </c>
      <c r="B7028" s="2">
        <v>21.164318999999999</v>
      </c>
      <c r="C7028">
        <v>4.6222599999999998</v>
      </c>
      <c r="D7028">
        <f t="shared" si="218"/>
        <v>4.6222599999999996E-3</v>
      </c>
      <c r="E7028" s="6">
        <f t="shared" si="219"/>
        <v>9.7826985140939987E-2</v>
      </c>
    </row>
    <row r="7029" spans="1:5" x14ac:dyDescent="0.25">
      <c r="A7029" s="5">
        <v>43848.666666666664</v>
      </c>
      <c r="B7029" s="2">
        <v>22.582628</v>
      </c>
      <c r="C7029">
        <v>2.6320799999999998</v>
      </c>
      <c r="D7029">
        <f t="shared" si="218"/>
        <v>2.6320799999999997E-3</v>
      </c>
      <c r="E7029" s="6">
        <f t="shared" si="219"/>
        <v>5.9439283506239997E-2</v>
      </c>
    </row>
    <row r="7030" spans="1:5" x14ac:dyDescent="0.25">
      <c r="A7030" s="5">
        <v>43848.708333333336</v>
      </c>
      <c r="B7030" s="2">
        <v>25.267878</v>
      </c>
      <c r="C7030">
        <v>8.8760999999999993E-2</v>
      </c>
      <c r="D7030">
        <f t="shared" si="218"/>
        <v>8.8760999999999999E-5</v>
      </c>
      <c r="E7030" s="6">
        <f t="shared" si="219"/>
        <v>2.2428021191579998E-3</v>
      </c>
    </row>
    <row r="7031" spans="1:5" x14ac:dyDescent="0.25">
      <c r="A7031" s="5">
        <v>43848.75</v>
      </c>
      <c r="B7031" s="2">
        <v>24.379515999999999</v>
      </c>
      <c r="C7031">
        <v>0</v>
      </c>
      <c r="D7031">
        <f t="shared" si="218"/>
        <v>0</v>
      </c>
      <c r="E7031" s="6">
        <f t="shared" si="219"/>
        <v>0</v>
      </c>
    </row>
    <row r="7032" spans="1:5" x14ac:dyDescent="0.25">
      <c r="A7032" s="5">
        <v>43848.791666666664</v>
      </c>
      <c r="B7032" s="2">
        <v>22.532561999999999</v>
      </c>
      <c r="C7032">
        <v>0</v>
      </c>
      <c r="D7032">
        <f t="shared" si="218"/>
        <v>0</v>
      </c>
      <c r="E7032" s="6">
        <f t="shared" si="219"/>
        <v>0</v>
      </c>
    </row>
    <row r="7033" spans="1:5" x14ac:dyDescent="0.25">
      <c r="A7033" s="5">
        <v>43848.833333333336</v>
      </c>
      <c r="B7033" s="2">
        <v>21.453668</v>
      </c>
      <c r="C7033">
        <v>0</v>
      </c>
      <c r="D7033">
        <f t="shared" si="218"/>
        <v>0</v>
      </c>
      <c r="E7033" s="6">
        <f t="shared" si="219"/>
        <v>0</v>
      </c>
    </row>
    <row r="7034" spans="1:5" x14ac:dyDescent="0.25">
      <c r="A7034" s="5">
        <v>43848.875</v>
      </c>
      <c r="B7034" s="2">
        <v>20.230381000000001</v>
      </c>
      <c r="C7034">
        <v>0</v>
      </c>
      <c r="D7034">
        <f t="shared" si="218"/>
        <v>0</v>
      </c>
      <c r="E7034" s="6">
        <f t="shared" si="219"/>
        <v>0</v>
      </c>
    </row>
    <row r="7035" spans="1:5" x14ac:dyDescent="0.25">
      <c r="A7035" s="5">
        <v>43848.916666666664</v>
      </c>
      <c r="B7035" s="2">
        <v>19.787265999999999</v>
      </c>
      <c r="C7035">
        <v>0</v>
      </c>
      <c r="D7035">
        <f t="shared" si="218"/>
        <v>0</v>
      </c>
      <c r="E7035" s="6">
        <f t="shared" si="219"/>
        <v>0</v>
      </c>
    </row>
    <row r="7036" spans="1:5" x14ac:dyDescent="0.25">
      <c r="A7036" s="5">
        <v>43848.958333333336</v>
      </c>
      <c r="B7036" s="2">
        <v>19.021252</v>
      </c>
      <c r="C7036">
        <v>0</v>
      </c>
      <c r="D7036">
        <f t="shared" si="218"/>
        <v>0</v>
      </c>
      <c r="E7036" s="6">
        <f t="shared" si="219"/>
        <v>0</v>
      </c>
    </row>
    <row r="7037" spans="1:5" x14ac:dyDescent="0.25">
      <c r="A7037" s="5">
        <v>43849</v>
      </c>
      <c r="B7037" s="2">
        <v>18.890419000000001</v>
      </c>
      <c r="C7037">
        <v>0</v>
      </c>
      <c r="D7037">
        <f t="shared" si="218"/>
        <v>0</v>
      </c>
      <c r="E7037" s="6">
        <f t="shared" si="219"/>
        <v>0</v>
      </c>
    </row>
    <row r="7038" spans="1:5" x14ac:dyDescent="0.25">
      <c r="A7038" s="5">
        <v>43849.041666666664</v>
      </c>
      <c r="B7038" s="2">
        <v>18.873206</v>
      </c>
      <c r="C7038">
        <v>0</v>
      </c>
      <c r="D7038">
        <f t="shared" si="218"/>
        <v>0</v>
      </c>
      <c r="E7038" s="6">
        <f t="shared" si="219"/>
        <v>0</v>
      </c>
    </row>
    <row r="7039" spans="1:5" x14ac:dyDescent="0.25">
      <c r="A7039" s="5">
        <v>43849.083333333336</v>
      </c>
      <c r="B7039" s="2">
        <v>18.614881</v>
      </c>
      <c r="C7039">
        <v>0</v>
      </c>
      <c r="D7039">
        <f t="shared" si="218"/>
        <v>0</v>
      </c>
      <c r="E7039" s="6">
        <f t="shared" si="219"/>
        <v>0</v>
      </c>
    </row>
    <row r="7040" spans="1:5" x14ac:dyDescent="0.25">
      <c r="A7040" s="5">
        <v>43849.125</v>
      </c>
      <c r="B7040" s="2">
        <v>18.739805</v>
      </c>
      <c r="C7040">
        <v>0</v>
      </c>
      <c r="D7040">
        <f t="shared" si="218"/>
        <v>0</v>
      </c>
      <c r="E7040" s="6">
        <f t="shared" si="219"/>
        <v>0</v>
      </c>
    </row>
    <row r="7041" spans="1:5" x14ac:dyDescent="0.25">
      <c r="A7041" s="5">
        <v>43849.166666666664</v>
      </c>
      <c r="B7041" s="2">
        <v>18.962008999999998</v>
      </c>
      <c r="C7041">
        <v>0</v>
      </c>
      <c r="D7041">
        <f t="shared" si="218"/>
        <v>0</v>
      </c>
      <c r="E7041" s="6">
        <f t="shared" si="219"/>
        <v>0</v>
      </c>
    </row>
    <row r="7042" spans="1:5" x14ac:dyDescent="0.25">
      <c r="A7042" s="5">
        <v>43849.208333333336</v>
      </c>
      <c r="B7042" s="2">
        <v>18.717604999999999</v>
      </c>
      <c r="C7042">
        <v>0</v>
      </c>
      <c r="D7042">
        <f t="shared" si="218"/>
        <v>0</v>
      </c>
      <c r="E7042" s="6">
        <f t="shared" si="219"/>
        <v>0</v>
      </c>
    </row>
    <row r="7043" spans="1:5" x14ac:dyDescent="0.25">
      <c r="A7043" s="5">
        <v>43849.25</v>
      </c>
      <c r="B7043" s="2">
        <v>19.324083999999999</v>
      </c>
      <c r="C7043">
        <v>0</v>
      </c>
      <c r="D7043">
        <f t="shared" si="218"/>
        <v>0</v>
      </c>
      <c r="E7043" s="6">
        <f t="shared" si="219"/>
        <v>0</v>
      </c>
    </row>
    <row r="7044" spans="1:5" x14ac:dyDescent="0.25">
      <c r="A7044" s="5">
        <v>43849.291666666664</v>
      </c>
      <c r="B7044" s="2">
        <v>20.146951000000001</v>
      </c>
      <c r="C7044">
        <v>0</v>
      </c>
      <c r="D7044">
        <f t="shared" si="218"/>
        <v>0</v>
      </c>
      <c r="E7044" s="6">
        <f t="shared" si="219"/>
        <v>0</v>
      </c>
    </row>
    <row r="7045" spans="1:5" x14ac:dyDescent="0.25">
      <c r="A7045" s="5">
        <v>43849.333333333336</v>
      </c>
      <c r="B7045" s="2">
        <v>20.768982999999999</v>
      </c>
      <c r="C7045">
        <v>0.47658699999999998</v>
      </c>
      <c r="D7045">
        <f t="shared" si="218"/>
        <v>4.76587E-4</v>
      </c>
      <c r="E7045" s="6">
        <f t="shared" si="219"/>
        <v>9.8982273010209988E-3</v>
      </c>
    </row>
    <row r="7046" spans="1:5" x14ac:dyDescent="0.25">
      <c r="A7046" s="5">
        <v>43849.375</v>
      </c>
      <c r="B7046" s="2">
        <v>21.062584999999999</v>
      </c>
      <c r="C7046">
        <v>0.82950099999999993</v>
      </c>
      <c r="D7046">
        <f t="shared" ref="D7046:D7109" si="220">C7046/1000</f>
        <v>8.2950099999999996E-4</v>
      </c>
      <c r="E7046" s="6">
        <f t="shared" ref="E7046:E7109" si="221">D7046*B7046</f>
        <v>1.7471435320084997E-2</v>
      </c>
    </row>
    <row r="7047" spans="1:5" x14ac:dyDescent="0.25">
      <c r="A7047" s="5">
        <v>43849.416666666664</v>
      </c>
      <c r="B7047" s="2">
        <v>21.637716999999999</v>
      </c>
      <c r="C7047">
        <v>2.6660030000000003</v>
      </c>
      <c r="D7047">
        <f t="shared" si="220"/>
        <v>2.6660030000000006E-3</v>
      </c>
      <c r="E7047" s="6">
        <f t="shared" si="221"/>
        <v>5.768621843515101E-2</v>
      </c>
    </row>
    <row r="7048" spans="1:5" x14ac:dyDescent="0.25">
      <c r="A7048" s="5">
        <v>43849.458333333336</v>
      </c>
      <c r="B7048" s="2">
        <v>20.978387000000001</v>
      </c>
      <c r="C7048">
        <v>2.4141729999999999</v>
      </c>
      <c r="D7048">
        <f t="shared" si="220"/>
        <v>2.4141729999999999E-3</v>
      </c>
      <c r="E7048" s="6">
        <f t="shared" si="221"/>
        <v>5.0645455478951003E-2</v>
      </c>
    </row>
    <row r="7049" spans="1:5" x14ac:dyDescent="0.25">
      <c r="A7049" s="5">
        <v>43849.5</v>
      </c>
      <c r="B7049" s="2">
        <v>20.557755</v>
      </c>
      <c r="C7049">
        <v>2.1223480000000001</v>
      </c>
      <c r="D7049">
        <f t="shared" si="220"/>
        <v>2.122348E-3</v>
      </c>
      <c r="E7049" s="6">
        <f t="shared" si="221"/>
        <v>4.3630710208740001E-2</v>
      </c>
    </row>
    <row r="7050" spans="1:5" x14ac:dyDescent="0.25">
      <c r="A7050" s="5">
        <v>43849.541666666664</v>
      </c>
      <c r="B7050" s="2">
        <v>20.413143000000002</v>
      </c>
      <c r="C7050">
        <v>3.1453549999999999</v>
      </c>
      <c r="D7050">
        <f t="shared" si="220"/>
        <v>3.1453549999999999E-3</v>
      </c>
      <c r="E7050" s="6">
        <f t="shared" si="221"/>
        <v>6.4206581400765003E-2</v>
      </c>
    </row>
    <row r="7051" spans="1:5" x14ac:dyDescent="0.25">
      <c r="A7051" s="5">
        <v>43849.583333333336</v>
      </c>
      <c r="B7051" s="2">
        <v>20.197272999999999</v>
      </c>
      <c r="C7051">
        <v>0.60802299999999998</v>
      </c>
      <c r="D7051">
        <f t="shared" si="220"/>
        <v>6.0802299999999996E-4</v>
      </c>
      <c r="E7051" s="6">
        <f t="shared" si="221"/>
        <v>1.2280406521278998E-2</v>
      </c>
    </row>
    <row r="7052" spans="1:5" x14ac:dyDescent="0.25">
      <c r="A7052" s="5">
        <v>43849.625</v>
      </c>
      <c r="B7052" s="2">
        <v>20.439366</v>
      </c>
      <c r="C7052">
        <v>1.175411</v>
      </c>
      <c r="D7052">
        <f t="shared" si="220"/>
        <v>1.1754109999999999E-3</v>
      </c>
      <c r="E7052" s="6">
        <f t="shared" si="221"/>
        <v>2.4024655629425996E-2</v>
      </c>
    </row>
    <row r="7053" spans="1:5" x14ac:dyDescent="0.25">
      <c r="A7053" s="5">
        <v>43849.666666666664</v>
      </c>
      <c r="B7053" s="2">
        <v>23.085830000000001</v>
      </c>
      <c r="C7053">
        <v>1.501873</v>
      </c>
      <c r="D7053">
        <f t="shared" si="220"/>
        <v>1.5018729999999999E-3</v>
      </c>
      <c r="E7053" s="6">
        <f t="shared" si="221"/>
        <v>3.4671984759589998E-2</v>
      </c>
    </row>
    <row r="7054" spans="1:5" x14ac:dyDescent="0.25">
      <c r="A7054" s="5">
        <v>43849.708333333336</v>
      </c>
      <c r="B7054" s="2">
        <v>31.421088000000001</v>
      </c>
      <c r="C7054">
        <v>0.30895600000000001</v>
      </c>
      <c r="D7054">
        <f t="shared" si="220"/>
        <v>3.0895599999999999E-4</v>
      </c>
      <c r="E7054" s="6">
        <f t="shared" si="221"/>
        <v>9.7077336641280005E-3</v>
      </c>
    </row>
    <row r="7055" spans="1:5" x14ac:dyDescent="0.25">
      <c r="A7055" s="5">
        <v>43849.75</v>
      </c>
      <c r="B7055" s="2">
        <v>29.784323000000001</v>
      </c>
      <c r="C7055">
        <v>0</v>
      </c>
      <c r="D7055">
        <f t="shared" si="220"/>
        <v>0</v>
      </c>
      <c r="E7055" s="6">
        <f t="shared" si="221"/>
        <v>0</v>
      </c>
    </row>
    <row r="7056" spans="1:5" x14ac:dyDescent="0.25">
      <c r="A7056" s="5">
        <v>43849.791666666664</v>
      </c>
      <c r="B7056" s="2">
        <v>28.606555</v>
      </c>
      <c r="C7056">
        <v>0</v>
      </c>
      <c r="D7056">
        <f t="shared" si="220"/>
        <v>0</v>
      </c>
      <c r="E7056" s="6">
        <f t="shared" si="221"/>
        <v>0</v>
      </c>
    </row>
    <row r="7057" spans="1:5" x14ac:dyDescent="0.25">
      <c r="A7057" s="5">
        <v>43849.833333333336</v>
      </c>
      <c r="B7057" s="2">
        <v>28.890232999999998</v>
      </c>
      <c r="C7057">
        <v>0</v>
      </c>
      <c r="D7057">
        <f t="shared" si="220"/>
        <v>0</v>
      </c>
      <c r="E7057" s="6">
        <f t="shared" si="221"/>
        <v>0</v>
      </c>
    </row>
    <row r="7058" spans="1:5" x14ac:dyDescent="0.25">
      <c r="A7058" s="5">
        <v>43849.875</v>
      </c>
      <c r="B7058" s="2">
        <v>26.392821000000001</v>
      </c>
      <c r="C7058">
        <v>0</v>
      </c>
      <c r="D7058">
        <f t="shared" si="220"/>
        <v>0</v>
      </c>
      <c r="E7058" s="6">
        <f t="shared" si="221"/>
        <v>0</v>
      </c>
    </row>
    <row r="7059" spans="1:5" x14ac:dyDescent="0.25">
      <c r="A7059" s="5">
        <v>43849.916666666664</v>
      </c>
      <c r="B7059" s="2">
        <v>25.059822</v>
      </c>
      <c r="C7059">
        <v>0</v>
      </c>
      <c r="D7059">
        <f t="shared" si="220"/>
        <v>0</v>
      </c>
      <c r="E7059" s="6">
        <f t="shared" si="221"/>
        <v>0</v>
      </c>
    </row>
    <row r="7060" spans="1:5" x14ac:dyDescent="0.25">
      <c r="A7060" s="5">
        <v>43849.958333333336</v>
      </c>
      <c r="B7060" s="2">
        <v>24.086832000000001</v>
      </c>
      <c r="C7060">
        <v>0</v>
      </c>
      <c r="D7060">
        <f t="shared" si="220"/>
        <v>0</v>
      </c>
      <c r="E7060" s="6">
        <f t="shared" si="221"/>
        <v>0</v>
      </c>
    </row>
    <row r="7061" spans="1:5" x14ac:dyDescent="0.25">
      <c r="A7061" s="5">
        <v>43850</v>
      </c>
      <c r="B7061" s="2">
        <v>22.449024000000001</v>
      </c>
      <c r="C7061">
        <v>0</v>
      </c>
      <c r="D7061">
        <f t="shared" si="220"/>
        <v>0</v>
      </c>
      <c r="E7061" s="6">
        <f t="shared" si="221"/>
        <v>0</v>
      </c>
    </row>
    <row r="7062" spans="1:5" x14ac:dyDescent="0.25">
      <c r="A7062" s="5">
        <v>43850.041666666664</v>
      </c>
      <c r="B7062" s="2">
        <v>22.466661999999999</v>
      </c>
      <c r="C7062">
        <v>0</v>
      </c>
      <c r="D7062">
        <f t="shared" si="220"/>
        <v>0</v>
      </c>
      <c r="E7062" s="6">
        <f t="shared" si="221"/>
        <v>0</v>
      </c>
    </row>
    <row r="7063" spans="1:5" x14ac:dyDescent="0.25">
      <c r="A7063" s="5">
        <v>43850.083333333336</v>
      </c>
      <c r="B7063" s="2">
        <v>22.370913000000002</v>
      </c>
      <c r="C7063">
        <v>0</v>
      </c>
      <c r="D7063">
        <f t="shared" si="220"/>
        <v>0</v>
      </c>
      <c r="E7063" s="6">
        <f t="shared" si="221"/>
        <v>0</v>
      </c>
    </row>
    <row r="7064" spans="1:5" x14ac:dyDescent="0.25">
      <c r="A7064" s="5">
        <v>43850.125</v>
      </c>
      <c r="B7064" s="2">
        <v>22.629085</v>
      </c>
      <c r="C7064">
        <v>0</v>
      </c>
      <c r="D7064">
        <f t="shared" si="220"/>
        <v>0</v>
      </c>
      <c r="E7064" s="6">
        <f t="shared" si="221"/>
        <v>0</v>
      </c>
    </row>
    <row r="7065" spans="1:5" x14ac:dyDescent="0.25">
      <c r="A7065" s="5">
        <v>43850.166666666664</v>
      </c>
      <c r="B7065" s="2">
        <v>23.74305</v>
      </c>
      <c r="C7065">
        <v>0</v>
      </c>
      <c r="D7065">
        <f t="shared" si="220"/>
        <v>0</v>
      </c>
      <c r="E7065" s="6">
        <f t="shared" si="221"/>
        <v>0</v>
      </c>
    </row>
    <row r="7066" spans="1:5" x14ac:dyDescent="0.25">
      <c r="A7066" s="5">
        <v>43850.208333333336</v>
      </c>
      <c r="B7066" s="2">
        <v>24.970545999999999</v>
      </c>
      <c r="C7066">
        <v>0</v>
      </c>
      <c r="D7066">
        <f t="shared" si="220"/>
        <v>0</v>
      </c>
      <c r="E7066" s="6">
        <f t="shared" si="221"/>
        <v>0</v>
      </c>
    </row>
    <row r="7067" spans="1:5" x14ac:dyDescent="0.25">
      <c r="A7067" s="5">
        <v>43850.25</v>
      </c>
      <c r="B7067" s="2">
        <v>28.693992999999999</v>
      </c>
      <c r="C7067">
        <v>0</v>
      </c>
      <c r="D7067">
        <f t="shared" si="220"/>
        <v>0</v>
      </c>
      <c r="E7067" s="6">
        <f t="shared" si="221"/>
        <v>0</v>
      </c>
    </row>
    <row r="7068" spans="1:5" x14ac:dyDescent="0.25">
      <c r="A7068" s="5">
        <v>43850.291666666664</v>
      </c>
      <c r="B7068" s="2">
        <v>33.287584000000003</v>
      </c>
      <c r="C7068">
        <v>0</v>
      </c>
      <c r="D7068">
        <f t="shared" si="220"/>
        <v>0</v>
      </c>
      <c r="E7068" s="6">
        <f t="shared" si="221"/>
        <v>0</v>
      </c>
    </row>
    <row r="7069" spans="1:5" x14ac:dyDescent="0.25">
      <c r="A7069" s="5">
        <v>43850.333333333336</v>
      </c>
      <c r="B7069" s="2">
        <v>30.711957000000002</v>
      </c>
      <c r="C7069">
        <v>2.0091190000000001</v>
      </c>
      <c r="D7069">
        <f t="shared" si="220"/>
        <v>2.0091190000000002E-3</v>
      </c>
      <c r="E7069" s="6">
        <f t="shared" si="221"/>
        <v>6.170397633588301E-2</v>
      </c>
    </row>
    <row r="7070" spans="1:5" x14ac:dyDescent="0.25">
      <c r="A7070" s="5">
        <v>43850.375</v>
      </c>
      <c r="B7070" s="2">
        <v>30.772769</v>
      </c>
      <c r="C7070">
        <v>4.4108840000000002</v>
      </c>
      <c r="D7070">
        <f t="shared" si="220"/>
        <v>4.4108840000000003E-3</v>
      </c>
      <c r="E7070" s="6">
        <f t="shared" si="221"/>
        <v>0.13573511441779601</v>
      </c>
    </row>
    <row r="7071" spans="1:5" x14ac:dyDescent="0.25">
      <c r="A7071" s="5">
        <v>43850.416666666664</v>
      </c>
      <c r="B7071" s="2">
        <v>28.487836999999999</v>
      </c>
      <c r="C7071">
        <v>6.140593</v>
      </c>
      <c r="D7071">
        <f t="shared" si="220"/>
        <v>6.1405929999999997E-3</v>
      </c>
      <c r="E7071" s="6">
        <f t="shared" si="221"/>
        <v>0.17493221246734098</v>
      </c>
    </row>
    <row r="7072" spans="1:5" x14ac:dyDescent="0.25">
      <c r="A7072" s="5">
        <v>43850.458333333336</v>
      </c>
      <c r="B7072" s="2">
        <v>26.519992999999999</v>
      </c>
      <c r="C7072">
        <v>7.1706530000000006</v>
      </c>
      <c r="D7072">
        <f t="shared" si="220"/>
        <v>7.1706530000000008E-3</v>
      </c>
      <c r="E7072" s="6">
        <f t="shared" si="221"/>
        <v>0.19016566736542903</v>
      </c>
    </row>
    <row r="7073" spans="1:5" x14ac:dyDescent="0.25">
      <c r="A7073" s="5">
        <v>43850.5</v>
      </c>
      <c r="B7073" s="2">
        <v>25.399781999999998</v>
      </c>
      <c r="C7073">
        <v>7.5675020000000002</v>
      </c>
      <c r="D7073">
        <f t="shared" si="220"/>
        <v>7.5675020000000003E-3</v>
      </c>
      <c r="E7073" s="6">
        <f t="shared" si="221"/>
        <v>0.19221290108456399</v>
      </c>
    </row>
    <row r="7074" spans="1:5" x14ac:dyDescent="0.25">
      <c r="A7074" s="5">
        <v>43850.541666666664</v>
      </c>
      <c r="B7074" s="2">
        <v>25.102027</v>
      </c>
      <c r="C7074">
        <v>7.3510029999999995</v>
      </c>
      <c r="D7074">
        <f t="shared" si="220"/>
        <v>7.3510029999999992E-3</v>
      </c>
      <c r="E7074" s="6">
        <f t="shared" si="221"/>
        <v>0.18452507578308097</v>
      </c>
    </row>
    <row r="7075" spans="1:5" x14ac:dyDescent="0.25">
      <c r="A7075" s="5">
        <v>43850.583333333336</v>
      </c>
      <c r="B7075" s="2">
        <v>24.301603</v>
      </c>
      <c r="C7075">
        <v>6.5467269999999997</v>
      </c>
      <c r="D7075">
        <f t="shared" si="220"/>
        <v>6.5467269999999996E-3</v>
      </c>
      <c r="E7075" s="6">
        <f t="shared" si="221"/>
        <v>0.15909596050338098</v>
      </c>
    </row>
    <row r="7076" spans="1:5" x14ac:dyDescent="0.25">
      <c r="A7076" s="5">
        <v>43850.625</v>
      </c>
      <c r="B7076" s="2">
        <v>24.188476000000001</v>
      </c>
      <c r="C7076">
        <v>5.1119909999999997</v>
      </c>
      <c r="D7076">
        <f t="shared" si="220"/>
        <v>5.1119909999999998E-3</v>
      </c>
      <c r="E7076" s="6">
        <f t="shared" si="221"/>
        <v>0.123651271615716</v>
      </c>
    </row>
    <row r="7077" spans="1:5" x14ac:dyDescent="0.25">
      <c r="A7077" s="5">
        <v>43850.666666666664</v>
      </c>
      <c r="B7077" s="2">
        <v>25.369890000000002</v>
      </c>
      <c r="C7077">
        <v>3.0335450000000002</v>
      </c>
      <c r="D7077">
        <f t="shared" si="220"/>
        <v>3.0335450000000003E-3</v>
      </c>
      <c r="E7077" s="6">
        <f t="shared" si="221"/>
        <v>7.6960702960050018E-2</v>
      </c>
    </row>
    <row r="7078" spans="1:5" x14ac:dyDescent="0.25">
      <c r="A7078" s="5">
        <v>43850.708333333336</v>
      </c>
      <c r="B7078" s="2">
        <v>30.574213</v>
      </c>
      <c r="C7078">
        <v>0.66165999999999991</v>
      </c>
      <c r="D7078">
        <f t="shared" si="220"/>
        <v>6.616599999999999E-4</v>
      </c>
      <c r="E7078" s="6">
        <f t="shared" si="221"/>
        <v>2.0229733773579998E-2</v>
      </c>
    </row>
    <row r="7079" spans="1:5" x14ac:dyDescent="0.25">
      <c r="A7079" s="5">
        <v>43850.75</v>
      </c>
      <c r="B7079" s="2">
        <v>30.917638</v>
      </c>
      <c r="C7079">
        <v>0</v>
      </c>
      <c r="D7079">
        <f t="shared" si="220"/>
        <v>0</v>
      </c>
      <c r="E7079" s="6">
        <f t="shared" si="221"/>
        <v>0</v>
      </c>
    </row>
    <row r="7080" spans="1:5" x14ac:dyDescent="0.25">
      <c r="A7080" s="5">
        <v>43850.791666666664</v>
      </c>
      <c r="B7080" s="2">
        <v>31.402560999999999</v>
      </c>
      <c r="C7080">
        <v>0</v>
      </c>
      <c r="D7080">
        <f t="shared" si="220"/>
        <v>0</v>
      </c>
      <c r="E7080" s="6">
        <f t="shared" si="221"/>
        <v>0</v>
      </c>
    </row>
    <row r="7081" spans="1:5" x14ac:dyDescent="0.25">
      <c r="A7081" s="5">
        <v>43850.833333333336</v>
      </c>
      <c r="B7081" s="2">
        <v>29.909026000000001</v>
      </c>
      <c r="C7081">
        <v>0</v>
      </c>
      <c r="D7081">
        <f t="shared" si="220"/>
        <v>0</v>
      </c>
      <c r="E7081" s="6">
        <f t="shared" si="221"/>
        <v>0</v>
      </c>
    </row>
    <row r="7082" spans="1:5" x14ac:dyDescent="0.25">
      <c r="A7082" s="5">
        <v>43850.875</v>
      </c>
      <c r="B7082" s="2">
        <v>27.245978000000001</v>
      </c>
      <c r="C7082">
        <v>0</v>
      </c>
      <c r="D7082">
        <f t="shared" si="220"/>
        <v>0</v>
      </c>
      <c r="E7082" s="6">
        <f t="shared" si="221"/>
        <v>0</v>
      </c>
    </row>
    <row r="7083" spans="1:5" x14ac:dyDescent="0.25">
      <c r="A7083" s="5">
        <v>43850.916666666664</v>
      </c>
      <c r="B7083" s="2">
        <v>25.589988000000002</v>
      </c>
      <c r="C7083">
        <v>0</v>
      </c>
      <c r="D7083">
        <f t="shared" si="220"/>
        <v>0</v>
      </c>
      <c r="E7083" s="6">
        <f t="shared" si="221"/>
        <v>0</v>
      </c>
    </row>
    <row r="7084" spans="1:5" x14ac:dyDescent="0.25">
      <c r="A7084" s="5">
        <v>43850.958333333336</v>
      </c>
      <c r="B7084" s="2">
        <v>24.611557000000001</v>
      </c>
      <c r="C7084">
        <v>0</v>
      </c>
      <c r="D7084">
        <f t="shared" si="220"/>
        <v>0</v>
      </c>
      <c r="E7084" s="6">
        <f t="shared" si="221"/>
        <v>0</v>
      </c>
    </row>
    <row r="7085" spans="1:5" x14ac:dyDescent="0.25">
      <c r="A7085" s="5">
        <v>43851</v>
      </c>
      <c r="B7085" s="2">
        <v>24.343857</v>
      </c>
      <c r="C7085">
        <v>0</v>
      </c>
      <c r="D7085">
        <f t="shared" si="220"/>
        <v>0</v>
      </c>
      <c r="E7085" s="6">
        <f t="shared" si="221"/>
        <v>0</v>
      </c>
    </row>
    <row r="7086" spans="1:5" x14ac:dyDescent="0.25">
      <c r="A7086" s="5">
        <v>43851.041666666664</v>
      </c>
      <c r="B7086" s="2">
        <v>24.392593999999999</v>
      </c>
      <c r="C7086">
        <v>0</v>
      </c>
      <c r="D7086">
        <f t="shared" si="220"/>
        <v>0</v>
      </c>
      <c r="E7086" s="6">
        <f t="shared" si="221"/>
        <v>0</v>
      </c>
    </row>
    <row r="7087" spans="1:5" x14ac:dyDescent="0.25">
      <c r="A7087" s="5">
        <v>43851.083333333336</v>
      </c>
      <c r="B7087" s="2">
        <v>24.272369000000001</v>
      </c>
      <c r="C7087">
        <v>0</v>
      </c>
      <c r="D7087">
        <f t="shared" si="220"/>
        <v>0</v>
      </c>
      <c r="E7087" s="6">
        <f t="shared" si="221"/>
        <v>0</v>
      </c>
    </row>
    <row r="7088" spans="1:5" x14ac:dyDescent="0.25">
      <c r="A7088" s="5">
        <v>43851.125</v>
      </c>
      <c r="B7088" s="2">
        <v>24.411456000000001</v>
      </c>
      <c r="C7088">
        <v>0</v>
      </c>
      <c r="D7088">
        <f t="shared" si="220"/>
        <v>0</v>
      </c>
      <c r="E7088" s="6">
        <f t="shared" si="221"/>
        <v>0</v>
      </c>
    </row>
    <row r="7089" spans="1:5" x14ac:dyDescent="0.25">
      <c r="A7089" s="5">
        <v>43851.166666666664</v>
      </c>
      <c r="B7089" s="2">
        <v>25.773781</v>
      </c>
      <c r="C7089">
        <v>0</v>
      </c>
      <c r="D7089">
        <f t="shared" si="220"/>
        <v>0</v>
      </c>
      <c r="E7089" s="6">
        <f t="shared" si="221"/>
        <v>0</v>
      </c>
    </row>
    <row r="7090" spans="1:5" x14ac:dyDescent="0.25">
      <c r="A7090" s="5">
        <v>43851.208333333336</v>
      </c>
      <c r="B7090" s="2">
        <v>28.663103</v>
      </c>
      <c r="C7090">
        <v>0</v>
      </c>
      <c r="D7090">
        <f t="shared" si="220"/>
        <v>0</v>
      </c>
      <c r="E7090" s="6">
        <f t="shared" si="221"/>
        <v>0</v>
      </c>
    </row>
    <row r="7091" spans="1:5" x14ac:dyDescent="0.25">
      <c r="A7091" s="5">
        <v>43851.25</v>
      </c>
      <c r="B7091" s="2">
        <v>34.797350999999999</v>
      </c>
      <c r="C7091">
        <v>0</v>
      </c>
      <c r="D7091">
        <f t="shared" si="220"/>
        <v>0</v>
      </c>
      <c r="E7091" s="6">
        <f t="shared" si="221"/>
        <v>0</v>
      </c>
    </row>
    <row r="7092" spans="1:5" x14ac:dyDescent="0.25">
      <c r="A7092" s="5">
        <v>43851.291666666664</v>
      </c>
      <c r="B7092" s="2">
        <v>51.241661999999998</v>
      </c>
      <c r="C7092">
        <v>0</v>
      </c>
      <c r="D7092">
        <f t="shared" si="220"/>
        <v>0</v>
      </c>
      <c r="E7092" s="6">
        <f t="shared" si="221"/>
        <v>0</v>
      </c>
    </row>
    <row r="7093" spans="1:5" x14ac:dyDescent="0.25">
      <c r="A7093" s="5">
        <v>43851.333333333336</v>
      </c>
      <c r="B7093" s="2">
        <v>34.397041000000002</v>
      </c>
      <c r="C7093">
        <v>1.7736510000000001</v>
      </c>
      <c r="D7093">
        <f t="shared" si="220"/>
        <v>1.773651E-3</v>
      </c>
      <c r="E7093" s="6">
        <f t="shared" si="221"/>
        <v>6.1008346166691006E-2</v>
      </c>
    </row>
    <row r="7094" spans="1:5" x14ac:dyDescent="0.25">
      <c r="A7094" s="5">
        <v>43851.375</v>
      </c>
      <c r="B7094" s="2">
        <v>30.000852999999999</v>
      </c>
      <c r="C7094">
        <v>4.0740880000000006</v>
      </c>
      <c r="D7094">
        <f t="shared" si="220"/>
        <v>4.0740880000000009E-3</v>
      </c>
      <c r="E7094" s="6">
        <f t="shared" si="221"/>
        <v>0.12222611519706403</v>
      </c>
    </row>
    <row r="7095" spans="1:5" x14ac:dyDescent="0.25">
      <c r="A7095" s="5">
        <v>43851.416666666664</v>
      </c>
      <c r="B7095" s="2">
        <v>27.721671000000001</v>
      </c>
      <c r="C7095">
        <v>5.7063480000000002</v>
      </c>
      <c r="D7095">
        <f t="shared" si="220"/>
        <v>5.706348E-3</v>
      </c>
      <c r="E7095" s="6">
        <f t="shared" si="221"/>
        <v>0.15818950186750799</v>
      </c>
    </row>
    <row r="7096" spans="1:5" x14ac:dyDescent="0.25">
      <c r="A7096" s="5">
        <v>43851.458333333336</v>
      </c>
      <c r="B7096" s="2">
        <v>26.215862999999999</v>
      </c>
      <c r="C7096">
        <v>6.694375</v>
      </c>
      <c r="D7096">
        <f t="shared" si="220"/>
        <v>6.6943749999999998E-3</v>
      </c>
      <c r="E7096" s="6">
        <f t="shared" si="221"/>
        <v>0.17549881787062499</v>
      </c>
    </row>
    <row r="7097" spans="1:5" x14ac:dyDescent="0.25">
      <c r="A7097" s="5">
        <v>43851.5</v>
      </c>
      <c r="B7097" s="2">
        <v>24.812549000000001</v>
      </c>
      <c r="C7097">
        <v>7.0836580000000007</v>
      </c>
      <c r="D7097">
        <f t="shared" si="220"/>
        <v>7.0836580000000005E-3</v>
      </c>
      <c r="E7097" s="6">
        <f t="shared" si="221"/>
        <v>0.17576361122424203</v>
      </c>
    </row>
    <row r="7098" spans="1:5" x14ac:dyDescent="0.25">
      <c r="A7098" s="5">
        <v>43851.541666666664</v>
      </c>
      <c r="B7098" s="2">
        <v>24.180021</v>
      </c>
      <c r="C7098">
        <v>6.8880910000000002</v>
      </c>
      <c r="D7098">
        <f t="shared" si="220"/>
        <v>6.8880909999999998E-3</v>
      </c>
      <c r="E7098" s="6">
        <f t="shared" si="221"/>
        <v>0.16655418502991098</v>
      </c>
    </row>
    <row r="7099" spans="1:5" x14ac:dyDescent="0.25">
      <c r="A7099" s="5">
        <v>43851.583333333336</v>
      </c>
      <c r="B7099" s="2">
        <v>23.606881999999999</v>
      </c>
      <c r="C7099">
        <v>6.107748</v>
      </c>
      <c r="D7099">
        <f t="shared" si="220"/>
        <v>6.1077479999999996E-3</v>
      </c>
      <c r="E7099" s="6">
        <f t="shared" si="221"/>
        <v>0.14418488632173598</v>
      </c>
    </row>
    <row r="7100" spans="1:5" x14ac:dyDescent="0.25">
      <c r="A7100" s="5">
        <v>43851.625</v>
      </c>
      <c r="B7100" s="2">
        <v>23.393616999999999</v>
      </c>
      <c r="C7100">
        <v>4.7963249999999995</v>
      </c>
      <c r="D7100">
        <f t="shared" si="220"/>
        <v>4.7963249999999997E-3</v>
      </c>
      <c r="E7100" s="6">
        <f t="shared" si="221"/>
        <v>0.11220339005752498</v>
      </c>
    </row>
    <row r="7101" spans="1:5" x14ac:dyDescent="0.25">
      <c r="A7101" s="5">
        <v>43851.666666666664</v>
      </c>
      <c r="B7101" s="2">
        <v>25.375851999999998</v>
      </c>
      <c r="C7101">
        <v>2.8100399999999999</v>
      </c>
      <c r="D7101">
        <f t="shared" si="220"/>
        <v>2.8100399999999998E-3</v>
      </c>
      <c r="E7101" s="6">
        <f t="shared" si="221"/>
        <v>7.1307159154079994E-2</v>
      </c>
    </row>
    <row r="7102" spans="1:5" x14ac:dyDescent="0.25">
      <c r="A7102" s="5">
        <v>43851.708333333336</v>
      </c>
      <c r="B7102" s="2">
        <v>29.797332000000001</v>
      </c>
      <c r="C7102">
        <v>0.16023099999999998</v>
      </c>
      <c r="D7102">
        <f t="shared" si="220"/>
        <v>1.6023099999999999E-4</v>
      </c>
      <c r="E7102" s="6">
        <f t="shared" si="221"/>
        <v>4.7744563036920002E-3</v>
      </c>
    </row>
    <row r="7103" spans="1:5" x14ac:dyDescent="0.25">
      <c r="A7103" s="5">
        <v>43851.75</v>
      </c>
      <c r="B7103" s="2">
        <v>30.762917000000002</v>
      </c>
      <c r="C7103">
        <v>0</v>
      </c>
      <c r="D7103">
        <f t="shared" si="220"/>
        <v>0</v>
      </c>
      <c r="E7103" s="6">
        <f t="shared" si="221"/>
        <v>0</v>
      </c>
    </row>
    <row r="7104" spans="1:5" x14ac:dyDescent="0.25">
      <c r="A7104" s="5">
        <v>43851.791666666664</v>
      </c>
      <c r="B7104" s="2">
        <v>29.527718</v>
      </c>
      <c r="C7104">
        <v>0</v>
      </c>
      <c r="D7104">
        <f t="shared" si="220"/>
        <v>0</v>
      </c>
      <c r="E7104" s="6">
        <f t="shared" si="221"/>
        <v>0</v>
      </c>
    </row>
    <row r="7105" spans="1:5" x14ac:dyDescent="0.25">
      <c r="A7105" s="5">
        <v>43851.833333333336</v>
      </c>
      <c r="B7105" s="2">
        <v>28.688600999999998</v>
      </c>
      <c r="C7105">
        <v>0</v>
      </c>
      <c r="D7105">
        <f t="shared" si="220"/>
        <v>0</v>
      </c>
      <c r="E7105" s="6">
        <f t="shared" si="221"/>
        <v>0</v>
      </c>
    </row>
    <row r="7106" spans="1:5" x14ac:dyDescent="0.25">
      <c r="A7106" s="5">
        <v>43851.875</v>
      </c>
      <c r="B7106" s="2">
        <v>26.306422999999999</v>
      </c>
      <c r="C7106">
        <v>0</v>
      </c>
      <c r="D7106">
        <f t="shared" si="220"/>
        <v>0</v>
      </c>
      <c r="E7106" s="6">
        <f t="shared" si="221"/>
        <v>0</v>
      </c>
    </row>
    <row r="7107" spans="1:5" x14ac:dyDescent="0.25">
      <c r="A7107" s="5">
        <v>43851.916666666664</v>
      </c>
      <c r="B7107" s="2">
        <v>24.975515000000001</v>
      </c>
      <c r="C7107">
        <v>0</v>
      </c>
      <c r="D7107">
        <f t="shared" si="220"/>
        <v>0</v>
      </c>
      <c r="E7107" s="6">
        <f t="shared" si="221"/>
        <v>0</v>
      </c>
    </row>
    <row r="7108" spans="1:5" x14ac:dyDescent="0.25">
      <c r="A7108" s="5">
        <v>43851.958333333336</v>
      </c>
      <c r="B7108" s="2">
        <v>23.282878</v>
      </c>
      <c r="C7108">
        <v>0</v>
      </c>
      <c r="D7108">
        <f t="shared" si="220"/>
        <v>0</v>
      </c>
      <c r="E7108" s="6">
        <f t="shared" si="221"/>
        <v>0</v>
      </c>
    </row>
    <row r="7109" spans="1:5" x14ac:dyDescent="0.25">
      <c r="A7109" s="5">
        <v>43852</v>
      </c>
      <c r="B7109" s="2">
        <v>22.951865999999999</v>
      </c>
      <c r="C7109">
        <v>0</v>
      </c>
      <c r="D7109">
        <f t="shared" si="220"/>
        <v>0</v>
      </c>
      <c r="E7109" s="6">
        <f t="shared" si="221"/>
        <v>0</v>
      </c>
    </row>
    <row r="7110" spans="1:5" x14ac:dyDescent="0.25">
      <c r="A7110" s="5">
        <v>43852.041666666664</v>
      </c>
      <c r="B7110" s="2">
        <v>23.08643</v>
      </c>
      <c r="C7110">
        <v>0</v>
      </c>
      <c r="D7110">
        <f t="shared" ref="D7110:D7173" si="222">C7110/1000</f>
        <v>0</v>
      </c>
      <c r="E7110" s="6">
        <f t="shared" ref="E7110:E7173" si="223">D7110*B7110</f>
        <v>0</v>
      </c>
    </row>
    <row r="7111" spans="1:5" x14ac:dyDescent="0.25">
      <c r="A7111" s="5">
        <v>43852.083333333336</v>
      </c>
      <c r="B7111" s="2">
        <v>22.776026999999999</v>
      </c>
      <c r="C7111">
        <v>0</v>
      </c>
      <c r="D7111">
        <f t="shared" si="222"/>
        <v>0</v>
      </c>
      <c r="E7111" s="6">
        <f t="shared" si="223"/>
        <v>0</v>
      </c>
    </row>
    <row r="7112" spans="1:5" x14ac:dyDescent="0.25">
      <c r="A7112" s="5">
        <v>43852.125</v>
      </c>
      <c r="B7112" s="2">
        <v>22.988091000000001</v>
      </c>
      <c r="C7112">
        <v>0</v>
      </c>
      <c r="D7112">
        <f t="shared" si="222"/>
        <v>0</v>
      </c>
      <c r="E7112" s="6">
        <f t="shared" si="223"/>
        <v>0</v>
      </c>
    </row>
    <row r="7113" spans="1:5" x14ac:dyDescent="0.25">
      <c r="A7113" s="5">
        <v>43852.166666666664</v>
      </c>
      <c r="B7113" s="2">
        <v>24.197541999999999</v>
      </c>
      <c r="C7113">
        <v>0</v>
      </c>
      <c r="D7113">
        <f t="shared" si="222"/>
        <v>0</v>
      </c>
      <c r="E7113" s="6">
        <f t="shared" si="223"/>
        <v>0</v>
      </c>
    </row>
    <row r="7114" spans="1:5" x14ac:dyDescent="0.25">
      <c r="A7114" s="5">
        <v>43852.208333333336</v>
      </c>
      <c r="B7114" s="2">
        <v>26.242674000000001</v>
      </c>
      <c r="C7114">
        <v>0</v>
      </c>
      <c r="D7114">
        <f t="shared" si="222"/>
        <v>0</v>
      </c>
      <c r="E7114" s="6">
        <f t="shared" si="223"/>
        <v>0</v>
      </c>
    </row>
    <row r="7115" spans="1:5" x14ac:dyDescent="0.25">
      <c r="A7115" s="5">
        <v>43852.25</v>
      </c>
      <c r="B7115" s="2">
        <v>34.183441000000002</v>
      </c>
      <c r="C7115">
        <v>0</v>
      </c>
      <c r="D7115">
        <f t="shared" si="222"/>
        <v>0</v>
      </c>
      <c r="E7115" s="6">
        <f t="shared" si="223"/>
        <v>0</v>
      </c>
    </row>
    <row r="7116" spans="1:5" x14ac:dyDescent="0.25">
      <c r="A7116" s="5">
        <v>43852.291666666664</v>
      </c>
      <c r="B7116" s="2">
        <v>38.569082000000002</v>
      </c>
      <c r="C7116">
        <v>0</v>
      </c>
      <c r="D7116">
        <f t="shared" si="222"/>
        <v>0</v>
      </c>
      <c r="E7116" s="6">
        <f t="shared" si="223"/>
        <v>0</v>
      </c>
    </row>
    <row r="7117" spans="1:5" x14ac:dyDescent="0.25">
      <c r="A7117" s="5">
        <v>43852.333333333336</v>
      </c>
      <c r="B7117" s="2">
        <v>28.817332</v>
      </c>
      <c r="C7117">
        <v>2.2917E-2</v>
      </c>
      <c r="D7117">
        <f t="shared" si="222"/>
        <v>2.2917000000000001E-5</v>
      </c>
      <c r="E7117" s="6">
        <f t="shared" si="223"/>
        <v>6.6040679744400004E-4</v>
      </c>
    </row>
    <row r="7118" spans="1:5" x14ac:dyDescent="0.25">
      <c r="A7118" s="5">
        <v>43852.375</v>
      </c>
      <c r="B7118" s="2">
        <v>25.803370000000001</v>
      </c>
      <c r="C7118">
        <v>0.424873</v>
      </c>
      <c r="D7118">
        <f t="shared" si="222"/>
        <v>4.2487299999999998E-4</v>
      </c>
      <c r="E7118" s="6">
        <f t="shared" si="223"/>
        <v>1.0963155222009999E-2</v>
      </c>
    </row>
    <row r="7119" spans="1:5" x14ac:dyDescent="0.25">
      <c r="A7119" s="5">
        <v>43852.416666666664</v>
      </c>
      <c r="B7119" s="2">
        <v>21.365327000000001</v>
      </c>
      <c r="C7119">
        <v>0.42159399999999997</v>
      </c>
      <c r="D7119">
        <f t="shared" si="222"/>
        <v>4.2159399999999996E-4</v>
      </c>
      <c r="E7119" s="6">
        <f t="shared" si="223"/>
        <v>9.0074936712379993E-3</v>
      </c>
    </row>
    <row r="7120" spans="1:5" x14ac:dyDescent="0.25">
      <c r="A7120" s="5">
        <v>43852.458333333336</v>
      </c>
      <c r="B7120" s="2">
        <v>19.977675000000001</v>
      </c>
      <c r="C7120">
        <v>1.1622209999999999</v>
      </c>
      <c r="D7120">
        <f t="shared" si="222"/>
        <v>1.162221E-3</v>
      </c>
      <c r="E7120" s="6">
        <f t="shared" si="223"/>
        <v>2.3218473416175001E-2</v>
      </c>
    </row>
    <row r="7121" spans="1:5" x14ac:dyDescent="0.25">
      <c r="A7121" s="5">
        <v>43852.5</v>
      </c>
      <c r="B7121" s="2">
        <v>19.080252999999999</v>
      </c>
      <c r="C7121">
        <v>0.67313800000000001</v>
      </c>
      <c r="D7121">
        <f t="shared" si="222"/>
        <v>6.7313799999999999E-4</v>
      </c>
      <c r="E7121" s="6">
        <f t="shared" si="223"/>
        <v>1.2843643343914E-2</v>
      </c>
    </row>
    <row r="7122" spans="1:5" x14ac:dyDescent="0.25">
      <c r="A7122" s="5">
        <v>43852.541666666664</v>
      </c>
      <c r="B7122" s="2">
        <v>18.711345999999999</v>
      </c>
      <c r="C7122">
        <v>0.68500099999999997</v>
      </c>
      <c r="D7122">
        <f t="shared" si="222"/>
        <v>6.8500099999999997E-4</v>
      </c>
      <c r="E7122" s="6">
        <f t="shared" si="223"/>
        <v>1.2817290721345999E-2</v>
      </c>
    </row>
    <row r="7123" spans="1:5" x14ac:dyDescent="0.25">
      <c r="A7123" s="5">
        <v>43852.583333333336</v>
      </c>
      <c r="B7123" s="2">
        <v>18.773983000000001</v>
      </c>
      <c r="C7123">
        <v>0.453712</v>
      </c>
      <c r="D7123">
        <f t="shared" si="222"/>
        <v>4.53712E-4</v>
      </c>
      <c r="E7123" s="6">
        <f t="shared" si="223"/>
        <v>8.5179813748960005E-3</v>
      </c>
    </row>
    <row r="7124" spans="1:5" x14ac:dyDescent="0.25">
      <c r="A7124" s="5">
        <v>43852.625</v>
      </c>
      <c r="B7124" s="2">
        <v>18.874209</v>
      </c>
      <c r="C7124">
        <v>6.0167999999999999E-2</v>
      </c>
      <c r="D7124">
        <f t="shared" si="222"/>
        <v>6.0167999999999997E-5</v>
      </c>
      <c r="E7124" s="6">
        <f t="shared" si="223"/>
        <v>1.135623407112E-3</v>
      </c>
    </row>
    <row r="7125" spans="1:5" x14ac:dyDescent="0.25">
      <c r="A7125" s="5">
        <v>43852.666666666664</v>
      </c>
      <c r="B7125" s="2">
        <v>18.988192000000002</v>
      </c>
      <c r="C7125">
        <v>0.137347</v>
      </c>
      <c r="D7125">
        <f t="shared" si="222"/>
        <v>1.3734699999999998E-4</v>
      </c>
      <c r="E7125" s="6">
        <f t="shared" si="223"/>
        <v>2.6079712066239998E-3</v>
      </c>
    </row>
    <row r="7126" spans="1:5" x14ac:dyDescent="0.25">
      <c r="A7126" s="5">
        <v>43852.708333333336</v>
      </c>
      <c r="B7126" s="2">
        <v>23.585712000000001</v>
      </c>
      <c r="C7126">
        <v>0</v>
      </c>
      <c r="D7126">
        <f t="shared" si="222"/>
        <v>0</v>
      </c>
      <c r="E7126" s="6">
        <f t="shared" si="223"/>
        <v>0</v>
      </c>
    </row>
    <row r="7127" spans="1:5" x14ac:dyDescent="0.25">
      <c r="A7127" s="5">
        <v>43852.75</v>
      </c>
      <c r="B7127" s="2">
        <v>23.230713000000002</v>
      </c>
      <c r="C7127">
        <v>0</v>
      </c>
      <c r="D7127">
        <f t="shared" si="222"/>
        <v>0</v>
      </c>
      <c r="E7127" s="6">
        <f t="shared" si="223"/>
        <v>0</v>
      </c>
    </row>
    <row r="7128" spans="1:5" x14ac:dyDescent="0.25">
      <c r="A7128" s="5">
        <v>43852.791666666664</v>
      </c>
      <c r="B7128" s="2">
        <v>22.571631</v>
      </c>
      <c r="C7128">
        <v>0</v>
      </c>
      <c r="D7128">
        <f t="shared" si="222"/>
        <v>0</v>
      </c>
      <c r="E7128" s="6">
        <f t="shared" si="223"/>
        <v>0</v>
      </c>
    </row>
    <row r="7129" spans="1:5" x14ac:dyDescent="0.25">
      <c r="A7129" s="5">
        <v>43852.833333333336</v>
      </c>
      <c r="B7129" s="2">
        <v>22.079512000000001</v>
      </c>
      <c r="C7129">
        <v>0</v>
      </c>
      <c r="D7129">
        <f t="shared" si="222"/>
        <v>0</v>
      </c>
      <c r="E7129" s="6">
        <f t="shared" si="223"/>
        <v>0</v>
      </c>
    </row>
    <row r="7130" spans="1:5" x14ac:dyDescent="0.25">
      <c r="A7130" s="5">
        <v>43852.875</v>
      </c>
      <c r="B7130" s="2">
        <v>21.327403</v>
      </c>
      <c r="C7130">
        <v>0</v>
      </c>
      <c r="D7130">
        <f t="shared" si="222"/>
        <v>0</v>
      </c>
      <c r="E7130" s="6">
        <f t="shared" si="223"/>
        <v>0</v>
      </c>
    </row>
    <row r="7131" spans="1:5" x14ac:dyDescent="0.25">
      <c r="A7131" s="5">
        <v>43852.916666666664</v>
      </c>
      <c r="B7131" s="2">
        <v>20.141157</v>
      </c>
      <c r="C7131">
        <v>0</v>
      </c>
      <c r="D7131">
        <f t="shared" si="222"/>
        <v>0</v>
      </c>
      <c r="E7131" s="6">
        <f t="shared" si="223"/>
        <v>0</v>
      </c>
    </row>
    <row r="7132" spans="1:5" x14ac:dyDescent="0.25">
      <c r="A7132" s="5">
        <v>43852.958333333336</v>
      </c>
      <c r="B7132" s="2">
        <v>19.204892999999998</v>
      </c>
      <c r="C7132">
        <v>0</v>
      </c>
      <c r="D7132">
        <f t="shared" si="222"/>
        <v>0</v>
      </c>
      <c r="E7132" s="6">
        <f t="shared" si="223"/>
        <v>0</v>
      </c>
    </row>
    <row r="7133" spans="1:5" x14ac:dyDescent="0.25">
      <c r="A7133" s="5">
        <v>43853</v>
      </c>
      <c r="B7133" s="2">
        <v>19.490210000000001</v>
      </c>
      <c r="C7133">
        <v>0</v>
      </c>
      <c r="D7133">
        <f t="shared" si="222"/>
        <v>0</v>
      </c>
      <c r="E7133" s="6">
        <f t="shared" si="223"/>
        <v>0</v>
      </c>
    </row>
    <row r="7134" spans="1:5" x14ac:dyDescent="0.25">
      <c r="A7134" s="5">
        <v>43853.041666666664</v>
      </c>
      <c r="B7134" s="2">
        <v>19.629224000000001</v>
      </c>
      <c r="C7134">
        <v>0</v>
      </c>
      <c r="D7134">
        <f t="shared" si="222"/>
        <v>0</v>
      </c>
      <c r="E7134" s="6">
        <f t="shared" si="223"/>
        <v>0</v>
      </c>
    </row>
    <row r="7135" spans="1:5" x14ac:dyDescent="0.25">
      <c r="A7135" s="5">
        <v>43853.083333333336</v>
      </c>
      <c r="B7135" s="2">
        <v>19.740984000000001</v>
      </c>
      <c r="C7135">
        <v>0</v>
      </c>
      <c r="D7135">
        <f t="shared" si="222"/>
        <v>0</v>
      </c>
      <c r="E7135" s="6">
        <f t="shared" si="223"/>
        <v>0</v>
      </c>
    </row>
    <row r="7136" spans="1:5" x14ac:dyDescent="0.25">
      <c r="A7136" s="5">
        <v>43853.125</v>
      </c>
      <c r="B7136" s="2">
        <v>19.616294</v>
      </c>
      <c r="C7136">
        <v>0</v>
      </c>
      <c r="D7136">
        <f t="shared" si="222"/>
        <v>0</v>
      </c>
      <c r="E7136" s="6">
        <f t="shared" si="223"/>
        <v>0</v>
      </c>
    </row>
    <row r="7137" spans="1:5" x14ac:dyDescent="0.25">
      <c r="A7137" s="5">
        <v>43853.166666666664</v>
      </c>
      <c r="B7137" s="2">
        <v>20.482688</v>
      </c>
      <c r="C7137">
        <v>0</v>
      </c>
      <c r="D7137">
        <f t="shared" si="222"/>
        <v>0</v>
      </c>
      <c r="E7137" s="6">
        <f t="shared" si="223"/>
        <v>0</v>
      </c>
    </row>
    <row r="7138" spans="1:5" x14ac:dyDescent="0.25">
      <c r="A7138" s="5">
        <v>43853.208333333336</v>
      </c>
      <c r="B7138" s="2">
        <v>23.017852999999999</v>
      </c>
      <c r="C7138">
        <v>0</v>
      </c>
      <c r="D7138">
        <f t="shared" si="222"/>
        <v>0</v>
      </c>
      <c r="E7138" s="6">
        <f t="shared" si="223"/>
        <v>0</v>
      </c>
    </row>
    <row r="7139" spans="1:5" x14ac:dyDescent="0.25">
      <c r="A7139" s="5">
        <v>43853.25</v>
      </c>
      <c r="B7139" s="2">
        <v>28.675201999999999</v>
      </c>
      <c r="C7139">
        <v>0</v>
      </c>
      <c r="D7139">
        <f t="shared" si="222"/>
        <v>0</v>
      </c>
      <c r="E7139" s="6">
        <f t="shared" si="223"/>
        <v>0</v>
      </c>
    </row>
    <row r="7140" spans="1:5" x14ac:dyDescent="0.25">
      <c r="A7140" s="5">
        <v>43853.291666666664</v>
      </c>
      <c r="B7140" s="2">
        <v>31.010280999999999</v>
      </c>
      <c r="C7140">
        <v>0</v>
      </c>
      <c r="D7140">
        <f t="shared" si="222"/>
        <v>0</v>
      </c>
      <c r="E7140" s="6">
        <f t="shared" si="223"/>
        <v>0</v>
      </c>
    </row>
    <row r="7141" spans="1:5" x14ac:dyDescent="0.25">
      <c r="A7141" s="5">
        <v>43853.333333333336</v>
      </c>
      <c r="B7141" s="2">
        <v>24.926977000000001</v>
      </c>
      <c r="C7141">
        <v>1.6052299999999999</v>
      </c>
      <c r="D7141">
        <f t="shared" si="222"/>
        <v>1.60523E-3</v>
      </c>
      <c r="E7141" s="6">
        <f t="shared" si="223"/>
        <v>4.0013531289710004E-2</v>
      </c>
    </row>
    <row r="7142" spans="1:5" x14ac:dyDescent="0.25">
      <c r="A7142" s="5">
        <v>43853.375</v>
      </c>
      <c r="B7142" s="2">
        <v>22.869796000000001</v>
      </c>
      <c r="C7142">
        <v>0.67554199999999998</v>
      </c>
      <c r="D7142">
        <f t="shared" si="222"/>
        <v>6.75542E-4</v>
      </c>
      <c r="E7142" s="6">
        <f t="shared" si="223"/>
        <v>1.5449507729432E-2</v>
      </c>
    </row>
    <row r="7143" spans="1:5" x14ac:dyDescent="0.25">
      <c r="A7143" s="5">
        <v>43853.416666666664</v>
      </c>
      <c r="B7143" s="2">
        <v>22.404198999999998</v>
      </c>
      <c r="C7143">
        <v>1.0218450000000001</v>
      </c>
      <c r="D7143">
        <f t="shared" si="222"/>
        <v>1.0218450000000002E-3</v>
      </c>
      <c r="E7143" s="6">
        <f t="shared" si="223"/>
        <v>2.2893618727155004E-2</v>
      </c>
    </row>
    <row r="7144" spans="1:5" x14ac:dyDescent="0.25">
      <c r="A7144" s="5">
        <v>43853.458333333336</v>
      </c>
      <c r="B7144" s="2">
        <v>21.426639999999999</v>
      </c>
      <c r="C7144">
        <v>1.2702070000000001</v>
      </c>
      <c r="D7144">
        <f t="shared" si="222"/>
        <v>1.2702070000000002E-3</v>
      </c>
      <c r="E7144" s="6">
        <f t="shared" si="223"/>
        <v>2.7216268114480004E-2</v>
      </c>
    </row>
    <row r="7145" spans="1:5" x14ac:dyDescent="0.25">
      <c r="A7145" s="5">
        <v>43853.5</v>
      </c>
      <c r="B7145" s="2">
        <v>20.531970000000001</v>
      </c>
      <c r="C7145">
        <v>1.4432639999999999</v>
      </c>
      <c r="D7145">
        <f t="shared" si="222"/>
        <v>1.4432639999999999E-3</v>
      </c>
      <c r="E7145" s="6">
        <f t="shared" si="223"/>
        <v>2.963305315008E-2</v>
      </c>
    </row>
    <row r="7146" spans="1:5" x14ac:dyDescent="0.25">
      <c r="A7146" s="5">
        <v>43853.541666666664</v>
      </c>
      <c r="B7146" s="2">
        <v>20.001835</v>
      </c>
      <c r="C7146">
        <v>1.9274559999999998</v>
      </c>
      <c r="D7146">
        <f t="shared" si="222"/>
        <v>1.9274559999999999E-3</v>
      </c>
      <c r="E7146" s="6">
        <f t="shared" si="223"/>
        <v>3.8552656881759996E-2</v>
      </c>
    </row>
    <row r="7147" spans="1:5" x14ac:dyDescent="0.25">
      <c r="A7147" s="5">
        <v>43853.583333333336</v>
      </c>
      <c r="B7147" s="2">
        <v>19.747174000000001</v>
      </c>
      <c r="C7147">
        <v>2.1833979999999999</v>
      </c>
      <c r="D7147">
        <f t="shared" si="222"/>
        <v>2.183398E-3</v>
      </c>
      <c r="E7147" s="6">
        <f t="shared" si="223"/>
        <v>4.3115940217252E-2</v>
      </c>
    </row>
    <row r="7148" spans="1:5" x14ac:dyDescent="0.25">
      <c r="A7148" s="5">
        <v>43853.625</v>
      </c>
      <c r="B7148" s="2">
        <v>19.598828999999999</v>
      </c>
      <c r="C7148">
        <v>1.939729</v>
      </c>
      <c r="D7148">
        <f t="shared" si="222"/>
        <v>1.9397290000000001E-3</v>
      </c>
      <c r="E7148" s="6">
        <f t="shared" si="223"/>
        <v>3.8016416977340997E-2</v>
      </c>
    </row>
    <row r="7149" spans="1:5" x14ac:dyDescent="0.25">
      <c r="A7149" s="5">
        <v>43853.666666666664</v>
      </c>
      <c r="B7149" s="2">
        <v>20.54036</v>
      </c>
      <c r="C7149">
        <v>2.8763890000000001</v>
      </c>
      <c r="D7149">
        <f t="shared" si="222"/>
        <v>2.876389E-3</v>
      </c>
      <c r="E7149" s="6">
        <f t="shared" si="223"/>
        <v>5.9082065560039997E-2</v>
      </c>
    </row>
    <row r="7150" spans="1:5" x14ac:dyDescent="0.25">
      <c r="A7150" s="5">
        <v>43853.708333333336</v>
      </c>
      <c r="B7150" s="2">
        <v>23.465896999999998</v>
      </c>
      <c r="C7150">
        <v>0.57385400000000009</v>
      </c>
      <c r="D7150">
        <f t="shared" si="222"/>
        <v>5.7385400000000005E-4</v>
      </c>
      <c r="E7150" s="6">
        <f t="shared" si="223"/>
        <v>1.3465998857037999E-2</v>
      </c>
    </row>
    <row r="7151" spans="1:5" x14ac:dyDescent="0.25">
      <c r="A7151" s="5">
        <v>43853.75</v>
      </c>
      <c r="B7151" s="2">
        <v>24.487905000000001</v>
      </c>
      <c r="C7151">
        <v>0</v>
      </c>
      <c r="D7151">
        <f t="shared" si="222"/>
        <v>0</v>
      </c>
      <c r="E7151" s="6">
        <f t="shared" si="223"/>
        <v>0</v>
      </c>
    </row>
    <row r="7152" spans="1:5" x14ac:dyDescent="0.25">
      <c r="A7152" s="5">
        <v>43853.791666666664</v>
      </c>
      <c r="B7152" s="2">
        <v>23.293786999999998</v>
      </c>
      <c r="C7152">
        <v>0</v>
      </c>
      <c r="D7152">
        <f t="shared" si="222"/>
        <v>0</v>
      </c>
      <c r="E7152" s="6">
        <f t="shared" si="223"/>
        <v>0</v>
      </c>
    </row>
    <row r="7153" spans="1:5" x14ac:dyDescent="0.25">
      <c r="A7153" s="5">
        <v>43853.833333333336</v>
      </c>
      <c r="B7153" s="2">
        <v>22.928781000000001</v>
      </c>
      <c r="C7153">
        <v>0</v>
      </c>
      <c r="D7153">
        <f t="shared" si="222"/>
        <v>0</v>
      </c>
      <c r="E7153" s="6">
        <f t="shared" si="223"/>
        <v>0</v>
      </c>
    </row>
    <row r="7154" spans="1:5" x14ac:dyDescent="0.25">
      <c r="A7154" s="5">
        <v>43853.875</v>
      </c>
      <c r="B7154" s="2">
        <v>21.298849000000001</v>
      </c>
      <c r="C7154">
        <v>0</v>
      </c>
      <c r="D7154">
        <f t="shared" si="222"/>
        <v>0</v>
      </c>
      <c r="E7154" s="6">
        <f t="shared" si="223"/>
        <v>0</v>
      </c>
    </row>
    <row r="7155" spans="1:5" x14ac:dyDescent="0.25">
      <c r="A7155" s="5">
        <v>43853.916666666664</v>
      </c>
      <c r="B7155" s="2">
        <v>19.930183</v>
      </c>
      <c r="C7155">
        <v>0</v>
      </c>
      <c r="D7155">
        <f t="shared" si="222"/>
        <v>0</v>
      </c>
      <c r="E7155" s="6">
        <f t="shared" si="223"/>
        <v>0</v>
      </c>
    </row>
    <row r="7156" spans="1:5" x14ac:dyDescent="0.25">
      <c r="A7156" s="5">
        <v>43853.958333333336</v>
      </c>
      <c r="B7156" s="2">
        <v>18.981169000000001</v>
      </c>
      <c r="C7156">
        <v>0</v>
      </c>
      <c r="D7156">
        <f t="shared" si="222"/>
        <v>0</v>
      </c>
      <c r="E7156" s="6">
        <f t="shared" si="223"/>
        <v>0</v>
      </c>
    </row>
    <row r="7157" spans="1:5" x14ac:dyDescent="0.25">
      <c r="A7157" s="5">
        <v>43854</v>
      </c>
      <c r="B7157" s="2">
        <v>18.089113000000001</v>
      </c>
      <c r="C7157">
        <v>0</v>
      </c>
      <c r="D7157">
        <f t="shared" si="222"/>
        <v>0</v>
      </c>
      <c r="E7157" s="6">
        <f t="shared" si="223"/>
        <v>0</v>
      </c>
    </row>
    <row r="7158" spans="1:5" x14ac:dyDescent="0.25">
      <c r="A7158" s="5">
        <v>43854.041666666664</v>
      </c>
      <c r="B7158" s="2">
        <v>18.088014999999999</v>
      </c>
      <c r="C7158">
        <v>0</v>
      </c>
      <c r="D7158">
        <f t="shared" si="222"/>
        <v>0</v>
      </c>
      <c r="E7158" s="6">
        <f t="shared" si="223"/>
        <v>0</v>
      </c>
    </row>
    <row r="7159" spans="1:5" x14ac:dyDescent="0.25">
      <c r="A7159" s="5">
        <v>43854.083333333336</v>
      </c>
      <c r="B7159" s="2">
        <v>17.706056</v>
      </c>
      <c r="C7159">
        <v>0</v>
      </c>
      <c r="D7159">
        <f t="shared" si="222"/>
        <v>0</v>
      </c>
      <c r="E7159" s="6">
        <f t="shared" si="223"/>
        <v>0</v>
      </c>
    </row>
    <row r="7160" spans="1:5" x14ac:dyDescent="0.25">
      <c r="A7160" s="5">
        <v>43854.125</v>
      </c>
      <c r="B7160" s="2">
        <v>17.836206000000001</v>
      </c>
      <c r="C7160">
        <v>0</v>
      </c>
      <c r="D7160">
        <f t="shared" si="222"/>
        <v>0</v>
      </c>
      <c r="E7160" s="6">
        <f t="shared" si="223"/>
        <v>0</v>
      </c>
    </row>
    <row r="7161" spans="1:5" x14ac:dyDescent="0.25">
      <c r="A7161" s="5">
        <v>43854.166666666664</v>
      </c>
      <c r="B7161" s="2">
        <v>18.261288</v>
      </c>
      <c r="C7161">
        <v>0</v>
      </c>
      <c r="D7161">
        <f t="shared" si="222"/>
        <v>0</v>
      </c>
      <c r="E7161" s="6">
        <f t="shared" si="223"/>
        <v>0</v>
      </c>
    </row>
    <row r="7162" spans="1:5" x14ac:dyDescent="0.25">
      <c r="A7162" s="5">
        <v>43854.208333333336</v>
      </c>
      <c r="B7162" s="2">
        <v>19.2623</v>
      </c>
      <c r="C7162">
        <v>0</v>
      </c>
      <c r="D7162">
        <f t="shared" si="222"/>
        <v>0</v>
      </c>
      <c r="E7162" s="6">
        <f t="shared" si="223"/>
        <v>0</v>
      </c>
    </row>
    <row r="7163" spans="1:5" x14ac:dyDescent="0.25">
      <c r="A7163" s="5">
        <v>43854.25</v>
      </c>
      <c r="B7163" s="2">
        <v>24.380590999999999</v>
      </c>
      <c r="C7163">
        <v>0</v>
      </c>
      <c r="D7163">
        <f t="shared" si="222"/>
        <v>0</v>
      </c>
      <c r="E7163" s="6">
        <f t="shared" si="223"/>
        <v>0</v>
      </c>
    </row>
    <row r="7164" spans="1:5" x14ac:dyDescent="0.25">
      <c r="A7164" s="5">
        <v>43854.291666666664</v>
      </c>
      <c r="B7164" s="2">
        <v>24.851925999999999</v>
      </c>
      <c r="C7164">
        <v>0</v>
      </c>
      <c r="D7164">
        <f t="shared" si="222"/>
        <v>0</v>
      </c>
      <c r="E7164" s="6">
        <f t="shared" si="223"/>
        <v>0</v>
      </c>
    </row>
    <row r="7165" spans="1:5" x14ac:dyDescent="0.25">
      <c r="A7165" s="5">
        <v>43854.333333333336</v>
      </c>
      <c r="B7165" s="2">
        <v>23.803578000000002</v>
      </c>
      <c r="C7165">
        <v>0.44618200000000002</v>
      </c>
      <c r="D7165">
        <f t="shared" si="222"/>
        <v>4.4618200000000005E-4</v>
      </c>
      <c r="E7165" s="6">
        <f t="shared" si="223"/>
        <v>1.0620728039196002E-2</v>
      </c>
    </row>
    <row r="7166" spans="1:5" x14ac:dyDescent="0.25">
      <c r="A7166" s="5">
        <v>43854.375</v>
      </c>
      <c r="B7166" s="2">
        <v>23.497584</v>
      </c>
      <c r="C7166">
        <v>3.5549710000000001</v>
      </c>
      <c r="D7166">
        <f t="shared" si="222"/>
        <v>3.5549710000000001E-3</v>
      </c>
      <c r="E7166" s="6">
        <f t="shared" si="223"/>
        <v>8.3533229690064006E-2</v>
      </c>
    </row>
    <row r="7167" spans="1:5" x14ac:dyDescent="0.25">
      <c r="A7167" s="5">
        <v>43854.416666666664</v>
      </c>
      <c r="B7167" s="2">
        <v>23.077603</v>
      </c>
      <c r="C7167">
        <v>0.20052500000000001</v>
      </c>
      <c r="D7167">
        <f t="shared" si="222"/>
        <v>2.0052500000000001E-4</v>
      </c>
      <c r="E7167" s="6">
        <f t="shared" si="223"/>
        <v>4.6276363415750001E-3</v>
      </c>
    </row>
    <row r="7168" spans="1:5" x14ac:dyDescent="0.25">
      <c r="A7168" s="5">
        <v>43854.458333333336</v>
      </c>
      <c r="B7168" s="2">
        <v>23.028381</v>
      </c>
      <c r="C7168">
        <v>0.38045600000000002</v>
      </c>
      <c r="D7168">
        <f t="shared" si="222"/>
        <v>3.8045599999999999E-4</v>
      </c>
      <c r="E7168" s="6">
        <f t="shared" si="223"/>
        <v>8.7612857217359997E-3</v>
      </c>
    </row>
    <row r="7169" spans="1:5" x14ac:dyDescent="0.25">
      <c r="A7169" s="5">
        <v>43854.5</v>
      </c>
      <c r="B7169" s="2">
        <v>22.468198000000001</v>
      </c>
      <c r="C7169">
        <v>2.9805970000000004</v>
      </c>
      <c r="D7169">
        <f t="shared" si="222"/>
        <v>2.9805970000000002E-3</v>
      </c>
      <c r="E7169" s="6">
        <f t="shared" si="223"/>
        <v>6.6968643554206009E-2</v>
      </c>
    </row>
    <row r="7170" spans="1:5" x14ac:dyDescent="0.25">
      <c r="A7170" s="5">
        <v>43854.541666666664</v>
      </c>
      <c r="B7170" s="2">
        <v>21.357299000000001</v>
      </c>
      <c r="C7170">
        <v>1.3527349999999998</v>
      </c>
      <c r="D7170">
        <f t="shared" si="222"/>
        <v>1.3527349999999999E-3</v>
      </c>
      <c r="E7170" s="6">
        <f t="shared" si="223"/>
        <v>2.8890765862765001E-2</v>
      </c>
    </row>
    <row r="7171" spans="1:5" x14ac:dyDescent="0.25">
      <c r="A7171" s="5">
        <v>43854.583333333336</v>
      </c>
      <c r="B7171" s="2">
        <v>20.608453000000001</v>
      </c>
      <c r="C7171">
        <v>1.4430180000000001</v>
      </c>
      <c r="D7171">
        <f t="shared" si="222"/>
        <v>1.4430180000000001E-3</v>
      </c>
      <c r="E7171" s="6">
        <f t="shared" si="223"/>
        <v>2.9738368631154005E-2</v>
      </c>
    </row>
    <row r="7172" spans="1:5" x14ac:dyDescent="0.25">
      <c r="A7172" s="5">
        <v>43854.625</v>
      </c>
      <c r="B7172" s="2">
        <v>20.457191000000002</v>
      </c>
      <c r="C7172">
        <v>0.91459599999999996</v>
      </c>
      <c r="D7172">
        <f t="shared" si="222"/>
        <v>9.1459599999999994E-4</v>
      </c>
      <c r="E7172" s="6">
        <f t="shared" si="223"/>
        <v>1.8710065059835999E-2</v>
      </c>
    </row>
    <row r="7173" spans="1:5" x14ac:dyDescent="0.25">
      <c r="A7173" s="5">
        <v>43854.666666666664</v>
      </c>
      <c r="B7173" s="2">
        <v>20.792196000000001</v>
      </c>
      <c r="C7173">
        <v>0.34639800000000004</v>
      </c>
      <c r="D7173">
        <f t="shared" si="222"/>
        <v>3.4639800000000004E-4</v>
      </c>
      <c r="E7173" s="6">
        <f t="shared" si="223"/>
        <v>7.2023751100080014E-3</v>
      </c>
    </row>
    <row r="7174" spans="1:5" x14ac:dyDescent="0.25">
      <c r="A7174" s="5">
        <v>43854.708333333336</v>
      </c>
      <c r="B7174" s="2">
        <v>23.232198</v>
      </c>
      <c r="C7174">
        <v>5.2399999999999999E-3</v>
      </c>
      <c r="D7174">
        <f t="shared" ref="D7174:D7237" si="224">C7174/1000</f>
        <v>5.2399999999999998E-6</v>
      </c>
      <c r="E7174" s="6">
        <f t="shared" ref="E7174:E7237" si="225">D7174*B7174</f>
        <v>1.2173671752E-4</v>
      </c>
    </row>
    <row r="7175" spans="1:5" x14ac:dyDescent="0.25">
      <c r="A7175" s="5">
        <v>43854.75</v>
      </c>
      <c r="B7175" s="2">
        <v>22.630962</v>
      </c>
      <c r="C7175">
        <v>0</v>
      </c>
      <c r="D7175">
        <f t="shared" si="224"/>
        <v>0</v>
      </c>
      <c r="E7175" s="6">
        <f t="shared" si="225"/>
        <v>0</v>
      </c>
    </row>
    <row r="7176" spans="1:5" x14ac:dyDescent="0.25">
      <c r="A7176" s="5">
        <v>43854.791666666664</v>
      </c>
      <c r="B7176" s="2">
        <v>21.705953000000001</v>
      </c>
      <c r="C7176">
        <v>0</v>
      </c>
      <c r="D7176">
        <f t="shared" si="224"/>
        <v>0</v>
      </c>
      <c r="E7176" s="6">
        <f t="shared" si="225"/>
        <v>0</v>
      </c>
    </row>
    <row r="7177" spans="1:5" x14ac:dyDescent="0.25">
      <c r="A7177" s="5">
        <v>43854.833333333336</v>
      </c>
      <c r="B7177" s="2">
        <v>20.836569999999998</v>
      </c>
      <c r="C7177">
        <v>0</v>
      </c>
      <c r="D7177">
        <f t="shared" si="224"/>
        <v>0</v>
      </c>
      <c r="E7177" s="6">
        <f t="shared" si="225"/>
        <v>0</v>
      </c>
    </row>
    <row r="7178" spans="1:5" x14ac:dyDescent="0.25">
      <c r="A7178" s="5">
        <v>43854.875</v>
      </c>
      <c r="B7178" s="2">
        <v>19.748923999999999</v>
      </c>
      <c r="C7178">
        <v>0</v>
      </c>
      <c r="D7178">
        <f t="shared" si="224"/>
        <v>0</v>
      </c>
      <c r="E7178" s="6">
        <f t="shared" si="225"/>
        <v>0</v>
      </c>
    </row>
    <row r="7179" spans="1:5" x14ac:dyDescent="0.25">
      <c r="A7179" s="5">
        <v>43854.916666666664</v>
      </c>
      <c r="B7179" s="2">
        <v>18.664873</v>
      </c>
      <c r="C7179">
        <v>0</v>
      </c>
      <c r="D7179">
        <f t="shared" si="224"/>
        <v>0</v>
      </c>
      <c r="E7179" s="6">
        <f t="shared" si="225"/>
        <v>0</v>
      </c>
    </row>
    <row r="7180" spans="1:5" x14ac:dyDescent="0.25">
      <c r="A7180" s="5">
        <v>43854.958333333336</v>
      </c>
      <c r="B7180" s="2">
        <v>17.561907000000001</v>
      </c>
      <c r="C7180">
        <v>0</v>
      </c>
      <c r="D7180">
        <f t="shared" si="224"/>
        <v>0</v>
      </c>
      <c r="E7180" s="6">
        <f t="shared" si="225"/>
        <v>0</v>
      </c>
    </row>
    <row r="7181" spans="1:5" x14ac:dyDescent="0.25">
      <c r="A7181" s="5">
        <v>43855</v>
      </c>
      <c r="B7181" s="2">
        <v>16.524666</v>
      </c>
      <c r="C7181">
        <v>0</v>
      </c>
      <c r="D7181">
        <f t="shared" si="224"/>
        <v>0</v>
      </c>
      <c r="E7181" s="6">
        <f t="shared" si="225"/>
        <v>0</v>
      </c>
    </row>
    <row r="7182" spans="1:5" x14ac:dyDescent="0.25">
      <c r="A7182" s="5">
        <v>43855.041666666664</v>
      </c>
      <c r="B7182" s="2">
        <v>15.516769</v>
      </c>
      <c r="C7182">
        <v>0</v>
      </c>
      <c r="D7182">
        <f t="shared" si="224"/>
        <v>0</v>
      </c>
      <c r="E7182" s="6">
        <f t="shared" si="225"/>
        <v>0</v>
      </c>
    </row>
    <row r="7183" spans="1:5" x14ac:dyDescent="0.25">
      <c r="A7183" s="5">
        <v>43855.083333333336</v>
      </c>
      <c r="B7183" s="2">
        <v>14.879032</v>
      </c>
      <c r="C7183">
        <v>0</v>
      </c>
      <c r="D7183">
        <f t="shared" si="224"/>
        <v>0</v>
      </c>
      <c r="E7183" s="6">
        <f t="shared" si="225"/>
        <v>0</v>
      </c>
    </row>
    <row r="7184" spans="1:5" x14ac:dyDescent="0.25">
      <c r="A7184" s="5">
        <v>43855.125</v>
      </c>
      <c r="B7184" s="2">
        <v>14.412259000000001</v>
      </c>
      <c r="C7184">
        <v>0</v>
      </c>
      <c r="D7184">
        <f t="shared" si="224"/>
        <v>0</v>
      </c>
      <c r="E7184" s="6">
        <f t="shared" si="225"/>
        <v>0</v>
      </c>
    </row>
    <row r="7185" spans="1:5" x14ac:dyDescent="0.25">
      <c r="A7185" s="5">
        <v>43855.166666666664</v>
      </c>
      <c r="B7185" s="2">
        <v>14.219688</v>
      </c>
      <c r="C7185">
        <v>0</v>
      </c>
      <c r="D7185">
        <f t="shared" si="224"/>
        <v>0</v>
      </c>
      <c r="E7185" s="6">
        <f t="shared" si="225"/>
        <v>0</v>
      </c>
    </row>
    <row r="7186" spans="1:5" x14ac:dyDescent="0.25">
      <c r="A7186" s="5">
        <v>43855.208333333336</v>
      </c>
      <c r="B7186" s="2">
        <v>14.351207</v>
      </c>
      <c r="C7186">
        <v>0</v>
      </c>
      <c r="D7186">
        <f t="shared" si="224"/>
        <v>0</v>
      </c>
      <c r="E7186" s="6">
        <f t="shared" si="225"/>
        <v>0</v>
      </c>
    </row>
    <row r="7187" spans="1:5" x14ac:dyDescent="0.25">
      <c r="A7187" s="5">
        <v>43855.25</v>
      </c>
      <c r="B7187" s="2">
        <v>15.702441</v>
      </c>
      <c r="C7187">
        <v>0</v>
      </c>
      <c r="D7187">
        <f t="shared" si="224"/>
        <v>0</v>
      </c>
      <c r="E7187" s="6">
        <f t="shared" si="225"/>
        <v>0</v>
      </c>
    </row>
    <row r="7188" spans="1:5" x14ac:dyDescent="0.25">
      <c r="A7188" s="5">
        <v>43855.291666666664</v>
      </c>
      <c r="B7188" s="2">
        <v>16.904198000000001</v>
      </c>
      <c r="C7188">
        <v>0</v>
      </c>
      <c r="D7188">
        <f t="shared" si="224"/>
        <v>0</v>
      </c>
      <c r="E7188" s="6">
        <f t="shared" si="225"/>
        <v>0</v>
      </c>
    </row>
    <row r="7189" spans="1:5" x14ac:dyDescent="0.25">
      <c r="A7189" s="5">
        <v>43855.333333333336</v>
      </c>
      <c r="B7189" s="2">
        <v>19.077279000000001</v>
      </c>
      <c r="C7189">
        <v>1.980556</v>
      </c>
      <c r="D7189">
        <f t="shared" si="224"/>
        <v>1.9805560000000001E-3</v>
      </c>
      <c r="E7189" s="6">
        <f t="shared" si="225"/>
        <v>3.7783619387124004E-2</v>
      </c>
    </row>
    <row r="7190" spans="1:5" x14ac:dyDescent="0.25">
      <c r="A7190" s="5">
        <v>43855.375</v>
      </c>
      <c r="B7190" s="2">
        <v>19.301402</v>
      </c>
      <c r="C7190">
        <v>4.4046959999999995</v>
      </c>
      <c r="D7190">
        <f t="shared" si="224"/>
        <v>4.4046959999999996E-3</v>
      </c>
      <c r="E7190" s="6">
        <f t="shared" si="225"/>
        <v>8.5016808183791995E-2</v>
      </c>
    </row>
    <row r="7191" spans="1:5" x14ac:dyDescent="0.25">
      <c r="A7191" s="5">
        <v>43855.416666666664</v>
      </c>
      <c r="B7191" s="2">
        <v>19.930326000000001</v>
      </c>
      <c r="C7191">
        <v>6.1709959999999997</v>
      </c>
      <c r="D7191">
        <f t="shared" si="224"/>
        <v>6.1709959999999998E-3</v>
      </c>
      <c r="E7191" s="6">
        <f t="shared" si="225"/>
        <v>0.122989962024696</v>
      </c>
    </row>
    <row r="7192" spans="1:5" x14ac:dyDescent="0.25">
      <c r="A7192" s="5">
        <v>43855.458333333336</v>
      </c>
      <c r="B7192" s="2">
        <v>19.659535999999999</v>
      </c>
      <c r="C7192">
        <v>7.2088729999999996</v>
      </c>
      <c r="D7192">
        <f t="shared" si="224"/>
        <v>7.2088729999999993E-3</v>
      </c>
      <c r="E7192" s="6">
        <f t="shared" si="225"/>
        <v>0.14172309826292798</v>
      </c>
    </row>
    <row r="7193" spans="1:5" x14ac:dyDescent="0.25">
      <c r="A7193" s="5">
        <v>43855.5</v>
      </c>
      <c r="B7193" s="2">
        <v>18.516936999999999</v>
      </c>
      <c r="C7193">
        <v>7.5654570000000003</v>
      </c>
      <c r="D7193">
        <f t="shared" si="224"/>
        <v>7.5654570000000003E-3</v>
      </c>
      <c r="E7193" s="6">
        <f t="shared" si="225"/>
        <v>0.140089090645209</v>
      </c>
    </row>
    <row r="7194" spans="1:5" x14ac:dyDescent="0.25">
      <c r="A7194" s="5">
        <v>43855.541666666664</v>
      </c>
      <c r="B7194" s="2">
        <v>17.850487999999999</v>
      </c>
      <c r="C7194">
        <v>7.3788199999999993</v>
      </c>
      <c r="D7194">
        <f t="shared" si="224"/>
        <v>7.3788199999999995E-3</v>
      </c>
      <c r="E7194" s="6">
        <f t="shared" si="225"/>
        <v>0.13171553786415999</v>
      </c>
    </row>
    <row r="7195" spans="1:5" x14ac:dyDescent="0.25">
      <c r="A7195" s="5">
        <v>43855.583333333336</v>
      </c>
      <c r="B7195" s="2">
        <v>17.059958999999999</v>
      </c>
      <c r="C7195">
        <v>6.5758850000000004</v>
      </c>
      <c r="D7195">
        <f t="shared" si="224"/>
        <v>6.5758850000000001E-3</v>
      </c>
      <c r="E7195" s="6">
        <f t="shared" si="225"/>
        <v>0.112184328488715</v>
      </c>
    </row>
    <row r="7196" spans="1:5" x14ac:dyDescent="0.25">
      <c r="A7196" s="5">
        <v>43855.625</v>
      </c>
      <c r="B7196" s="2">
        <v>16.783999000000001</v>
      </c>
      <c r="C7196">
        <v>5.1139359999999998</v>
      </c>
      <c r="D7196">
        <f t="shared" si="224"/>
        <v>5.1139359999999995E-3</v>
      </c>
      <c r="E7196" s="6">
        <f t="shared" si="225"/>
        <v>8.5832296710063996E-2</v>
      </c>
    </row>
    <row r="7197" spans="1:5" x14ac:dyDescent="0.25">
      <c r="A7197" s="5">
        <v>43855.666666666664</v>
      </c>
      <c r="B7197" s="2">
        <v>17.924551999999998</v>
      </c>
      <c r="C7197">
        <v>3.0358330000000002</v>
      </c>
      <c r="D7197">
        <f t="shared" si="224"/>
        <v>3.0358330000000004E-3</v>
      </c>
      <c r="E7197" s="6">
        <f t="shared" si="225"/>
        <v>5.4415946471816003E-2</v>
      </c>
    </row>
    <row r="7198" spans="1:5" x14ac:dyDescent="0.25">
      <c r="A7198" s="5">
        <v>43855.708333333336</v>
      </c>
      <c r="B7198" s="2">
        <v>20.144272999999998</v>
      </c>
      <c r="C7198">
        <v>0.67271500000000006</v>
      </c>
      <c r="D7198">
        <f t="shared" si="224"/>
        <v>6.7271500000000005E-4</v>
      </c>
      <c r="E7198" s="6">
        <f t="shared" si="225"/>
        <v>1.3551354611195001E-2</v>
      </c>
    </row>
    <row r="7199" spans="1:5" x14ac:dyDescent="0.25">
      <c r="A7199" s="5">
        <v>43855.75</v>
      </c>
      <c r="B7199" s="2">
        <v>20.218474000000001</v>
      </c>
      <c r="C7199">
        <v>0</v>
      </c>
      <c r="D7199">
        <f t="shared" si="224"/>
        <v>0</v>
      </c>
      <c r="E7199" s="6">
        <f t="shared" si="225"/>
        <v>0</v>
      </c>
    </row>
    <row r="7200" spans="1:5" x14ac:dyDescent="0.25">
      <c r="A7200" s="5">
        <v>43855.791666666664</v>
      </c>
      <c r="B7200" s="2">
        <v>19.623341</v>
      </c>
      <c r="C7200">
        <v>0</v>
      </c>
      <c r="D7200">
        <f t="shared" si="224"/>
        <v>0</v>
      </c>
      <c r="E7200" s="6">
        <f t="shared" si="225"/>
        <v>0</v>
      </c>
    </row>
    <row r="7201" spans="1:5" x14ac:dyDescent="0.25">
      <c r="A7201" s="5">
        <v>43855.833333333336</v>
      </c>
      <c r="B7201" s="2">
        <v>19.324023</v>
      </c>
      <c r="C7201">
        <v>0</v>
      </c>
      <c r="D7201">
        <f t="shared" si="224"/>
        <v>0</v>
      </c>
      <c r="E7201" s="6">
        <f t="shared" si="225"/>
        <v>0</v>
      </c>
    </row>
    <row r="7202" spans="1:5" x14ac:dyDescent="0.25">
      <c r="A7202" s="5">
        <v>43855.875</v>
      </c>
      <c r="B7202" s="2">
        <v>17.836351000000001</v>
      </c>
      <c r="C7202">
        <v>0</v>
      </c>
      <c r="D7202">
        <f t="shared" si="224"/>
        <v>0</v>
      </c>
      <c r="E7202" s="6">
        <f t="shared" si="225"/>
        <v>0</v>
      </c>
    </row>
    <row r="7203" spans="1:5" x14ac:dyDescent="0.25">
      <c r="A7203" s="5">
        <v>43855.916666666664</v>
      </c>
      <c r="B7203" s="2">
        <v>16.886240000000001</v>
      </c>
      <c r="C7203">
        <v>0</v>
      </c>
      <c r="D7203">
        <f t="shared" si="224"/>
        <v>0</v>
      </c>
      <c r="E7203" s="6">
        <f t="shared" si="225"/>
        <v>0</v>
      </c>
    </row>
    <row r="7204" spans="1:5" x14ac:dyDescent="0.25">
      <c r="A7204" s="5">
        <v>43855.958333333336</v>
      </c>
      <c r="B7204" s="2">
        <v>15.461997999999999</v>
      </c>
      <c r="C7204">
        <v>0</v>
      </c>
      <c r="D7204">
        <f t="shared" si="224"/>
        <v>0</v>
      </c>
      <c r="E7204" s="6">
        <f t="shared" si="225"/>
        <v>0</v>
      </c>
    </row>
    <row r="7205" spans="1:5" x14ac:dyDescent="0.25">
      <c r="A7205" s="5">
        <v>43856</v>
      </c>
      <c r="B7205" s="2">
        <v>15.854782999999999</v>
      </c>
      <c r="C7205">
        <v>0</v>
      </c>
      <c r="D7205">
        <f t="shared" si="224"/>
        <v>0</v>
      </c>
      <c r="E7205" s="6">
        <f t="shared" si="225"/>
        <v>0</v>
      </c>
    </row>
    <row r="7206" spans="1:5" x14ac:dyDescent="0.25">
      <c r="A7206" s="5">
        <v>43856.041666666664</v>
      </c>
      <c r="B7206" s="2">
        <v>16.024804</v>
      </c>
      <c r="C7206">
        <v>0</v>
      </c>
      <c r="D7206">
        <f t="shared" si="224"/>
        <v>0</v>
      </c>
      <c r="E7206" s="6">
        <f t="shared" si="225"/>
        <v>0</v>
      </c>
    </row>
    <row r="7207" spans="1:5" x14ac:dyDescent="0.25">
      <c r="A7207" s="5">
        <v>43856.083333333336</v>
      </c>
      <c r="B7207" s="2">
        <v>15.334360999999999</v>
      </c>
      <c r="C7207">
        <v>0</v>
      </c>
      <c r="D7207">
        <f t="shared" si="224"/>
        <v>0</v>
      </c>
      <c r="E7207" s="6">
        <f t="shared" si="225"/>
        <v>0</v>
      </c>
    </row>
    <row r="7208" spans="1:5" x14ac:dyDescent="0.25">
      <c r="A7208" s="5">
        <v>43856.125</v>
      </c>
      <c r="B7208" s="2">
        <v>14.767427</v>
      </c>
      <c r="C7208">
        <v>0</v>
      </c>
      <c r="D7208">
        <f t="shared" si="224"/>
        <v>0</v>
      </c>
      <c r="E7208" s="6">
        <f t="shared" si="225"/>
        <v>0</v>
      </c>
    </row>
    <row r="7209" spans="1:5" x14ac:dyDescent="0.25">
      <c r="A7209" s="5">
        <v>43856.166666666664</v>
      </c>
      <c r="B7209" s="2">
        <v>15.448143</v>
      </c>
      <c r="C7209">
        <v>0</v>
      </c>
      <c r="D7209">
        <f t="shared" si="224"/>
        <v>0</v>
      </c>
      <c r="E7209" s="6">
        <f t="shared" si="225"/>
        <v>0</v>
      </c>
    </row>
    <row r="7210" spans="1:5" x14ac:dyDescent="0.25">
      <c r="A7210" s="5">
        <v>43856.208333333336</v>
      </c>
      <c r="B7210" s="2">
        <v>16.186031</v>
      </c>
      <c r="C7210">
        <v>0</v>
      </c>
      <c r="D7210">
        <f t="shared" si="224"/>
        <v>0</v>
      </c>
      <c r="E7210" s="6">
        <f t="shared" si="225"/>
        <v>0</v>
      </c>
    </row>
    <row r="7211" spans="1:5" x14ac:dyDescent="0.25">
      <c r="A7211" s="5">
        <v>43856.25</v>
      </c>
      <c r="B7211" s="2">
        <v>17.887079</v>
      </c>
      <c r="C7211">
        <v>0</v>
      </c>
      <c r="D7211">
        <f t="shared" si="224"/>
        <v>0</v>
      </c>
      <c r="E7211" s="6">
        <f t="shared" si="225"/>
        <v>0</v>
      </c>
    </row>
    <row r="7212" spans="1:5" x14ac:dyDescent="0.25">
      <c r="A7212" s="5">
        <v>43856.291666666664</v>
      </c>
      <c r="B7212" s="2">
        <v>19.636769999999999</v>
      </c>
      <c r="C7212">
        <v>0</v>
      </c>
      <c r="D7212">
        <f t="shared" si="224"/>
        <v>0</v>
      </c>
      <c r="E7212" s="6">
        <f t="shared" si="225"/>
        <v>0</v>
      </c>
    </row>
    <row r="7213" spans="1:5" x14ac:dyDescent="0.25">
      <c r="A7213" s="5">
        <v>43856.333333333336</v>
      </c>
      <c r="B7213" s="2">
        <v>20.066164000000001</v>
      </c>
      <c r="C7213">
        <v>1.6013330000000001</v>
      </c>
      <c r="D7213">
        <f t="shared" si="224"/>
        <v>1.6013330000000001E-3</v>
      </c>
      <c r="E7213" s="6">
        <f t="shared" si="225"/>
        <v>3.2132610596612002E-2</v>
      </c>
    </row>
    <row r="7214" spans="1:5" x14ac:dyDescent="0.25">
      <c r="A7214" s="5">
        <v>43856.375</v>
      </c>
      <c r="B7214" s="2">
        <v>19.702134999999998</v>
      </c>
      <c r="C7214">
        <v>0.87692600000000009</v>
      </c>
      <c r="D7214">
        <f t="shared" si="224"/>
        <v>8.7692600000000009E-4</v>
      </c>
      <c r="E7214" s="6">
        <f t="shared" si="225"/>
        <v>1.727731443701E-2</v>
      </c>
    </row>
    <row r="7215" spans="1:5" x14ac:dyDescent="0.25">
      <c r="A7215" s="5">
        <v>43856.416666666664</v>
      </c>
      <c r="B7215" s="2">
        <v>19.450483999999999</v>
      </c>
      <c r="C7215">
        <v>1.3843019999999999</v>
      </c>
      <c r="D7215">
        <f t="shared" si="224"/>
        <v>1.384302E-3</v>
      </c>
      <c r="E7215" s="6">
        <f t="shared" si="225"/>
        <v>2.6925343902168001E-2</v>
      </c>
    </row>
    <row r="7216" spans="1:5" x14ac:dyDescent="0.25">
      <c r="A7216" s="5">
        <v>43856.458333333336</v>
      </c>
      <c r="B7216" s="2">
        <v>18.714376000000001</v>
      </c>
      <c r="C7216">
        <v>1.3772390000000001</v>
      </c>
      <c r="D7216">
        <f t="shared" si="224"/>
        <v>1.3772390000000002E-3</v>
      </c>
      <c r="E7216" s="6">
        <f t="shared" si="225"/>
        <v>2.5774168487864006E-2</v>
      </c>
    </row>
    <row r="7217" spans="1:5" x14ac:dyDescent="0.25">
      <c r="A7217" s="5">
        <v>43856.5</v>
      </c>
      <c r="B7217" s="2">
        <v>18.191697000000001</v>
      </c>
      <c r="C7217">
        <v>2.7569969999999997</v>
      </c>
      <c r="D7217">
        <f t="shared" si="224"/>
        <v>2.7569969999999997E-3</v>
      </c>
      <c r="E7217" s="6">
        <f t="shared" si="225"/>
        <v>5.0154454053908996E-2</v>
      </c>
    </row>
    <row r="7218" spans="1:5" x14ac:dyDescent="0.25">
      <c r="A7218" s="5">
        <v>43856.541666666664</v>
      </c>
      <c r="B7218" s="2">
        <v>17.64508</v>
      </c>
      <c r="C7218">
        <v>2.8699369999999997</v>
      </c>
      <c r="D7218">
        <f t="shared" si="224"/>
        <v>2.8699369999999999E-3</v>
      </c>
      <c r="E7218" s="6">
        <f t="shared" si="225"/>
        <v>5.0640267959959996E-2</v>
      </c>
    </row>
    <row r="7219" spans="1:5" x14ac:dyDescent="0.25">
      <c r="A7219" s="5">
        <v>43856.583333333336</v>
      </c>
      <c r="B7219" s="2">
        <v>17.520916</v>
      </c>
      <c r="C7219">
        <v>1.2183250000000001</v>
      </c>
      <c r="D7219">
        <f t="shared" si="224"/>
        <v>1.2183250000000001E-3</v>
      </c>
      <c r="E7219" s="6">
        <f t="shared" si="225"/>
        <v>2.1346169985700002E-2</v>
      </c>
    </row>
    <row r="7220" spans="1:5" x14ac:dyDescent="0.25">
      <c r="A7220" s="5">
        <v>43856.625</v>
      </c>
      <c r="B7220" s="2">
        <v>17.794944000000001</v>
      </c>
      <c r="C7220">
        <v>0.60123599999999999</v>
      </c>
      <c r="D7220">
        <f t="shared" si="224"/>
        <v>6.01236E-4</v>
      </c>
      <c r="E7220" s="6">
        <f t="shared" si="225"/>
        <v>1.0698960950784001E-2</v>
      </c>
    </row>
    <row r="7221" spans="1:5" x14ac:dyDescent="0.25">
      <c r="A7221" s="5">
        <v>43856.666666666664</v>
      </c>
      <c r="B7221" s="2">
        <v>19.348275000000001</v>
      </c>
      <c r="C7221">
        <v>0.54541099999999998</v>
      </c>
      <c r="D7221">
        <f t="shared" si="224"/>
        <v>5.4541099999999999E-4</v>
      </c>
      <c r="E7221" s="6">
        <f t="shared" si="225"/>
        <v>1.0552762016025001E-2</v>
      </c>
    </row>
    <row r="7222" spans="1:5" x14ac:dyDescent="0.25">
      <c r="A7222" s="5">
        <v>43856.708333333336</v>
      </c>
      <c r="B7222" s="2">
        <v>24.211589</v>
      </c>
      <c r="C7222">
        <v>0.23225999999999999</v>
      </c>
      <c r="D7222">
        <f t="shared" si="224"/>
        <v>2.3226E-4</v>
      </c>
      <c r="E7222" s="6">
        <f t="shared" si="225"/>
        <v>5.6233836611400004E-3</v>
      </c>
    </row>
    <row r="7223" spans="1:5" x14ac:dyDescent="0.25">
      <c r="A7223" s="5">
        <v>43856.75</v>
      </c>
      <c r="B7223" s="2">
        <v>23.503018999999998</v>
      </c>
      <c r="C7223">
        <v>0</v>
      </c>
      <c r="D7223">
        <f t="shared" si="224"/>
        <v>0</v>
      </c>
      <c r="E7223" s="6">
        <f t="shared" si="225"/>
        <v>0</v>
      </c>
    </row>
    <row r="7224" spans="1:5" x14ac:dyDescent="0.25">
      <c r="A7224" s="5">
        <v>43856.791666666664</v>
      </c>
      <c r="B7224" s="2">
        <v>23.022157</v>
      </c>
      <c r="C7224">
        <v>0</v>
      </c>
      <c r="D7224">
        <f t="shared" si="224"/>
        <v>0</v>
      </c>
      <c r="E7224" s="6">
        <f t="shared" si="225"/>
        <v>0</v>
      </c>
    </row>
    <row r="7225" spans="1:5" x14ac:dyDescent="0.25">
      <c r="A7225" s="5">
        <v>43856.833333333336</v>
      </c>
      <c r="B7225" s="2">
        <v>22.591328000000001</v>
      </c>
      <c r="C7225">
        <v>0</v>
      </c>
      <c r="D7225">
        <f t="shared" si="224"/>
        <v>0</v>
      </c>
      <c r="E7225" s="6">
        <f t="shared" si="225"/>
        <v>0</v>
      </c>
    </row>
    <row r="7226" spans="1:5" x14ac:dyDescent="0.25">
      <c r="A7226" s="5">
        <v>43856.875</v>
      </c>
      <c r="B7226" s="2">
        <v>20.441220000000001</v>
      </c>
      <c r="C7226">
        <v>0</v>
      </c>
      <c r="D7226">
        <f t="shared" si="224"/>
        <v>0</v>
      </c>
      <c r="E7226" s="6">
        <f t="shared" si="225"/>
        <v>0</v>
      </c>
    </row>
    <row r="7227" spans="1:5" x14ac:dyDescent="0.25">
      <c r="A7227" s="5">
        <v>43856.916666666664</v>
      </c>
      <c r="B7227" s="2">
        <v>19.343150999999999</v>
      </c>
      <c r="C7227">
        <v>0</v>
      </c>
      <c r="D7227">
        <f t="shared" si="224"/>
        <v>0</v>
      </c>
      <c r="E7227" s="6">
        <f t="shared" si="225"/>
        <v>0</v>
      </c>
    </row>
    <row r="7228" spans="1:5" x14ac:dyDescent="0.25">
      <c r="A7228" s="5">
        <v>43856.958333333336</v>
      </c>
      <c r="B7228" s="2">
        <v>17.913630000000001</v>
      </c>
      <c r="C7228">
        <v>0</v>
      </c>
      <c r="D7228">
        <f t="shared" si="224"/>
        <v>0</v>
      </c>
      <c r="E7228" s="6">
        <f t="shared" si="225"/>
        <v>0</v>
      </c>
    </row>
    <row r="7229" spans="1:5" x14ac:dyDescent="0.25">
      <c r="A7229" s="5">
        <v>43857</v>
      </c>
      <c r="B7229" s="2">
        <v>18.289857999999999</v>
      </c>
      <c r="C7229">
        <v>0</v>
      </c>
      <c r="D7229">
        <f t="shared" si="224"/>
        <v>0</v>
      </c>
      <c r="E7229" s="6">
        <f t="shared" si="225"/>
        <v>0</v>
      </c>
    </row>
    <row r="7230" spans="1:5" x14ac:dyDescent="0.25">
      <c r="A7230" s="5">
        <v>43857.041666666664</v>
      </c>
      <c r="B7230" s="2">
        <v>18.393484000000001</v>
      </c>
      <c r="C7230">
        <v>0</v>
      </c>
      <c r="D7230">
        <f t="shared" si="224"/>
        <v>0</v>
      </c>
      <c r="E7230" s="6">
        <f t="shared" si="225"/>
        <v>0</v>
      </c>
    </row>
    <row r="7231" spans="1:5" x14ac:dyDescent="0.25">
      <c r="A7231" s="5">
        <v>43857.083333333336</v>
      </c>
      <c r="B7231" s="2">
        <v>18.160249</v>
      </c>
      <c r="C7231">
        <v>0</v>
      </c>
      <c r="D7231">
        <f t="shared" si="224"/>
        <v>0</v>
      </c>
      <c r="E7231" s="6">
        <f t="shared" si="225"/>
        <v>0</v>
      </c>
    </row>
    <row r="7232" spans="1:5" x14ac:dyDescent="0.25">
      <c r="A7232" s="5">
        <v>43857.125</v>
      </c>
      <c r="B7232" s="2">
        <v>18.382356999999999</v>
      </c>
      <c r="C7232">
        <v>0</v>
      </c>
      <c r="D7232">
        <f t="shared" si="224"/>
        <v>0</v>
      </c>
      <c r="E7232" s="6">
        <f t="shared" si="225"/>
        <v>0</v>
      </c>
    </row>
    <row r="7233" spans="1:5" x14ac:dyDescent="0.25">
      <c r="A7233" s="5">
        <v>43857.166666666664</v>
      </c>
      <c r="B7233" s="2">
        <v>18.976839999999999</v>
      </c>
      <c r="C7233">
        <v>0</v>
      </c>
      <c r="D7233">
        <f t="shared" si="224"/>
        <v>0</v>
      </c>
      <c r="E7233" s="6">
        <f t="shared" si="225"/>
        <v>0</v>
      </c>
    </row>
    <row r="7234" spans="1:5" x14ac:dyDescent="0.25">
      <c r="A7234" s="5">
        <v>43857.208333333336</v>
      </c>
      <c r="B7234" s="2">
        <v>21.199586</v>
      </c>
      <c r="C7234">
        <v>0</v>
      </c>
      <c r="D7234">
        <f t="shared" si="224"/>
        <v>0</v>
      </c>
      <c r="E7234" s="6">
        <f t="shared" si="225"/>
        <v>0</v>
      </c>
    </row>
    <row r="7235" spans="1:5" x14ac:dyDescent="0.25">
      <c r="A7235" s="5">
        <v>43857.25</v>
      </c>
      <c r="B7235" s="2">
        <v>32.588743000000001</v>
      </c>
      <c r="C7235">
        <v>0</v>
      </c>
      <c r="D7235">
        <f t="shared" si="224"/>
        <v>0</v>
      </c>
      <c r="E7235" s="6">
        <f t="shared" si="225"/>
        <v>0</v>
      </c>
    </row>
    <row r="7236" spans="1:5" x14ac:dyDescent="0.25">
      <c r="A7236" s="5">
        <v>43857.291666666664</v>
      </c>
      <c r="B7236" s="2">
        <v>33.009532</v>
      </c>
      <c r="C7236">
        <v>0</v>
      </c>
      <c r="D7236">
        <f t="shared" si="224"/>
        <v>0</v>
      </c>
      <c r="E7236" s="6">
        <f t="shared" si="225"/>
        <v>0</v>
      </c>
    </row>
    <row r="7237" spans="1:5" x14ac:dyDescent="0.25">
      <c r="A7237" s="5">
        <v>43857.333333333336</v>
      </c>
      <c r="B7237" s="2">
        <v>26.088937000000001</v>
      </c>
      <c r="C7237">
        <v>1.5905370000000001</v>
      </c>
      <c r="D7237">
        <f t="shared" si="224"/>
        <v>1.5905370000000002E-3</v>
      </c>
      <c r="E7237" s="6">
        <f t="shared" si="225"/>
        <v>4.1495419589169004E-2</v>
      </c>
    </row>
    <row r="7238" spans="1:5" x14ac:dyDescent="0.25">
      <c r="A7238" s="5">
        <v>43857.375</v>
      </c>
      <c r="B7238" s="2">
        <v>26.252476000000001</v>
      </c>
      <c r="C7238">
        <v>3.9107910000000001</v>
      </c>
      <c r="D7238">
        <f t="shared" ref="D7238:D7301" si="226">C7238/1000</f>
        <v>3.9107910000000003E-3</v>
      </c>
      <c r="E7238" s="6">
        <f t="shared" ref="E7238:E7301" si="227">D7238*B7238</f>
        <v>0.10266794686851602</v>
      </c>
    </row>
    <row r="7239" spans="1:5" x14ac:dyDescent="0.25">
      <c r="A7239" s="5">
        <v>43857.416666666664</v>
      </c>
      <c r="B7239" s="2">
        <v>26.959230999999999</v>
      </c>
      <c r="C7239">
        <v>5.5987929999999997</v>
      </c>
      <c r="D7239">
        <f t="shared" si="226"/>
        <v>5.5987929999999995E-3</v>
      </c>
      <c r="E7239" s="6">
        <f t="shared" si="227"/>
        <v>0.15093915380818299</v>
      </c>
    </row>
    <row r="7240" spans="1:5" x14ac:dyDescent="0.25">
      <c r="A7240" s="5">
        <v>43857.458333333336</v>
      </c>
      <c r="B7240" s="2">
        <v>25.284003999999999</v>
      </c>
      <c r="C7240">
        <v>6.6522139999999998</v>
      </c>
      <c r="D7240">
        <f t="shared" si="226"/>
        <v>6.652214E-3</v>
      </c>
      <c r="E7240" s="6">
        <f t="shared" si="227"/>
        <v>0.16819460538485601</v>
      </c>
    </row>
    <row r="7241" spans="1:5" x14ac:dyDescent="0.25">
      <c r="A7241" s="5">
        <v>43857.5</v>
      </c>
      <c r="B7241" s="2">
        <v>24.220656000000002</v>
      </c>
      <c r="C7241">
        <v>7.0493590000000008</v>
      </c>
      <c r="D7241">
        <f t="shared" si="226"/>
        <v>7.0493590000000007E-3</v>
      </c>
      <c r="E7241" s="6">
        <f t="shared" si="227"/>
        <v>0.17074009935950402</v>
      </c>
    </row>
    <row r="7242" spans="1:5" x14ac:dyDescent="0.25">
      <c r="A7242" s="5">
        <v>43857.541666666664</v>
      </c>
      <c r="B7242" s="2">
        <v>23.744122999999998</v>
      </c>
      <c r="C7242">
        <v>6.8472369999999998</v>
      </c>
      <c r="D7242">
        <f t="shared" si="226"/>
        <v>6.8472369999999999E-3</v>
      </c>
      <c r="E7242" s="6">
        <f t="shared" si="227"/>
        <v>0.162581637538151</v>
      </c>
    </row>
    <row r="7243" spans="1:5" x14ac:dyDescent="0.25">
      <c r="A7243" s="5">
        <v>43857.583333333336</v>
      </c>
      <c r="B7243" s="2">
        <v>23.216764000000001</v>
      </c>
      <c r="C7243">
        <v>6.1749179999999999</v>
      </c>
      <c r="D7243">
        <f t="shared" si="226"/>
        <v>6.1749179999999997E-3</v>
      </c>
      <c r="E7243" s="6">
        <f t="shared" si="227"/>
        <v>0.14336161392535199</v>
      </c>
    </row>
    <row r="7244" spans="1:5" x14ac:dyDescent="0.25">
      <c r="A7244" s="5">
        <v>43857.625</v>
      </c>
      <c r="B7244" s="2">
        <v>22.977865999999999</v>
      </c>
      <c r="C7244">
        <v>4.8316930000000005</v>
      </c>
      <c r="D7244">
        <f t="shared" si="226"/>
        <v>4.8316930000000006E-3</v>
      </c>
      <c r="E7244" s="6">
        <f t="shared" si="227"/>
        <v>0.11102199430713801</v>
      </c>
    </row>
    <row r="7245" spans="1:5" x14ac:dyDescent="0.25">
      <c r="A7245" s="5">
        <v>43857.666666666664</v>
      </c>
      <c r="B7245" s="2">
        <v>23.805140000000002</v>
      </c>
      <c r="C7245">
        <v>2.886263</v>
      </c>
      <c r="D7245">
        <f t="shared" si="226"/>
        <v>2.886263E-3</v>
      </c>
      <c r="E7245" s="6">
        <f t="shared" si="227"/>
        <v>6.8707894791820004E-2</v>
      </c>
    </row>
    <row r="7246" spans="1:5" x14ac:dyDescent="0.25">
      <c r="A7246" s="5">
        <v>43857.708333333336</v>
      </c>
      <c r="B7246" s="2">
        <v>28.719873</v>
      </c>
      <c r="C7246">
        <v>0.66680200000000001</v>
      </c>
      <c r="D7246">
        <f t="shared" si="226"/>
        <v>6.6680199999999998E-4</v>
      </c>
      <c r="E7246" s="6">
        <f t="shared" si="227"/>
        <v>1.9150468756146E-2</v>
      </c>
    </row>
    <row r="7247" spans="1:5" x14ac:dyDescent="0.25">
      <c r="A7247" s="5">
        <v>43857.75</v>
      </c>
      <c r="B7247" s="2">
        <v>26.356985000000002</v>
      </c>
      <c r="C7247">
        <v>0</v>
      </c>
      <c r="D7247">
        <f t="shared" si="226"/>
        <v>0</v>
      </c>
      <c r="E7247" s="6">
        <f t="shared" si="227"/>
        <v>0</v>
      </c>
    </row>
    <row r="7248" spans="1:5" x14ac:dyDescent="0.25">
      <c r="A7248" s="5">
        <v>43857.791666666664</v>
      </c>
      <c r="B7248" s="2">
        <v>27.100565</v>
      </c>
      <c r="C7248">
        <v>0</v>
      </c>
      <c r="D7248">
        <f t="shared" si="226"/>
        <v>0</v>
      </c>
      <c r="E7248" s="6">
        <f t="shared" si="227"/>
        <v>0</v>
      </c>
    </row>
    <row r="7249" spans="1:5" x14ac:dyDescent="0.25">
      <c r="A7249" s="5">
        <v>43857.833333333336</v>
      </c>
      <c r="B7249" s="2">
        <v>26.237445000000001</v>
      </c>
      <c r="C7249">
        <v>0</v>
      </c>
      <c r="D7249">
        <f t="shared" si="226"/>
        <v>0</v>
      </c>
      <c r="E7249" s="6">
        <f t="shared" si="227"/>
        <v>0</v>
      </c>
    </row>
    <row r="7250" spans="1:5" x14ac:dyDescent="0.25">
      <c r="A7250" s="5">
        <v>43857.875</v>
      </c>
      <c r="B7250" s="2">
        <v>23.884620000000002</v>
      </c>
      <c r="C7250">
        <v>0</v>
      </c>
      <c r="D7250">
        <f t="shared" si="226"/>
        <v>0</v>
      </c>
      <c r="E7250" s="6">
        <f t="shared" si="227"/>
        <v>0</v>
      </c>
    </row>
    <row r="7251" spans="1:5" x14ac:dyDescent="0.25">
      <c r="A7251" s="5">
        <v>43857.916666666664</v>
      </c>
      <c r="B7251" s="2">
        <v>21.671724000000001</v>
      </c>
      <c r="C7251">
        <v>0</v>
      </c>
      <c r="D7251">
        <f t="shared" si="226"/>
        <v>0</v>
      </c>
      <c r="E7251" s="6">
        <f t="shared" si="227"/>
        <v>0</v>
      </c>
    </row>
    <row r="7252" spans="1:5" x14ac:dyDescent="0.25">
      <c r="A7252" s="5">
        <v>43857.958333333336</v>
      </c>
      <c r="B7252" s="2">
        <v>20.713352</v>
      </c>
      <c r="C7252">
        <v>0</v>
      </c>
      <c r="D7252">
        <f t="shared" si="226"/>
        <v>0</v>
      </c>
      <c r="E7252" s="6">
        <f t="shared" si="227"/>
        <v>0</v>
      </c>
    </row>
    <row r="7253" spans="1:5" x14ac:dyDescent="0.25">
      <c r="A7253" s="5">
        <v>43858</v>
      </c>
      <c r="B7253" s="2">
        <v>18.460951000000001</v>
      </c>
      <c r="C7253">
        <v>0</v>
      </c>
      <c r="D7253">
        <f t="shared" si="226"/>
        <v>0</v>
      </c>
      <c r="E7253" s="6">
        <f t="shared" si="227"/>
        <v>0</v>
      </c>
    </row>
    <row r="7254" spans="1:5" x14ac:dyDescent="0.25">
      <c r="A7254" s="5">
        <v>43858.041666666664</v>
      </c>
      <c r="B7254" s="2">
        <v>18.161615999999999</v>
      </c>
      <c r="C7254">
        <v>0</v>
      </c>
      <c r="D7254">
        <f t="shared" si="226"/>
        <v>0</v>
      </c>
      <c r="E7254" s="6">
        <f t="shared" si="227"/>
        <v>0</v>
      </c>
    </row>
    <row r="7255" spans="1:5" x14ac:dyDescent="0.25">
      <c r="A7255" s="5">
        <v>43858.083333333336</v>
      </c>
      <c r="B7255" s="2">
        <v>18.233879000000002</v>
      </c>
      <c r="C7255">
        <v>0</v>
      </c>
      <c r="D7255">
        <f t="shared" si="226"/>
        <v>0</v>
      </c>
      <c r="E7255" s="6">
        <f t="shared" si="227"/>
        <v>0</v>
      </c>
    </row>
    <row r="7256" spans="1:5" x14ac:dyDescent="0.25">
      <c r="A7256" s="5">
        <v>43858.125</v>
      </c>
      <c r="B7256" s="2">
        <v>18.405953</v>
      </c>
      <c r="C7256">
        <v>0</v>
      </c>
      <c r="D7256">
        <f t="shared" si="226"/>
        <v>0</v>
      </c>
      <c r="E7256" s="6">
        <f t="shared" si="227"/>
        <v>0</v>
      </c>
    </row>
    <row r="7257" spans="1:5" x14ac:dyDescent="0.25">
      <c r="A7257" s="5">
        <v>43858.166666666664</v>
      </c>
      <c r="B7257" s="2">
        <v>18.552619</v>
      </c>
      <c r="C7257">
        <v>0</v>
      </c>
      <c r="D7257">
        <f t="shared" si="226"/>
        <v>0</v>
      </c>
      <c r="E7257" s="6">
        <f t="shared" si="227"/>
        <v>0</v>
      </c>
    </row>
    <row r="7258" spans="1:5" x14ac:dyDescent="0.25">
      <c r="A7258" s="5">
        <v>43858.208333333336</v>
      </c>
      <c r="B7258" s="2">
        <v>21.084727000000001</v>
      </c>
      <c r="C7258">
        <v>0</v>
      </c>
      <c r="D7258">
        <f t="shared" si="226"/>
        <v>0</v>
      </c>
      <c r="E7258" s="6">
        <f t="shared" si="227"/>
        <v>0</v>
      </c>
    </row>
    <row r="7259" spans="1:5" x14ac:dyDescent="0.25">
      <c r="A7259" s="5">
        <v>43858.25</v>
      </c>
      <c r="B7259" s="2">
        <v>26.196652</v>
      </c>
      <c r="C7259">
        <v>0</v>
      </c>
      <c r="D7259">
        <f t="shared" si="226"/>
        <v>0</v>
      </c>
      <c r="E7259" s="6">
        <f t="shared" si="227"/>
        <v>0</v>
      </c>
    </row>
    <row r="7260" spans="1:5" x14ac:dyDescent="0.25">
      <c r="A7260" s="5">
        <v>43858.291666666664</v>
      </c>
      <c r="B7260" s="2">
        <v>27.606922999999998</v>
      </c>
      <c r="C7260">
        <v>0</v>
      </c>
      <c r="D7260">
        <f t="shared" si="226"/>
        <v>0</v>
      </c>
      <c r="E7260" s="6">
        <f t="shared" si="227"/>
        <v>0</v>
      </c>
    </row>
    <row r="7261" spans="1:5" x14ac:dyDescent="0.25">
      <c r="A7261" s="5">
        <v>43858.333333333336</v>
      </c>
      <c r="B7261" s="2">
        <v>25.669689999999999</v>
      </c>
      <c r="C7261">
        <v>1.7608599999999999</v>
      </c>
      <c r="D7261">
        <f t="shared" si="226"/>
        <v>1.7608599999999999E-3</v>
      </c>
      <c r="E7261" s="6">
        <f t="shared" si="227"/>
        <v>4.5200730333399997E-2</v>
      </c>
    </row>
    <row r="7262" spans="1:5" x14ac:dyDescent="0.25">
      <c r="A7262" s="5">
        <v>43858.375</v>
      </c>
      <c r="B7262" s="2">
        <v>25.125228</v>
      </c>
      <c r="C7262">
        <v>3.1962109999999999</v>
      </c>
      <c r="D7262">
        <f t="shared" si="226"/>
        <v>3.196211E-3</v>
      </c>
      <c r="E7262" s="6">
        <f t="shared" si="227"/>
        <v>8.0305530111107998E-2</v>
      </c>
    </row>
    <row r="7263" spans="1:5" x14ac:dyDescent="0.25">
      <c r="A7263" s="5">
        <v>43858.416666666664</v>
      </c>
      <c r="B7263" s="2">
        <v>24.855716000000001</v>
      </c>
      <c r="C7263">
        <v>4.1473440000000004</v>
      </c>
      <c r="D7263">
        <f t="shared" si="226"/>
        <v>4.1473440000000007E-3</v>
      </c>
      <c r="E7263" s="6">
        <f t="shared" si="227"/>
        <v>0.10308520461830402</v>
      </c>
    </row>
    <row r="7264" spans="1:5" x14ac:dyDescent="0.25">
      <c r="A7264" s="5">
        <v>43858.458333333336</v>
      </c>
      <c r="B7264" s="2">
        <v>23.663381999999999</v>
      </c>
      <c r="C7264">
        <v>4.2973249999999998</v>
      </c>
      <c r="D7264">
        <f t="shared" si="226"/>
        <v>4.2973249999999994E-3</v>
      </c>
      <c r="E7264" s="6">
        <f t="shared" si="227"/>
        <v>0.10168924305314998</v>
      </c>
    </row>
    <row r="7265" spans="1:5" x14ac:dyDescent="0.25">
      <c r="A7265" s="5">
        <v>43858.5</v>
      </c>
      <c r="B7265" s="2">
        <v>22.820938000000002</v>
      </c>
      <c r="C7265">
        <v>5.1482200000000002</v>
      </c>
      <c r="D7265">
        <f t="shared" si="226"/>
        <v>5.1482200000000002E-3</v>
      </c>
      <c r="E7265" s="6">
        <f t="shared" si="227"/>
        <v>0.11748720943036002</v>
      </c>
    </row>
    <row r="7266" spans="1:5" x14ac:dyDescent="0.25">
      <c r="A7266" s="5">
        <v>43858.541666666664</v>
      </c>
      <c r="B7266" s="2">
        <v>22.506530999999999</v>
      </c>
      <c r="C7266">
        <v>5.1515460000000006</v>
      </c>
      <c r="D7266">
        <f t="shared" si="226"/>
        <v>5.1515460000000008E-3</v>
      </c>
      <c r="E7266" s="6">
        <f t="shared" si="227"/>
        <v>0.11594342974692601</v>
      </c>
    </row>
    <row r="7267" spans="1:5" x14ac:dyDescent="0.25">
      <c r="A7267" s="5">
        <v>43858.583333333336</v>
      </c>
      <c r="B7267" s="2">
        <v>21.568307000000001</v>
      </c>
      <c r="C7267">
        <v>4.0200110000000002</v>
      </c>
      <c r="D7267">
        <f t="shared" si="226"/>
        <v>4.0200110000000004E-3</v>
      </c>
      <c r="E7267" s="6">
        <f t="shared" si="227"/>
        <v>8.670483139137701E-2</v>
      </c>
    </row>
    <row r="7268" spans="1:5" x14ac:dyDescent="0.25">
      <c r="A7268" s="5">
        <v>43858.625</v>
      </c>
      <c r="B7268" s="2">
        <v>21.114628</v>
      </c>
      <c r="C7268">
        <v>1.5685150000000001</v>
      </c>
      <c r="D7268">
        <f t="shared" si="226"/>
        <v>1.5685150000000001E-3</v>
      </c>
      <c r="E7268" s="6">
        <f t="shared" si="227"/>
        <v>3.311861073742E-2</v>
      </c>
    </row>
    <row r="7269" spans="1:5" x14ac:dyDescent="0.25">
      <c r="A7269" s="5">
        <v>43858.666666666664</v>
      </c>
      <c r="B7269" s="2">
        <v>21.825257000000001</v>
      </c>
      <c r="C7269">
        <v>0.64260600000000001</v>
      </c>
      <c r="D7269">
        <f t="shared" si="226"/>
        <v>6.4260599999999999E-4</v>
      </c>
      <c r="E7269" s="6">
        <f t="shared" si="227"/>
        <v>1.4025041099742E-2</v>
      </c>
    </row>
    <row r="7270" spans="1:5" x14ac:dyDescent="0.25">
      <c r="A7270" s="5">
        <v>43858.708333333336</v>
      </c>
      <c r="B7270" s="2">
        <v>27.841004000000002</v>
      </c>
      <c r="C7270">
        <v>5.0910999999999998E-2</v>
      </c>
      <c r="D7270">
        <f t="shared" si="226"/>
        <v>5.0911000000000001E-5</v>
      </c>
      <c r="E7270" s="6">
        <f t="shared" si="227"/>
        <v>1.4174133546440001E-3</v>
      </c>
    </row>
    <row r="7271" spans="1:5" x14ac:dyDescent="0.25">
      <c r="A7271" s="5">
        <v>43858.75</v>
      </c>
      <c r="B7271" s="2">
        <v>26.985244000000002</v>
      </c>
      <c r="C7271">
        <v>0</v>
      </c>
      <c r="D7271">
        <f t="shared" si="226"/>
        <v>0</v>
      </c>
      <c r="E7271" s="6">
        <f t="shared" si="227"/>
        <v>0</v>
      </c>
    </row>
    <row r="7272" spans="1:5" x14ac:dyDescent="0.25">
      <c r="A7272" s="5">
        <v>43858.791666666664</v>
      </c>
      <c r="B7272" s="2">
        <v>25.430448999999999</v>
      </c>
      <c r="C7272">
        <v>0</v>
      </c>
      <c r="D7272">
        <f t="shared" si="226"/>
        <v>0</v>
      </c>
      <c r="E7272" s="6">
        <f t="shared" si="227"/>
        <v>0</v>
      </c>
    </row>
    <row r="7273" spans="1:5" x14ac:dyDescent="0.25">
      <c r="A7273" s="5">
        <v>43858.833333333336</v>
      </c>
      <c r="B7273" s="2">
        <v>24.850387999999999</v>
      </c>
      <c r="C7273">
        <v>0</v>
      </c>
      <c r="D7273">
        <f t="shared" si="226"/>
        <v>0</v>
      </c>
      <c r="E7273" s="6">
        <f t="shared" si="227"/>
        <v>0</v>
      </c>
    </row>
    <row r="7274" spans="1:5" x14ac:dyDescent="0.25">
      <c r="A7274" s="5">
        <v>43858.875</v>
      </c>
      <c r="B7274" s="2">
        <v>22.701968999999998</v>
      </c>
      <c r="C7274">
        <v>0</v>
      </c>
      <c r="D7274">
        <f t="shared" si="226"/>
        <v>0</v>
      </c>
      <c r="E7274" s="6">
        <f t="shared" si="227"/>
        <v>0</v>
      </c>
    </row>
    <row r="7275" spans="1:5" x14ac:dyDescent="0.25">
      <c r="A7275" s="5">
        <v>43858.916666666664</v>
      </c>
      <c r="B7275" s="2">
        <v>21.062785000000002</v>
      </c>
      <c r="C7275">
        <v>0</v>
      </c>
      <c r="D7275">
        <f t="shared" si="226"/>
        <v>0</v>
      </c>
      <c r="E7275" s="6">
        <f t="shared" si="227"/>
        <v>0</v>
      </c>
    </row>
    <row r="7276" spans="1:5" x14ac:dyDescent="0.25">
      <c r="A7276" s="5">
        <v>43858.958333333336</v>
      </c>
      <c r="B7276" s="2">
        <v>20.194517000000001</v>
      </c>
      <c r="C7276">
        <v>0</v>
      </c>
      <c r="D7276">
        <f t="shared" si="226"/>
        <v>0</v>
      </c>
      <c r="E7276" s="6">
        <f t="shared" si="227"/>
        <v>0</v>
      </c>
    </row>
    <row r="7277" spans="1:5" x14ac:dyDescent="0.25">
      <c r="A7277" s="5">
        <v>43859</v>
      </c>
      <c r="B7277" s="2">
        <v>21.070283</v>
      </c>
      <c r="C7277">
        <v>0</v>
      </c>
      <c r="D7277">
        <f t="shared" si="226"/>
        <v>0</v>
      </c>
      <c r="E7277" s="6">
        <f t="shared" si="227"/>
        <v>0</v>
      </c>
    </row>
    <row r="7278" spans="1:5" x14ac:dyDescent="0.25">
      <c r="A7278" s="5">
        <v>43859.041666666664</v>
      </c>
      <c r="B7278" s="2">
        <v>21.028614999999999</v>
      </c>
      <c r="C7278">
        <v>0</v>
      </c>
      <c r="D7278">
        <f t="shared" si="226"/>
        <v>0</v>
      </c>
      <c r="E7278" s="6">
        <f t="shared" si="227"/>
        <v>0</v>
      </c>
    </row>
    <row r="7279" spans="1:5" x14ac:dyDescent="0.25">
      <c r="A7279" s="5">
        <v>43859.083333333336</v>
      </c>
      <c r="B7279" s="2">
        <v>20.776036999999999</v>
      </c>
      <c r="C7279">
        <v>0</v>
      </c>
      <c r="D7279">
        <f t="shared" si="226"/>
        <v>0</v>
      </c>
      <c r="E7279" s="6">
        <f t="shared" si="227"/>
        <v>0</v>
      </c>
    </row>
    <row r="7280" spans="1:5" x14ac:dyDescent="0.25">
      <c r="A7280" s="5">
        <v>43859.125</v>
      </c>
      <c r="B7280" s="2">
        <v>20.862928</v>
      </c>
      <c r="C7280">
        <v>0</v>
      </c>
      <c r="D7280">
        <f t="shared" si="226"/>
        <v>0</v>
      </c>
      <c r="E7280" s="6">
        <f t="shared" si="227"/>
        <v>0</v>
      </c>
    </row>
    <row r="7281" spans="1:5" x14ac:dyDescent="0.25">
      <c r="A7281" s="5">
        <v>43859.166666666664</v>
      </c>
      <c r="B7281" s="2">
        <v>21.739599999999999</v>
      </c>
      <c r="C7281">
        <v>0</v>
      </c>
      <c r="D7281">
        <f t="shared" si="226"/>
        <v>0</v>
      </c>
      <c r="E7281" s="6">
        <f t="shared" si="227"/>
        <v>0</v>
      </c>
    </row>
    <row r="7282" spans="1:5" x14ac:dyDescent="0.25">
      <c r="A7282" s="5">
        <v>43859.208333333336</v>
      </c>
      <c r="B7282" s="2">
        <v>24.419074999999999</v>
      </c>
      <c r="C7282">
        <v>0</v>
      </c>
      <c r="D7282">
        <f t="shared" si="226"/>
        <v>0</v>
      </c>
      <c r="E7282" s="6">
        <f t="shared" si="227"/>
        <v>0</v>
      </c>
    </row>
    <row r="7283" spans="1:5" x14ac:dyDescent="0.25">
      <c r="A7283" s="5">
        <v>43859.25</v>
      </c>
      <c r="B7283" s="2">
        <v>34.185350999999997</v>
      </c>
      <c r="C7283">
        <v>0</v>
      </c>
      <c r="D7283">
        <f t="shared" si="226"/>
        <v>0</v>
      </c>
      <c r="E7283" s="6">
        <f t="shared" si="227"/>
        <v>0</v>
      </c>
    </row>
    <row r="7284" spans="1:5" x14ac:dyDescent="0.25">
      <c r="A7284" s="5">
        <v>43859.291666666664</v>
      </c>
      <c r="B7284" s="2">
        <v>38.153460000000003</v>
      </c>
      <c r="C7284">
        <v>0</v>
      </c>
      <c r="D7284">
        <f t="shared" si="226"/>
        <v>0</v>
      </c>
      <c r="E7284" s="6">
        <f t="shared" si="227"/>
        <v>0</v>
      </c>
    </row>
    <row r="7285" spans="1:5" x14ac:dyDescent="0.25">
      <c r="A7285" s="5">
        <v>43859.333333333336</v>
      </c>
      <c r="B7285" s="2">
        <v>30.969280000000001</v>
      </c>
      <c r="C7285">
        <v>0.106678</v>
      </c>
      <c r="D7285">
        <f t="shared" si="226"/>
        <v>1.06678E-4</v>
      </c>
      <c r="E7285" s="6">
        <f t="shared" si="227"/>
        <v>3.3037408518399999E-3</v>
      </c>
    </row>
    <row r="7286" spans="1:5" x14ac:dyDescent="0.25">
      <c r="A7286" s="5">
        <v>43859.375</v>
      </c>
      <c r="B7286" s="2">
        <v>29.389046</v>
      </c>
      <c r="C7286">
        <v>0.22778100000000001</v>
      </c>
      <c r="D7286">
        <f t="shared" si="226"/>
        <v>2.2778100000000001E-4</v>
      </c>
      <c r="E7286" s="6">
        <f t="shared" si="227"/>
        <v>6.6942662869260003E-3</v>
      </c>
    </row>
    <row r="7287" spans="1:5" x14ac:dyDescent="0.25">
      <c r="A7287" s="5">
        <v>43859.416666666664</v>
      </c>
      <c r="B7287" s="2">
        <v>30.288959999999999</v>
      </c>
      <c r="C7287">
        <v>0.94096100000000005</v>
      </c>
      <c r="D7287">
        <f t="shared" si="226"/>
        <v>9.4096100000000003E-4</v>
      </c>
      <c r="E7287" s="6">
        <f t="shared" si="227"/>
        <v>2.8500730090559999E-2</v>
      </c>
    </row>
    <row r="7288" spans="1:5" x14ac:dyDescent="0.25">
      <c r="A7288" s="5">
        <v>43859.458333333336</v>
      </c>
      <c r="B7288" s="2">
        <v>26.152798000000001</v>
      </c>
      <c r="C7288">
        <v>1.143259</v>
      </c>
      <c r="D7288">
        <f t="shared" si="226"/>
        <v>1.143259E-3</v>
      </c>
      <c r="E7288" s="6">
        <f t="shared" si="227"/>
        <v>2.9899421688681999E-2</v>
      </c>
    </row>
    <row r="7289" spans="1:5" x14ac:dyDescent="0.25">
      <c r="A7289" s="5">
        <v>43859.5</v>
      </c>
      <c r="B7289" s="2">
        <v>24.398548000000002</v>
      </c>
      <c r="C7289">
        <v>1.8877929999999998</v>
      </c>
      <c r="D7289">
        <f t="shared" si="226"/>
        <v>1.8877929999999998E-3</v>
      </c>
      <c r="E7289" s="6">
        <f t="shared" si="227"/>
        <v>4.6059408124564001E-2</v>
      </c>
    </row>
    <row r="7290" spans="1:5" x14ac:dyDescent="0.25">
      <c r="A7290" s="5">
        <v>43859.541666666664</v>
      </c>
      <c r="B7290" s="2">
        <v>23.423926000000002</v>
      </c>
      <c r="C7290">
        <v>1.1703589999999999</v>
      </c>
      <c r="D7290">
        <f t="shared" si="226"/>
        <v>1.1703589999999999E-3</v>
      </c>
      <c r="E7290" s="6">
        <f t="shared" si="227"/>
        <v>2.7414402609434001E-2</v>
      </c>
    </row>
    <row r="7291" spans="1:5" x14ac:dyDescent="0.25">
      <c r="A7291" s="5">
        <v>43859.583333333336</v>
      </c>
      <c r="B7291" s="2">
        <v>22.801318999999999</v>
      </c>
      <c r="C7291">
        <v>0.47405900000000001</v>
      </c>
      <c r="D7291">
        <f t="shared" si="226"/>
        <v>4.7405899999999998E-4</v>
      </c>
      <c r="E7291" s="6">
        <f t="shared" si="227"/>
        <v>1.0809170483820999E-2</v>
      </c>
    </row>
    <row r="7292" spans="1:5" x14ac:dyDescent="0.25">
      <c r="A7292" s="5">
        <v>43859.625</v>
      </c>
      <c r="B7292" s="2">
        <v>22.498286</v>
      </c>
      <c r="C7292">
        <v>0.65983500000000006</v>
      </c>
      <c r="D7292">
        <f t="shared" si="226"/>
        <v>6.5983500000000011E-4</v>
      </c>
      <c r="E7292" s="6">
        <f t="shared" si="227"/>
        <v>1.4845156542810002E-2</v>
      </c>
    </row>
    <row r="7293" spans="1:5" x14ac:dyDescent="0.25">
      <c r="A7293" s="5">
        <v>43859.666666666664</v>
      </c>
      <c r="B7293" s="2">
        <v>24.303156000000001</v>
      </c>
      <c r="C7293">
        <v>0.32220299999999996</v>
      </c>
      <c r="D7293">
        <f t="shared" si="226"/>
        <v>3.2220299999999996E-4</v>
      </c>
      <c r="E7293" s="6">
        <f t="shared" si="227"/>
        <v>7.8305497726679999E-3</v>
      </c>
    </row>
    <row r="7294" spans="1:5" x14ac:dyDescent="0.25">
      <c r="A7294" s="5">
        <v>43859.708333333336</v>
      </c>
      <c r="B7294" s="2">
        <v>32.944609999999997</v>
      </c>
      <c r="C7294">
        <v>1.0551999999999999E-2</v>
      </c>
      <c r="D7294">
        <f t="shared" si="226"/>
        <v>1.0551999999999998E-5</v>
      </c>
      <c r="E7294" s="6">
        <f t="shared" si="227"/>
        <v>3.4763152471999992E-4</v>
      </c>
    </row>
    <row r="7295" spans="1:5" x14ac:dyDescent="0.25">
      <c r="A7295" s="5">
        <v>43859.75</v>
      </c>
      <c r="B7295" s="2">
        <v>34.540700999999999</v>
      </c>
      <c r="C7295">
        <v>0</v>
      </c>
      <c r="D7295">
        <f t="shared" si="226"/>
        <v>0</v>
      </c>
      <c r="E7295" s="6">
        <f t="shared" si="227"/>
        <v>0</v>
      </c>
    </row>
    <row r="7296" spans="1:5" x14ac:dyDescent="0.25">
      <c r="A7296" s="5">
        <v>43859.791666666664</v>
      </c>
      <c r="B7296" s="2">
        <v>30.755316000000001</v>
      </c>
      <c r="C7296">
        <v>0</v>
      </c>
      <c r="D7296">
        <f t="shared" si="226"/>
        <v>0</v>
      </c>
      <c r="E7296" s="6">
        <f t="shared" si="227"/>
        <v>0</v>
      </c>
    </row>
    <row r="7297" spans="1:5" x14ac:dyDescent="0.25">
      <c r="A7297" s="5">
        <v>43859.833333333336</v>
      </c>
      <c r="B7297" s="2">
        <v>31.748756</v>
      </c>
      <c r="C7297">
        <v>0</v>
      </c>
      <c r="D7297">
        <f t="shared" si="226"/>
        <v>0</v>
      </c>
      <c r="E7297" s="6">
        <f t="shared" si="227"/>
        <v>0</v>
      </c>
    </row>
    <row r="7298" spans="1:5" x14ac:dyDescent="0.25">
      <c r="A7298" s="5">
        <v>43859.875</v>
      </c>
      <c r="B7298" s="2">
        <v>26.659844</v>
      </c>
      <c r="C7298">
        <v>0</v>
      </c>
      <c r="D7298">
        <f t="shared" si="226"/>
        <v>0</v>
      </c>
      <c r="E7298" s="6">
        <f t="shared" si="227"/>
        <v>0</v>
      </c>
    </row>
    <row r="7299" spans="1:5" x14ac:dyDescent="0.25">
      <c r="A7299" s="5">
        <v>43859.916666666664</v>
      </c>
      <c r="B7299" s="2">
        <v>23.709889</v>
      </c>
      <c r="C7299">
        <v>0</v>
      </c>
      <c r="D7299">
        <f t="shared" si="226"/>
        <v>0</v>
      </c>
      <c r="E7299" s="6">
        <f t="shared" si="227"/>
        <v>0</v>
      </c>
    </row>
    <row r="7300" spans="1:5" x14ac:dyDescent="0.25">
      <c r="A7300" s="5">
        <v>43859.958333333336</v>
      </c>
      <c r="B7300" s="2">
        <v>23.031697999999999</v>
      </c>
      <c r="C7300">
        <v>0</v>
      </c>
      <c r="D7300">
        <f t="shared" si="226"/>
        <v>0</v>
      </c>
      <c r="E7300" s="6">
        <f t="shared" si="227"/>
        <v>0</v>
      </c>
    </row>
    <row r="7301" spans="1:5" x14ac:dyDescent="0.25">
      <c r="A7301" s="5">
        <v>43860</v>
      </c>
      <c r="B7301" s="2">
        <v>22.130661</v>
      </c>
      <c r="C7301">
        <v>0</v>
      </c>
      <c r="D7301">
        <f t="shared" si="226"/>
        <v>0</v>
      </c>
      <c r="E7301" s="6">
        <f t="shared" si="227"/>
        <v>0</v>
      </c>
    </row>
    <row r="7302" spans="1:5" x14ac:dyDescent="0.25">
      <c r="A7302" s="5">
        <v>43860.041666666664</v>
      </c>
      <c r="B7302" s="2">
        <v>21.783436999999999</v>
      </c>
      <c r="C7302">
        <v>0</v>
      </c>
      <c r="D7302">
        <f t="shared" ref="D7302:D7365" si="228">C7302/1000</f>
        <v>0</v>
      </c>
      <c r="E7302" s="6">
        <f t="shared" ref="E7302:E7365" si="229">D7302*B7302</f>
        <v>0</v>
      </c>
    </row>
    <row r="7303" spans="1:5" x14ac:dyDescent="0.25">
      <c r="A7303" s="5">
        <v>43860.083333333336</v>
      </c>
      <c r="B7303" s="2">
        <v>21.92821</v>
      </c>
      <c r="C7303">
        <v>0</v>
      </c>
      <c r="D7303">
        <f t="shared" si="228"/>
        <v>0</v>
      </c>
      <c r="E7303" s="6">
        <f t="shared" si="229"/>
        <v>0</v>
      </c>
    </row>
    <row r="7304" spans="1:5" x14ac:dyDescent="0.25">
      <c r="A7304" s="5">
        <v>43860.125</v>
      </c>
      <c r="B7304" s="2">
        <v>22.238150000000001</v>
      </c>
      <c r="C7304">
        <v>0</v>
      </c>
      <c r="D7304">
        <f t="shared" si="228"/>
        <v>0</v>
      </c>
      <c r="E7304" s="6">
        <f t="shared" si="229"/>
        <v>0</v>
      </c>
    </row>
    <row r="7305" spans="1:5" x14ac:dyDescent="0.25">
      <c r="A7305" s="5">
        <v>43860.166666666664</v>
      </c>
      <c r="B7305" s="2">
        <v>21.533394999999999</v>
      </c>
      <c r="C7305">
        <v>0</v>
      </c>
      <c r="D7305">
        <f t="shared" si="228"/>
        <v>0</v>
      </c>
      <c r="E7305" s="6">
        <f t="shared" si="229"/>
        <v>0</v>
      </c>
    </row>
    <row r="7306" spans="1:5" x14ac:dyDescent="0.25">
      <c r="A7306" s="5">
        <v>43860.208333333336</v>
      </c>
      <c r="B7306" s="2">
        <v>26.056262</v>
      </c>
      <c r="C7306">
        <v>0</v>
      </c>
      <c r="D7306">
        <f t="shared" si="228"/>
        <v>0</v>
      </c>
      <c r="E7306" s="6">
        <f t="shared" si="229"/>
        <v>0</v>
      </c>
    </row>
    <row r="7307" spans="1:5" x14ac:dyDescent="0.25">
      <c r="A7307" s="5">
        <v>43860.25</v>
      </c>
      <c r="B7307" s="2">
        <v>36.714658</v>
      </c>
      <c r="C7307">
        <v>0</v>
      </c>
      <c r="D7307">
        <f t="shared" si="228"/>
        <v>0</v>
      </c>
      <c r="E7307" s="6">
        <f t="shared" si="229"/>
        <v>0</v>
      </c>
    </row>
    <row r="7308" spans="1:5" x14ac:dyDescent="0.25">
      <c r="A7308" s="5">
        <v>43860.291666666664</v>
      </c>
      <c r="B7308" s="2">
        <v>45.627653000000002</v>
      </c>
      <c r="C7308">
        <v>0</v>
      </c>
      <c r="D7308">
        <f t="shared" si="228"/>
        <v>0</v>
      </c>
      <c r="E7308" s="6">
        <f t="shared" si="229"/>
        <v>0</v>
      </c>
    </row>
    <row r="7309" spans="1:5" x14ac:dyDescent="0.25">
      <c r="A7309" s="5">
        <v>43860.333333333336</v>
      </c>
      <c r="B7309" s="2">
        <v>33.711661999999997</v>
      </c>
      <c r="C7309">
        <v>2.0586390000000003</v>
      </c>
      <c r="D7309">
        <f t="shared" si="228"/>
        <v>2.0586390000000001E-3</v>
      </c>
      <c r="E7309" s="6">
        <f t="shared" si="229"/>
        <v>6.9400142148017999E-2</v>
      </c>
    </row>
    <row r="7310" spans="1:5" x14ac:dyDescent="0.25">
      <c r="A7310" s="5">
        <v>43860.375</v>
      </c>
      <c r="B7310" s="2">
        <v>30.176532000000002</v>
      </c>
      <c r="C7310">
        <v>4.3900180000000004</v>
      </c>
      <c r="D7310">
        <f t="shared" si="228"/>
        <v>4.3900180000000007E-3</v>
      </c>
      <c r="E7310" s="6">
        <f t="shared" si="229"/>
        <v>0.13247551865757604</v>
      </c>
    </row>
    <row r="7311" spans="1:5" x14ac:dyDescent="0.25">
      <c r="A7311" s="5">
        <v>43860.416666666664</v>
      </c>
      <c r="B7311" s="2">
        <v>27.803871000000001</v>
      </c>
      <c r="C7311">
        <v>6.0546740000000003</v>
      </c>
      <c r="D7311">
        <f t="shared" si="228"/>
        <v>6.0546740000000003E-3</v>
      </c>
      <c r="E7311" s="6">
        <f t="shared" si="229"/>
        <v>0.16834337484305401</v>
      </c>
    </row>
    <row r="7312" spans="1:5" x14ac:dyDescent="0.25">
      <c r="A7312" s="5">
        <v>43860.458333333336</v>
      </c>
      <c r="B7312" s="2">
        <v>24.689012999999999</v>
      </c>
      <c r="C7312">
        <v>7.0530850000000003</v>
      </c>
      <c r="D7312">
        <f t="shared" si="228"/>
        <v>7.0530850000000006E-3</v>
      </c>
      <c r="E7312" s="6">
        <f t="shared" si="229"/>
        <v>0.17413370725510502</v>
      </c>
    </row>
    <row r="7313" spans="1:5" x14ac:dyDescent="0.25">
      <c r="A7313" s="5">
        <v>43860.5</v>
      </c>
      <c r="B7313" s="2">
        <v>23.104078999999999</v>
      </c>
      <c r="C7313">
        <v>7.4661819999999999</v>
      </c>
      <c r="D7313">
        <f t="shared" si="228"/>
        <v>7.466182E-3</v>
      </c>
      <c r="E7313" s="6">
        <f t="shared" si="229"/>
        <v>0.172499258756378</v>
      </c>
    </row>
    <row r="7314" spans="1:5" x14ac:dyDescent="0.25">
      <c r="A7314" s="5">
        <v>43860.541666666664</v>
      </c>
      <c r="B7314" s="2">
        <v>21.769841</v>
      </c>
      <c r="C7314">
        <v>7.3058909999999999</v>
      </c>
      <c r="D7314">
        <f t="shared" si="228"/>
        <v>7.3058910000000001E-3</v>
      </c>
      <c r="E7314" s="6">
        <f t="shared" si="229"/>
        <v>0.15904808543333099</v>
      </c>
    </row>
    <row r="7315" spans="1:5" x14ac:dyDescent="0.25">
      <c r="A7315" s="5">
        <v>43860.583333333336</v>
      </c>
      <c r="B7315" s="2">
        <v>21.035965999999998</v>
      </c>
      <c r="C7315">
        <v>6.5559479999999999</v>
      </c>
      <c r="D7315">
        <f t="shared" si="228"/>
        <v>6.5559479999999998E-3</v>
      </c>
      <c r="E7315" s="6">
        <f t="shared" si="229"/>
        <v>0.13791069922576799</v>
      </c>
    </row>
    <row r="7316" spans="1:5" x14ac:dyDescent="0.25">
      <c r="A7316" s="5">
        <v>43860.625</v>
      </c>
      <c r="B7316" s="2">
        <v>21.251031999999999</v>
      </c>
      <c r="C7316">
        <v>5.1774499999999994</v>
      </c>
      <c r="D7316">
        <f t="shared" si="228"/>
        <v>5.1774499999999992E-3</v>
      </c>
      <c r="E7316" s="6">
        <f t="shared" si="229"/>
        <v>0.11002615562839997</v>
      </c>
    </row>
    <row r="7317" spans="1:5" x14ac:dyDescent="0.25">
      <c r="A7317" s="5">
        <v>43860.666666666664</v>
      </c>
      <c r="B7317" s="2">
        <v>22.869993999999998</v>
      </c>
      <c r="C7317">
        <v>3.2035270000000002</v>
      </c>
      <c r="D7317">
        <f t="shared" si="228"/>
        <v>3.2035270000000003E-3</v>
      </c>
      <c r="E7317" s="6">
        <f t="shared" si="229"/>
        <v>7.3264643268837998E-2</v>
      </c>
    </row>
    <row r="7318" spans="1:5" x14ac:dyDescent="0.25">
      <c r="A7318" s="5">
        <v>43860.708333333336</v>
      </c>
      <c r="B7318" s="2">
        <v>32.106400999999998</v>
      </c>
      <c r="C7318">
        <v>0.90995500000000007</v>
      </c>
      <c r="D7318">
        <f t="shared" si="228"/>
        <v>9.0995500000000005E-4</v>
      </c>
      <c r="E7318" s="6">
        <f t="shared" si="229"/>
        <v>2.9215380121955001E-2</v>
      </c>
    </row>
    <row r="7319" spans="1:5" x14ac:dyDescent="0.25">
      <c r="A7319" s="5">
        <v>43860.75</v>
      </c>
      <c r="B7319" s="2">
        <v>32.369743999999997</v>
      </c>
      <c r="C7319">
        <v>0</v>
      </c>
      <c r="D7319">
        <f t="shared" si="228"/>
        <v>0</v>
      </c>
      <c r="E7319" s="6">
        <f t="shared" si="229"/>
        <v>0</v>
      </c>
    </row>
    <row r="7320" spans="1:5" x14ac:dyDescent="0.25">
      <c r="A7320" s="5">
        <v>43860.791666666664</v>
      </c>
      <c r="B7320" s="2">
        <v>30.188573999999999</v>
      </c>
      <c r="C7320">
        <v>0</v>
      </c>
      <c r="D7320">
        <f t="shared" si="228"/>
        <v>0</v>
      </c>
      <c r="E7320" s="6">
        <f t="shared" si="229"/>
        <v>0</v>
      </c>
    </row>
    <row r="7321" spans="1:5" x14ac:dyDescent="0.25">
      <c r="A7321" s="5">
        <v>43860.833333333336</v>
      </c>
      <c r="B7321" s="2">
        <v>30.466307</v>
      </c>
      <c r="C7321">
        <v>0</v>
      </c>
      <c r="D7321">
        <f t="shared" si="228"/>
        <v>0</v>
      </c>
      <c r="E7321" s="6">
        <f t="shared" si="229"/>
        <v>0</v>
      </c>
    </row>
    <row r="7322" spans="1:5" x14ac:dyDescent="0.25">
      <c r="A7322" s="5">
        <v>43860.875</v>
      </c>
      <c r="B7322" s="2">
        <v>25.103679</v>
      </c>
      <c r="C7322">
        <v>0</v>
      </c>
      <c r="D7322">
        <f t="shared" si="228"/>
        <v>0</v>
      </c>
      <c r="E7322" s="6">
        <f t="shared" si="229"/>
        <v>0</v>
      </c>
    </row>
    <row r="7323" spans="1:5" x14ac:dyDescent="0.25">
      <c r="A7323" s="5">
        <v>43860.916666666664</v>
      </c>
      <c r="B7323" s="2">
        <v>23.154565000000002</v>
      </c>
      <c r="C7323">
        <v>0</v>
      </c>
      <c r="D7323">
        <f t="shared" si="228"/>
        <v>0</v>
      </c>
      <c r="E7323" s="6">
        <f t="shared" si="229"/>
        <v>0</v>
      </c>
    </row>
    <row r="7324" spans="1:5" x14ac:dyDescent="0.25">
      <c r="A7324" s="5">
        <v>43860.958333333336</v>
      </c>
      <c r="B7324" s="2">
        <v>22.702069000000002</v>
      </c>
      <c r="C7324">
        <v>0</v>
      </c>
      <c r="D7324">
        <f t="shared" si="228"/>
        <v>0</v>
      </c>
      <c r="E7324" s="6">
        <f t="shared" si="229"/>
        <v>0</v>
      </c>
    </row>
    <row r="7325" spans="1:5" x14ac:dyDescent="0.25">
      <c r="A7325" s="5">
        <v>43861</v>
      </c>
      <c r="B7325" s="2">
        <v>20.616171000000001</v>
      </c>
      <c r="C7325">
        <v>0</v>
      </c>
      <c r="D7325">
        <f t="shared" si="228"/>
        <v>0</v>
      </c>
      <c r="E7325" s="6">
        <f t="shared" si="229"/>
        <v>0</v>
      </c>
    </row>
    <row r="7326" spans="1:5" x14ac:dyDescent="0.25">
      <c r="A7326" s="5">
        <v>43861.041666666664</v>
      </c>
      <c r="B7326" s="2">
        <v>20.664144</v>
      </c>
      <c r="C7326">
        <v>0</v>
      </c>
      <c r="D7326">
        <f t="shared" si="228"/>
        <v>0</v>
      </c>
      <c r="E7326" s="6">
        <f t="shared" si="229"/>
        <v>0</v>
      </c>
    </row>
    <row r="7327" spans="1:5" x14ac:dyDescent="0.25">
      <c r="A7327" s="5">
        <v>43861.083333333336</v>
      </c>
      <c r="B7327" s="2">
        <v>20.422754000000001</v>
      </c>
      <c r="C7327">
        <v>0</v>
      </c>
      <c r="D7327">
        <f t="shared" si="228"/>
        <v>0</v>
      </c>
      <c r="E7327" s="6">
        <f t="shared" si="229"/>
        <v>0</v>
      </c>
    </row>
    <row r="7328" spans="1:5" x14ac:dyDescent="0.25">
      <c r="A7328" s="5">
        <v>43861.125</v>
      </c>
      <c r="B7328" s="2">
        <v>20.391370999999999</v>
      </c>
      <c r="C7328">
        <v>0</v>
      </c>
      <c r="D7328">
        <f t="shared" si="228"/>
        <v>0</v>
      </c>
      <c r="E7328" s="6">
        <f t="shared" si="229"/>
        <v>0</v>
      </c>
    </row>
    <row r="7329" spans="1:5" x14ac:dyDescent="0.25">
      <c r="A7329" s="5">
        <v>43861.166666666664</v>
      </c>
      <c r="B7329" s="2">
        <v>20.372413000000002</v>
      </c>
      <c r="C7329">
        <v>0</v>
      </c>
      <c r="D7329">
        <f t="shared" si="228"/>
        <v>0</v>
      </c>
      <c r="E7329" s="6">
        <f t="shared" si="229"/>
        <v>0</v>
      </c>
    </row>
    <row r="7330" spans="1:5" x14ac:dyDescent="0.25">
      <c r="A7330" s="5">
        <v>43861.208333333336</v>
      </c>
      <c r="B7330" s="2">
        <v>23.119858000000001</v>
      </c>
      <c r="C7330">
        <v>0</v>
      </c>
      <c r="D7330">
        <f t="shared" si="228"/>
        <v>0</v>
      </c>
      <c r="E7330" s="6">
        <f t="shared" si="229"/>
        <v>0</v>
      </c>
    </row>
    <row r="7331" spans="1:5" x14ac:dyDescent="0.25">
      <c r="A7331" s="5">
        <v>43861.25</v>
      </c>
      <c r="B7331" s="2">
        <v>30.754066999999999</v>
      </c>
      <c r="C7331">
        <v>0</v>
      </c>
      <c r="D7331">
        <f t="shared" si="228"/>
        <v>0</v>
      </c>
      <c r="E7331" s="6">
        <f t="shared" si="229"/>
        <v>0</v>
      </c>
    </row>
    <row r="7332" spans="1:5" x14ac:dyDescent="0.25">
      <c r="A7332" s="5">
        <v>43861.291666666664</v>
      </c>
      <c r="B7332" s="2">
        <v>38.887354000000002</v>
      </c>
      <c r="C7332">
        <v>0</v>
      </c>
      <c r="D7332">
        <f t="shared" si="228"/>
        <v>0</v>
      </c>
      <c r="E7332" s="6">
        <f t="shared" si="229"/>
        <v>0</v>
      </c>
    </row>
    <row r="7333" spans="1:5" x14ac:dyDescent="0.25">
      <c r="A7333" s="5">
        <v>43861.333333333336</v>
      </c>
      <c r="B7333" s="2">
        <v>30.358567000000001</v>
      </c>
      <c r="C7333">
        <v>0.11983100000000001</v>
      </c>
      <c r="D7333">
        <f t="shared" si="228"/>
        <v>1.1983100000000001E-4</v>
      </c>
      <c r="E7333" s="6">
        <f t="shared" si="229"/>
        <v>3.6378974421770005E-3</v>
      </c>
    </row>
    <row r="7334" spans="1:5" x14ac:dyDescent="0.25">
      <c r="A7334" s="5">
        <v>43861.375</v>
      </c>
      <c r="B7334" s="2">
        <v>26.936108000000001</v>
      </c>
      <c r="C7334">
        <v>1.493455</v>
      </c>
      <c r="D7334">
        <f t="shared" si="228"/>
        <v>1.4934549999999999E-3</v>
      </c>
      <c r="E7334" s="6">
        <f t="shared" si="229"/>
        <v>4.0227865173139997E-2</v>
      </c>
    </row>
    <row r="7335" spans="1:5" x14ac:dyDescent="0.25">
      <c r="A7335" s="5">
        <v>43861.416666666664</v>
      </c>
      <c r="B7335" s="2">
        <v>26.777736000000001</v>
      </c>
      <c r="C7335">
        <v>2.5297330000000002</v>
      </c>
      <c r="D7335">
        <f t="shared" si="228"/>
        <v>2.5297330000000002E-3</v>
      </c>
      <c r="E7335" s="6">
        <f t="shared" si="229"/>
        <v>6.7740522424488012E-2</v>
      </c>
    </row>
    <row r="7336" spans="1:5" x14ac:dyDescent="0.25">
      <c r="A7336" s="5">
        <v>43861.458333333336</v>
      </c>
      <c r="B7336" s="2">
        <v>24.590788</v>
      </c>
      <c r="C7336">
        <v>2.8624830000000001</v>
      </c>
      <c r="D7336">
        <f t="shared" si="228"/>
        <v>2.8624830000000003E-3</v>
      </c>
      <c r="E7336" s="6">
        <f t="shared" si="229"/>
        <v>7.0390712606604011E-2</v>
      </c>
    </row>
    <row r="7337" spans="1:5" x14ac:dyDescent="0.25">
      <c r="A7337" s="5">
        <v>43861.5</v>
      </c>
      <c r="B7337" s="2">
        <v>24.312595000000002</v>
      </c>
      <c r="C7337">
        <v>2.7676449999999999</v>
      </c>
      <c r="D7337">
        <f t="shared" si="228"/>
        <v>2.767645E-3</v>
      </c>
      <c r="E7337" s="6">
        <f t="shared" si="229"/>
        <v>6.7288631988775008E-2</v>
      </c>
    </row>
    <row r="7338" spans="1:5" x14ac:dyDescent="0.25">
      <c r="A7338" s="5">
        <v>43861.541666666664</v>
      </c>
      <c r="B7338" s="2">
        <v>21.630075999999999</v>
      </c>
      <c r="C7338">
        <v>4.0929020000000005</v>
      </c>
      <c r="D7338">
        <f t="shared" si="228"/>
        <v>4.0929020000000007E-3</v>
      </c>
      <c r="E7338" s="6">
        <f t="shared" si="229"/>
        <v>8.8529781320552017E-2</v>
      </c>
    </row>
    <row r="7339" spans="1:5" x14ac:dyDescent="0.25">
      <c r="A7339" s="5">
        <v>43861.583333333336</v>
      </c>
      <c r="B7339" s="2">
        <v>20.965299000000002</v>
      </c>
      <c r="C7339">
        <v>1.0385229999999999</v>
      </c>
      <c r="D7339">
        <f t="shared" si="228"/>
        <v>1.038523E-3</v>
      </c>
      <c r="E7339" s="6">
        <f t="shared" si="229"/>
        <v>2.1772945213377002E-2</v>
      </c>
    </row>
    <row r="7340" spans="1:5" x14ac:dyDescent="0.25">
      <c r="A7340" s="5">
        <v>43861.625</v>
      </c>
      <c r="B7340" s="2">
        <v>20.630033999999998</v>
      </c>
      <c r="C7340">
        <v>3.9087610000000002</v>
      </c>
      <c r="D7340">
        <f t="shared" si="228"/>
        <v>3.9087610000000002E-3</v>
      </c>
      <c r="E7340" s="6">
        <f t="shared" si="229"/>
        <v>8.0637872327873991E-2</v>
      </c>
    </row>
    <row r="7341" spans="1:5" x14ac:dyDescent="0.25">
      <c r="A7341" s="5">
        <v>43861.666666666664</v>
      </c>
      <c r="B7341" s="2">
        <v>21.494634000000001</v>
      </c>
      <c r="C7341">
        <v>0.45241599999999998</v>
      </c>
      <c r="D7341">
        <f t="shared" si="228"/>
        <v>4.5241599999999997E-4</v>
      </c>
      <c r="E7341" s="6">
        <f t="shared" si="229"/>
        <v>9.7245163357439993E-3</v>
      </c>
    </row>
    <row r="7342" spans="1:5" x14ac:dyDescent="0.25">
      <c r="A7342" s="5">
        <v>43861.708333333336</v>
      </c>
      <c r="B7342" s="2">
        <v>28.705409</v>
      </c>
      <c r="C7342">
        <v>4.1430000000000002E-2</v>
      </c>
      <c r="D7342">
        <f t="shared" si="228"/>
        <v>4.1430000000000001E-5</v>
      </c>
      <c r="E7342" s="6">
        <f t="shared" si="229"/>
        <v>1.18926509487E-3</v>
      </c>
    </row>
    <row r="7343" spans="1:5" x14ac:dyDescent="0.25">
      <c r="A7343" s="5">
        <v>43861.75</v>
      </c>
      <c r="B7343" s="2">
        <v>27.724105000000002</v>
      </c>
      <c r="C7343">
        <v>0</v>
      </c>
      <c r="D7343">
        <f t="shared" si="228"/>
        <v>0</v>
      </c>
      <c r="E7343" s="6">
        <f t="shared" si="229"/>
        <v>0</v>
      </c>
    </row>
    <row r="7344" spans="1:5" x14ac:dyDescent="0.25">
      <c r="A7344" s="5">
        <v>43861.791666666664</v>
      </c>
      <c r="B7344" s="2">
        <v>26.237750999999999</v>
      </c>
      <c r="C7344">
        <v>0</v>
      </c>
      <c r="D7344">
        <f t="shared" si="228"/>
        <v>0</v>
      </c>
      <c r="E7344" s="6">
        <f t="shared" si="229"/>
        <v>0</v>
      </c>
    </row>
    <row r="7345" spans="1:5" x14ac:dyDescent="0.25">
      <c r="A7345" s="5">
        <v>43861.833333333336</v>
      </c>
      <c r="B7345" s="2">
        <v>24.192958999999998</v>
      </c>
      <c r="C7345">
        <v>0</v>
      </c>
      <c r="D7345">
        <f t="shared" si="228"/>
        <v>0</v>
      </c>
      <c r="E7345" s="6">
        <f t="shared" si="229"/>
        <v>0</v>
      </c>
    </row>
    <row r="7346" spans="1:5" x14ac:dyDescent="0.25">
      <c r="A7346" s="5">
        <v>43861.875</v>
      </c>
      <c r="B7346" s="2">
        <v>21.984414000000001</v>
      </c>
      <c r="C7346">
        <v>0</v>
      </c>
      <c r="D7346">
        <f t="shared" si="228"/>
        <v>0</v>
      </c>
      <c r="E7346" s="6">
        <f t="shared" si="229"/>
        <v>0</v>
      </c>
    </row>
    <row r="7347" spans="1:5" x14ac:dyDescent="0.25">
      <c r="A7347" s="5">
        <v>43861.916666666664</v>
      </c>
      <c r="B7347" s="2">
        <v>21.117913000000001</v>
      </c>
      <c r="C7347">
        <v>0</v>
      </c>
      <c r="D7347">
        <f t="shared" si="228"/>
        <v>0</v>
      </c>
      <c r="E7347" s="6">
        <f t="shared" si="229"/>
        <v>0</v>
      </c>
    </row>
    <row r="7348" spans="1:5" x14ac:dyDescent="0.25">
      <c r="A7348" s="5">
        <v>43861.958333333336</v>
      </c>
      <c r="B7348" s="2">
        <v>20.142299000000001</v>
      </c>
      <c r="C7348">
        <v>0</v>
      </c>
      <c r="D7348">
        <f t="shared" si="228"/>
        <v>0</v>
      </c>
      <c r="E7348" s="6">
        <f t="shared" si="229"/>
        <v>0</v>
      </c>
    </row>
    <row r="7349" spans="1:5" x14ac:dyDescent="0.25">
      <c r="A7349" s="5">
        <v>43862</v>
      </c>
      <c r="B7349" s="2">
        <v>19.584394</v>
      </c>
      <c r="C7349">
        <v>0</v>
      </c>
      <c r="D7349">
        <f t="shared" si="228"/>
        <v>0</v>
      </c>
      <c r="E7349" s="6">
        <f t="shared" si="229"/>
        <v>0</v>
      </c>
    </row>
    <row r="7350" spans="1:5" x14ac:dyDescent="0.25">
      <c r="A7350" s="5">
        <v>43862.041666666664</v>
      </c>
      <c r="B7350" s="2">
        <v>18.880648000000001</v>
      </c>
      <c r="C7350">
        <v>0</v>
      </c>
      <c r="D7350">
        <f t="shared" si="228"/>
        <v>0</v>
      </c>
      <c r="E7350" s="6">
        <f t="shared" si="229"/>
        <v>0</v>
      </c>
    </row>
    <row r="7351" spans="1:5" x14ac:dyDescent="0.25">
      <c r="A7351" s="5">
        <v>43862.083333333336</v>
      </c>
      <c r="B7351" s="2">
        <v>18.213107999999998</v>
      </c>
      <c r="C7351">
        <v>0</v>
      </c>
      <c r="D7351">
        <f t="shared" si="228"/>
        <v>0</v>
      </c>
      <c r="E7351" s="6">
        <f t="shared" si="229"/>
        <v>0</v>
      </c>
    </row>
    <row r="7352" spans="1:5" x14ac:dyDescent="0.25">
      <c r="A7352" s="5">
        <v>43862.125</v>
      </c>
      <c r="B7352" s="2">
        <v>18.373781999999999</v>
      </c>
      <c r="C7352">
        <v>0</v>
      </c>
      <c r="D7352">
        <f t="shared" si="228"/>
        <v>0</v>
      </c>
      <c r="E7352" s="6">
        <f t="shared" si="229"/>
        <v>0</v>
      </c>
    </row>
    <row r="7353" spans="1:5" x14ac:dyDescent="0.25">
      <c r="A7353" s="5">
        <v>43862.166666666664</v>
      </c>
      <c r="B7353" s="2">
        <v>18.329830000000001</v>
      </c>
      <c r="C7353">
        <v>0</v>
      </c>
      <c r="D7353">
        <f t="shared" si="228"/>
        <v>0</v>
      </c>
      <c r="E7353" s="6">
        <f t="shared" si="229"/>
        <v>0</v>
      </c>
    </row>
    <row r="7354" spans="1:5" x14ac:dyDescent="0.25">
      <c r="A7354" s="5">
        <v>43862.208333333336</v>
      </c>
      <c r="B7354" s="2">
        <v>18.571632999999999</v>
      </c>
      <c r="C7354">
        <v>0</v>
      </c>
      <c r="D7354">
        <f t="shared" si="228"/>
        <v>0</v>
      </c>
      <c r="E7354" s="6">
        <f t="shared" si="229"/>
        <v>0</v>
      </c>
    </row>
    <row r="7355" spans="1:5" x14ac:dyDescent="0.25">
      <c r="A7355" s="5">
        <v>43862.25</v>
      </c>
      <c r="B7355" s="2">
        <v>20.006312999999999</v>
      </c>
      <c r="C7355">
        <v>0</v>
      </c>
      <c r="D7355">
        <f t="shared" si="228"/>
        <v>0</v>
      </c>
      <c r="E7355" s="6">
        <f t="shared" si="229"/>
        <v>0</v>
      </c>
    </row>
    <row r="7356" spans="1:5" x14ac:dyDescent="0.25">
      <c r="A7356" s="5">
        <v>43862.291666666664</v>
      </c>
      <c r="B7356" s="2">
        <v>21.855792000000001</v>
      </c>
      <c r="C7356">
        <v>0</v>
      </c>
      <c r="D7356">
        <f t="shared" si="228"/>
        <v>0</v>
      </c>
      <c r="E7356" s="6">
        <f t="shared" si="229"/>
        <v>0</v>
      </c>
    </row>
    <row r="7357" spans="1:5" x14ac:dyDescent="0.25">
      <c r="A7357" s="5">
        <v>43862.333333333336</v>
      </c>
      <c r="B7357" s="2">
        <v>24.710598000000001</v>
      </c>
      <c r="C7357">
        <v>0</v>
      </c>
      <c r="D7357">
        <f t="shared" si="228"/>
        <v>0</v>
      </c>
      <c r="E7357" s="6">
        <f t="shared" si="229"/>
        <v>0</v>
      </c>
    </row>
    <row r="7358" spans="1:5" x14ac:dyDescent="0.25">
      <c r="A7358" s="5">
        <v>43862.375</v>
      </c>
      <c r="B7358" s="2">
        <v>24.542297999999999</v>
      </c>
      <c r="C7358">
        <v>0.458953</v>
      </c>
      <c r="D7358">
        <f t="shared" si="228"/>
        <v>4.5895300000000001E-4</v>
      </c>
      <c r="E7358" s="6">
        <f t="shared" si="229"/>
        <v>1.1263761293994E-2</v>
      </c>
    </row>
    <row r="7359" spans="1:5" x14ac:dyDescent="0.25">
      <c r="A7359" s="5">
        <v>43862.416666666664</v>
      </c>
      <c r="B7359" s="2">
        <v>24.655391000000002</v>
      </c>
      <c r="C7359">
        <v>1.5990679999999999</v>
      </c>
      <c r="D7359">
        <f t="shared" si="228"/>
        <v>1.5990679999999999E-3</v>
      </c>
      <c r="E7359" s="6">
        <f t="shared" si="229"/>
        <v>3.9425646775587998E-2</v>
      </c>
    </row>
    <row r="7360" spans="1:5" x14ac:dyDescent="0.25">
      <c r="A7360" s="5">
        <v>43862.458333333336</v>
      </c>
      <c r="B7360" s="2">
        <v>23.645954</v>
      </c>
      <c r="C7360">
        <v>1.9672449999999999</v>
      </c>
      <c r="D7360">
        <f t="shared" si="228"/>
        <v>1.9672449999999998E-3</v>
      </c>
      <c r="E7360" s="6">
        <f t="shared" si="229"/>
        <v>4.6517384776729995E-2</v>
      </c>
    </row>
    <row r="7361" spans="1:5" x14ac:dyDescent="0.25">
      <c r="A7361" s="5">
        <v>43862.5</v>
      </c>
      <c r="B7361" s="2">
        <v>20.843996000000001</v>
      </c>
      <c r="C7361">
        <v>1.608125</v>
      </c>
      <c r="D7361">
        <f t="shared" si="228"/>
        <v>1.608125E-3</v>
      </c>
      <c r="E7361" s="6">
        <f t="shared" si="229"/>
        <v>3.3519751067499999E-2</v>
      </c>
    </row>
    <row r="7362" spans="1:5" x14ac:dyDescent="0.25">
      <c r="A7362" s="5">
        <v>43862.541666666664</v>
      </c>
      <c r="B7362" s="2">
        <v>19.780035999999999</v>
      </c>
      <c r="C7362">
        <v>0.84330999999999989</v>
      </c>
      <c r="D7362">
        <f t="shared" si="228"/>
        <v>8.4330999999999989E-4</v>
      </c>
      <c r="E7362" s="6">
        <f t="shared" si="229"/>
        <v>1.6680702159159996E-2</v>
      </c>
    </row>
    <row r="7363" spans="1:5" x14ac:dyDescent="0.25">
      <c r="A7363" s="5">
        <v>43862.583333333336</v>
      </c>
      <c r="B7363" s="2">
        <v>18.958241000000001</v>
      </c>
      <c r="C7363">
        <v>0.859039</v>
      </c>
      <c r="D7363">
        <f t="shared" si="228"/>
        <v>8.5903900000000003E-4</v>
      </c>
      <c r="E7363" s="6">
        <f t="shared" si="229"/>
        <v>1.6285868390399E-2</v>
      </c>
    </row>
    <row r="7364" spans="1:5" x14ac:dyDescent="0.25">
      <c r="A7364" s="5">
        <v>43862.625</v>
      </c>
      <c r="B7364" s="2">
        <v>18.647435999999999</v>
      </c>
      <c r="C7364">
        <v>0.99105399999999999</v>
      </c>
      <c r="D7364">
        <f t="shared" si="228"/>
        <v>9.9105399999999989E-4</v>
      </c>
      <c r="E7364" s="6">
        <f t="shared" si="229"/>
        <v>1.8480616037543997E-2</v>
      </c>
    </row>
    <row r="7365" spans="1:5" x14ac:dyDescent="0.25">
      <c r="A7365" s="5">
        <v>43862.666666666664</v>
      </c>
      <c r="B7365" s="2">
        <v>19.195741999999999</v>
      </c>
      <c r="C7365">
        <v>0.43444700000000003</v>
      </c>
      <c r="D7365">
        <f t="shared" si="228"/>
        <v>4.3444700000000002E-4</v>
      </c>
      <c r="E7365" s="6">
        <f t="shared" si="229"/>
        <v>8.3395325246740006E-3</v>
      </c>
    </row>
    <row r="7366" spans="1:5" x14ac:dyDescent="0.25">
      <c r="A7366" s="5">
        <v>43862.708333333336</v>
      </c>
      <c r="B7366" s="2">
        <v>24.006406999999999</v>
      </c>
      <c r="C7366">
        <v>3.7770000000000005E-2</v>
      </c>
      <c r="D7366">
        <f t="shared" ref="D7366:D7429" si="230">C7366/1000</f>
        <v>3.7770000000000006E-5</v>
      </c>
      <c r="E7366" s="6">
        <f t="shared" ref="E7366:E7429" si="231">D7366*B7366</f>
        <v>9.0672199239000013E-4</v>
      </c>
    </row>
    <row r="7367" spans="1:5" x14ac:dyDescent="0.25">
      <c r="A7367" s="5">
        <v>43862.75</v>
      </c>
      <c r="B7367" s="2">
        <v>23.448567000000001</v>
      </c>
      <c r="C7367">
        <v>0</v>
      </c>
      <c r="D7367">
        <f t="shared" si="230"/>
        <v>0</v>
      </c>
      <c r="E7367" s="6">
        <f t="shared" si="231"/>
        <v>0</v>
      </c>
    </row>
    <row r="7368" spans="1:5" x14ac:dyDescent="0.25">
      <c r="A7368" s="5">
        <v>43862.791666666664</v>
      </c>
      <c r="B7368" s="2">
        <v>22.121314000000002</v>
      </c>
      <c r="C7368">
        <v>0</v>
      </c>
      <c r="D7368">
        <f t="shared" si="230"/>
        <v>0</v>
      </c>
      <c r="E7368" s="6">
        <f t="shared" si="231"/>
        <v>0</v>
      </c>
    </row>
    <row r="7369" spans="1:5" x14ac:dyDescent="0.25">
      <c r="A7369" s="5">
        <v>43862.833333333336</v>
      </c>
      <c r="B7369" s="2">
        <v>20.924955000000001</v>
      </c>
      <c r="C7369">
        <v>0</v>
      </c>
      <c r="D7369">
        <f t="shared" si="230"/>
        <v>0</v>
      </c>
      <c r="E7369" s="6">
        <f t="shared" si="231"/>
        <v>0</v>
      </c>
    </row>
    <row r="7370" spans="1:5" x14ac:dyDescent="0.25">
      <c r="A7370" s="5">
        <v>43862.875</v>
      </c>
      <c r="B7370" s="2">
        <v>19.857354000000001</v>
      </c>
      <c r="C7370">
        <v>0</v>
      </c>
      <c r="D7370">
        <f t="shared" si="230"/>
        <v>0</v>
      </c>
      <c r="E7370" s="6">
        <f t="shared" si="231"/>
        <v>0</v>
      </c>
    </row>
    <row r="7371" spans="1:5" x14ac:dyDescent="0.25">
      <c r="A7371" s="5">
        <v>43862.916666666664</v>
      </c>
      <c r="B7371" s="2">
        <v>18.640955000000002</v>
      </c>
      <c r="C7371">
        <v>0</v>
      </c>
      <c r="D7371">
        <f t="shared" si="230"/>
        <v>0</v>
      </c>
      <c r="E7371" s="6">
        <f t="shared" si="231"/>
        <v>0</v>
      </c>
    </row>
    <row r="7372" spans="1:5" x14ac:dyDescent="0.25">
      <c r="A7372" s="5">
        <v>43862.958333333336</v>
      </c>
      <c r="B7372" s="2">
        <v>17.776212000000001</v>
      </c>
      <c r="C7372">
        <v>0</v>
      </c>
      <c r="D7372">
        <f t="shared" si="230"/>
        <v>0</v>
      </c>
      <c r="E7372" s="6">
        <f t="shared" si="231"/>
        <v>0</v>
      </c>
    </row>
    <row r="7373" spans="1:5" x14ac:dyDescent="0.25">
      <c r="A7373" s="5">
        <v>43863</v>
      </c>
      <c r="B7373" s="2">
        <v>16.64866</v>
      </c>
      <c r="C7373">
        <v>0</v>
      </c>
      <c r="D7373">
        <f t="shared" si="230"/>
        <v>0</v>
      </c>
      <c r="E7373" s="6">
        <f t="shared" si="231"/>
        <v>0</v>
      </c>
    </row>
    <row r="7374" spans="1:5" x14ac:dyDescent="0.25">
      <c r="A7374" s="5">
        <v>43863.041666666664</v>
      </c>
      <c r="B7374" s="2">
        <v>16.403914</v>
      </c>
      <c r="C7374">
        <v>0</v>
      </c>
      <c r="D7374">
        <f t="shared" si="230"/>
        <v>0</v>
      </c>
      <c r="E7374" s="6">
        <f t="shared" si="231"/>
        <v>0</v>
      </c>
    </row>
    <row r="7375" spans="1:5" x14ac:dyDescent="0.25">
      <c r="A7375" s="5">
        <v>43863.083333333336</v>
      </c>
      <c r="B7375" s="2">
        <v>16.339001</v>
      </c>
      <c r="C7375">
        <v>0</v>
      </c>
      <c r="D7375">
        <f t="shared" si="230"/>
        <v>0</v>
      </c>
      <c r="E7375" s="6">
        <f t="shared" si="231"/>
        <v>0</v>
      </c>
    </row>
    <row r="7376" spans="1:5" x14ac:dyDescent="0.25">
      <c r="A7376" s="5">
        <v>43863.125</v>
      </c>
      <c r="B7376" s="2">
        <v>16.138542999999999</v>
      </c>
      <c r="C7376">
        <v>0</v>
      </c>
      <c r="D7376">
        <f t="shared" si="230"/>
        <v>0</v>
      </c>
      <c r="E7376" s="6">
        <f t="shared" si="231"/>
        <v>0</v>
      </c>
    </row>
    <row r="7377" spans="1:5" x14ac:dyDescent="0.25">
      <c r="A7377" s="5">
        <v>43863.166666666664</v>
      </c>
      <c r="B7377" s="2">
        <v>16.421377</v>
      </c>
      <c r="C7377">
        <v>0</v>
      </c>
      <c r="D7377">
        <f t="shared" si="230"/>
        <v>0</v>
      </c>
      <c r="E7377" s="6">
        <f t="shared" si="231"/>
        <v>0</v>
      </c>
    </row>
    <row r="7378" spans="1:5" x14ac:dyDescent="0.25">
      <c r="A7378" s="5">
        <v>43863.208333333336</v>
      </c>
      <c r="B7378" s="2">
        <v>16.515115000000002</v>
      </c>
      <c r="C7378">
        <v>0</v>
      </c>
      <c r="D7378">
        <f t="shared" si="230"/>
        <v>0</v>
      </c>
      <c r="E7378" s="6">
        <f t="shared" si="231"/>
        <v>0</v>
      </c>
    </row>
    <row r="7379" spans="1:5" x14ac:dyDescent="0.25">
      <c r="A7379" s="5">
        <v>43863.25</v>
      </c>
      <c r="B7379" s="2">
        <v>18.147454</v>
      </c>
      <c r="C7379">
        <v>0</v>
      </c>
      <c r="D7379">
        <f t="shared" si="230"/>
        <v>0</v>
      </c>
      <c r="E7379" s="6">
        <f t="shared" si="231"/>
        <v>0</v>
      </c>
    </row>
    <row r="7380" spans="1:5" x14ac:dyDescent="0.25">
      <c r="A7380" s="5">
        <v>43863.291666666664</v>
      </c>
      <c r="B7380" s="2">
        <v>19.545501999999999</v>
      </c>
      <c r="C7380">
        <v>0</v>
      </c>
      <c r="D7380">
        <f t="shared" si="230"/>
        <v>0</v>
      </c>
      <c r="E7380" s="6">
        <f t="shared" si="231"/>
        <v>0</v>
      </c>
    </row>
    <row r="7381" spans="1:5" x14ac:dyDescent="0.25">
      <c r="A7381" s="5">
        <v>43863.333333333336</v>
      </c>
      <c r="B7381" s="2">
        <v>19.739426999999999</v>
      </c>
      <c r="C7381">
        <v>0.46111399999999997</v>
      </c>
      <c r="D7381">
        <f t="shared" si="230"/>
        <v>4.6111399999999999E-4</v>
      </c>
      <c r="E7381" s="6">
        <f t="shared" si="231"/>
        <v>9.1021261416779995E-3</v>
      </c>
    </row>
    <row r="7382" spans="1:5" x14ac:dyDescent="0.25">
      <c r="A7382" s="5">
        <v>43863.375</v>
      </c>
      <c r="B7382" s="2">
        <v>19.513833000000002</v>
      </c>
      <c r="C7382">
        <v>1.8271169999999999</v>
      </c>
      <c r="D7382">
        <f t="shared" si="230"/>
        <v>1.8271169999999998E-3</v>
      </c>
      <c r="E7382" s="6">
        <f t="shared" si="231"/>
        <v>3.5654056009460998E-2</v>
      </c>
    </row>
    <row r="7383" spans="1:5" x14ac:dyDescent="0.25">
      <c r="A7383" s="5">
        <v>43863.416666666664</v>
      </c>
      <c r="B7383" s="2">
        <v>19.006283</v>
      </c>
      <c r="C7383">
        <v>5.6112600000000006</v>
      </c>
      <c r="D7383">
        <f t="shared" si="230"/>
        <v>5.6112600000000007E-3</v>
      </c>
      <c r="E7383" s="6">
        <f t="shared" si="231"/>
        <v>0.10664919554658002</v>
      </c>
    </row>
    <row r="7384" spans="1:5" x14ac:dyDescent="0.25">
      <c r="A7384" s="5">
        <v>43863.458333333336</v>
      </c>
      <c r="B7384" s="2">
        <v>17.510213</v>
      </c>
      <c r="C7384">
        <v>6.5462129999999998</v>
      </c>
      <c r="D7384">
        <f t="shared" si="230"/>
        <v>6.5462129999999995E-3</v>
      </c>
      <c r="E7384" s="6">
        <f t="shared" si="231"/>
        <v>0.114625583973369</v>
      </c>
    </row>
    <row r="7385" spans="1:5" x14ac:dyDescent="0.25">
      <c r="A7385" s="5">
        <v>43863.5</v>
      </c>
      <c r="B7385" s="2">
        <v>16.025304999999999</v>
      </c>
      <c r="C7385">
        <v>6.9670240000000003</v>
      </c>
      <c r="D7385">
        <f t="shared" si="230"/>
        <v>6.9670240000000005E-3</v>
      </c>
      <c r="E7385" s="6">
        <f t="shared" si="231"/>
        <v>0.11164868454232001</v>
      </c>
    </row>
    <row r="7386" spans="1:5" x14ac:dyDescent="0.25">
      <c r="A7386" s="5">
        <v>43863.541666666664</v>
      </c>
      <c r="B7386" s="2">
        <v>16.130956000000001</v>
      </c>
      <c r="C7386">
        <v>6.794041</v>
      </c>
      <c r="D7386">
        <f t="shared" si="230"/>
        <v>6.7940409999999998E-3</v>
      </c>
      <c r="E7386" s="6">
        <f t="shared" si="231"/>
        <v>0.109594376433196</v>
      </c>
    </row>
    <row r="7387" spans="1:5" x14ac:dyDescent="0.25">
      <c r="A7387" s="5">
        <v>43863.583333333336</v>
      </c>
      <c r="B7387" s="2">
        <v>15.739019000000001</v>
      </c>
      <c r="C7387">
        <v>6.1156620000000004</v>
      </c>
      <c r="D7387">
        <f t="shared" si="230"/>
        <v>6.115662E-3</v>
      </c>
      <c r="E7387" s="6">
        <f t="shared" si="231"/>
        <v>9.6254520415577999E-2</v>
      </c>
    </row>
    <row r="7388" spans="1:5" x14ac:dyDescent="0.25">
      <c r="A7388" s="5">
        <v>43863.625</v>
      </c>
      <c r="B7388" s="2">
        <v>15.793557</v>
      </c>
      <c r="C7388">
        <v>4.8682349999999994</v>
      </c>
      <c r="D7388">
        <f t="shared" si="230"/>
        <v>4.8682349999999994E-3</v>
      </c>
      <c r="E7388" s="6">
        <f t="shared" si="231"/>
        <v>7.6886746961894986E-2</v>
      </c>
    </row>
    <row r="7389" spans="1:5" x14ac:dyDescent="0.25">
      <c r="A7389" s="5">
        <v>43863.666666666664</v>
      </c>
      <c r="B7389" s="2">
        <v>17.461054000000001</v>
      </c>
      <c r="C7389">
        <v>2.9888939999999997</v>
      </c>
      <c r="D7389">
        <f t="shared" si="230"/>
        <v>2.9888939999999998E-3</v>
      </c>
      <c r="E7389" s="6">
        <f t="shared" si="231"/>
        <v>5.2189239534275997E-2</v>
      </c>
    </row>
    <row r="7390" spans="1:5" x14ac:dyDescent="0.25">
      <c r="A7390" s="5">
        <v>43863.708333333336</v>
      </c>
      <c r="B7390" s="2">
        <v>20.704940000000001</v>
      </c>
      <c r="C7390">
        <v>0.83754100000000009</v>
      </c>
      <c r="D7390">
        <f t="shared" si="230"/>
        <v>8.3754100000000013E-4</v>
      </c>
      <c r="E7390" s="6">
        <f t="shared" si="231"/>
        <v>1.7341236152540004E-2</v>
      </c>
    </row>
    <row r="7391" spans="1:5" x14ac:dyDescent="0.25">
      <c r="A7391" s="5">
        <v>43863.75</v>
      </c>
      <c r="B7391" s="2">
        <v>20.844798000000001</v>
      </c>
      <c r="C7391">
        <v>0</v>
      </c>
      <c r="D7391">
        <f t="shared" si="230"/>
        <v>0</v>
      </c>
      <c r="E7391" s="6">
        <f t="shared" si="231"/>
        <v>0</v>
      </c>
    </row>
    <row r="7392" spans="1:5" x14ac:dyDescent="0.25">
      <c r="A7392" s="5">
        <v>43863.791666666664</v>
      </c>
      <c r="B7392" s="2">
        <v>20.603031999999999</v>
      </c>
      <c r="C7392">
        <v>0</v>
      </c>
      <c r="D7392">
        <f t="shared" si="230"/>
        <v>0</v>
      </c>
      <c r="E7392" s="6">
        <f t="shared" si="231"/>
        <v>0</v>
      </c>
    </row>
    <row r="7393" spans="1:5" x14ac:dyDescent="0.25">
      <c r="A7393" s="5">
        <v>43863.833333333336</v>
      </c>
      <c r="B7393" s="2">
        <v>20.022834</v>
      </c>
      <c r="C7393">
        <v>0</v>
      </c>
      <c r="D7393">
        <f t="shared" si="230"/>
        <v>0</v>
      </c>
      <c r="E7393" s="6">
        <f t="shared" si="231"/>
        <v>0</v>
      </c>
    </row>
    <row r="7394" spans="1:5" x14ac:dyDescent="0.25">
      <c r="A7394" s="5">
        <v>43863.875</v>
      </c>
      <c r="B7394" s="2">
        <v>19.218329000000001</v>
      </c>
      <c r="C7394">
        <v>0</v>
      </c>
      <c r="D7394">
        <f t="shared" si="230"/>
        <v>0</v>
      </c>
      <c r="E7394" s="6">
        <f t="shared" si="231"/>
        <v>0</v>
      </c>
    </row>
    <row r="7395" spans="1:5" x14ac:dyDescent="0.25">
      <c r="A7395" s="5">
        <v>43863.916666666664</v>
      </c>
      <c r="B7395" s="2">
        <v>17.558776000000002</v>
      </c>
      <c r="C7395">
        <v>0</v>
      </c>
      <c r="D7395">
        <f t="shared" si="230"/>
        <v>0</v>
      </c>
      <c r="E7395" s="6">
        <f t="shared" si="231"/>
        <v>0</v>
      </c>
    </row>
    <row r="7396" spans="1:5" x14ac:dyDescent="0.25">
      <c r="A7396" s="5">
        <v>43863.958333333336</v>
      </c>
      <c r="B7396" s="2">
        <v>15.879771</v>
      </c>
      <c r="C7396">
        <v>0</v>
      </c>
      <c r="D7396">
        <f t="shared" si="230"/>
        <v>0</v>
      </c>
      <c r="E7396" s="6">
        <f t="shared" si="231"/>
        <v>0</v>
      </c>
    </row>
    <row r="7397" spans="1:5" x14ac:dyDescent="0.25">
      <c r="A7397" s="5">
        <v>43864</v>
      </c>
      <c r="B7397" s="2">
        <v>15.48743</v>
      </c>
      <c r="C7397">
        <v>0</v>
      </c>
      <c r="D7397">
        <f t="shared" si="230"/>
        <v>0</v>
      </c>
      <c r="E7397" s="6">
        <f t="shared" si="231"/>
        <v>0</v>
      </c>
    </row>
    <row r="7398" spans="1:5" x14ac:dyDescent="0.25">
      <c r="A7398" s="5">
        <v>43864.041666666664</v>
      </c>
      <c r="B7398" s="2">
        <v>14.790521999999999</v>
      </c>
      <c r="C7398">
        <v>0</v>
      </c>
      <c r="D7398">
        <f t="shared" si="230"/>
        <v>0</v>
      </c>
      <c r="E7398" s="6">
        <f t="shared" si="231"/>
        <v>0</v>
      </c>
    </row>
    <row r="7399" spans="1:5" x14ac:dyDescent="0.25">
      <c r="A7399" s="5">
        <v>43864.083333333336</v>
      </c>
      <c r="B7399" s="2">
        <v>14.329088</v>
      </c>
      <c r="C7399">
        <v>0</v>
      </c>
      <c r="D7399">
        <f t="shared" si="230"/>
        <v>0</v>
      </c>
      <c r="E7399" s="6">
        <f t="shared" si="231"/>
        <v>0</v>
      </c>
    </row>
    <row r="7400" spans="1:5" x14ac:dyDescent="0.25">
      <c r="A7400" s="5">
        <v>43864.125</v>
      </c>
      <c r="B7400" s="2">
        <v>14.632440000000001</v>
      </c>
      <c r="C7400">
        <v>0</v>
      </c>
      <c r="D7400">
        <f t="shared" si="230"/>
        <v>0</v>
      </c>
      <c r="E7400" s="6">
        <f t="shared" si="231"/>
        <v>0</v>
      </c>
    </row>
    <row r="7401" spans="1:5" x14ac:dyDescent="0.25">
      <c r="A7401" s="5">
        <v>43864.166666666664</v>
      </c>
      <c r="B7401" s="2">
        <v>15.811747</v>
      </c>
      <c r="C7401">
        <v>0</v>
      </c>
      <c r="D7401">
        <f t="shared" si="230"/>
        <v>0</v>
      </c>
      <c r="E7401" s="6">
        <f t="shared" si="231"/>
        <v>0</v>
      </c>
    </row>
    <row r="7402" spans="1:5" x14ac:dyDescent="0.25">
      <c r="A7402" s="5">
        <v>43864.208333333336</v>
      </c>
      <c r="B7402" s="2">
        <v>17.587143000000001</v>
      </c>
      <c r="C7402">
        <v>0</v>
      </c>
      <c r="D7402">
        <f t="shared" si="230"/>
        <v>0</v>
      </c>
      <c r="E7402" s="6">
        <f t="shared" si="231"/>
        <v>0</v>
      </c>
    </row>
    <row r="7403" spans="1:5" x14ac:dyDescent="0.25">
      <c r="A7403" s="5">
        <v>43864.25</v>
      </c>
      <c r="B7403" s="2">
        <v>23.114173999999998</v>
      </c>
      <c r="C7403">
        <v>0</v>
      </c>
      <c r="D7403">
        <f t="shared" si="230"/>
        <v>0</v>
      </c>
      <c r="E7403" s="6">
        <f t="shared" si="231"/>
        <v>0</v>
      </c>
    </row>
    <row r="7404" spans="1:5" x14ac:dyDescent="0.25">
      <c r="A7404" s="5">
        <v>43864.291666666664</v>
      </c>
      <c r="B7404" s="2">
        <v>22.803336999999999</v>
      </c>
      <c r="C7404">
        <v>0</v>
      </c>
      <c r="D7404">
        <f t="shared" si="230"/>
        <v>0</v>
      </c>
      <c r="E7404" s="6">
        <f t="shared" si="231"/>
        <v>0</v>
      </c>
    </row>
    <row r="7405" spans="1:5" x14ac:dyDescent="0.25">
      <c r="A7405" s="5">
        <v>43864.333333333336</v>
      </c>
      <c r="B7405" s="2">
        <v>22.413526999999998</v>
      </c>
      <c r="C7405">
        <v>1.0249059999999999</v>
      </c>
      <c r="D7405">
        <f t="shared" si="230"/>
        <v>1.0249059999999999E-3</v>
      </c>
      <c r="E7405" s="6">
        <f t="shared" si="231"/>
        <v>2.2971758303461997E-2</v>
      </c>
    </row>
    <row r="7406" spans="1:5" x14ac:dyDescent="0.25">
      <c r="A7406" s="5">
        <v>43864.375</v>
      </c>
      <c r="B7406" s="2">
        <v>22.850536000000002</v>
      </c>
      <c r="C7406">
        <v>3.072292</v>
      </c>
      <c r="D7406">
        <f t="shared" si="230"/>
        <v>3.0722919999999999E-3</v>
      </c>
      <c r="E7406" s="6">
        <f t="shared" si="231"/>
        <v>7.0203518948511998E-2</v>
      </c>
    </row>
    <row r="7407" spans="1:5" x14ac:dyDescent="0.25">
      <c r="A7407" s="5">
        <v>43864.416666666664</v>
      </c>
      <c r="B7407" s="2">
        <v>22.583818000000001</v>
      </c>
      <c r="C7407">
        <v>5.7633649999999994</v>
      </c>
      <c r="D7407">
        <f t="shared" si="230"/>
        <v>5.7633649999999995E-3</v>
      </c>
      <c r="E7407" s="6">
        <f t="shared" si="231"/>
        <v>0.13015878622756999</v>
      </c>
    </row>
    <row r="7408" spans="1:5" x14ac:dyDescent="0.25">
      <c r="A7408" s="5">
        <v>43864.458333333336</v>
      </c>
      <c r="B7408" s="2">
        <v>20.853607</v>
      </c>
      <c r="C7408">
        <v>5.8003469999999995</v>
      </c>
      <c r="D7408">
        <f t="shared" si="230"/>
        <v>5.8003469999999991E-3</v>
      </c>
      <c r="E7408" s="6">
        <f t="shared" si="231"/>
        <v>0.12095815680162898</v>
      </c>
    </row>
    <row r="7409" spans="1:5" x14ac:dyDescent="0.25">
      <c r="A7409" s="5">
        <v>43864.5</v>
      </c>
      <c r="B7409" s="2">
        <v>20.348908999999999</v>
      </c>
      <c r="C7409">
        <v>7.042046</v>
      </c>
      <c r="D7409">
        <f t="shared" si="230"/>
        <v>7.0420459999999997E-3</v>
      </c>
      <c r="E7409" s="6">
        <f t="shared" si="231"/>
        <v>0.143297953227814</v>
      </c>
    </row>
    <row r="7410" spans="1:5" x14ac:dyDescent="0.25">
      <c r="A7410" s="5">
        <v>43864.541666666664</v>
      </c>
      <c r="B7410" s="2">
        <v>20.069486999999999</v>
      </c>
      <c r="C7410">
        <v>6.8266909999999994</v>
      </c>
      <c r="D7410">
        <f t="shared" si="230"/>
        <v>6.8266909999999993E-3</v>
      </c>
      <c r="E7410" s="6">
        <f t="shared" si="231"/>
        <v>0.13700818627751699</v>
      </c>
    </row>
    <row r="7411" spans="1:5" x14ac:dyDescent="0.25">
      <c r="A7411" s="5">
        <v>43864.583333333336</v>
      </c>
      <c r="B7411" s="2">
        <v>19.523776000000002</v>
      </c>
      <c r="C7411">
        <v>6.0955339999999998</v>
      </c>
      <c r="D7411">
        <f t="shared" si="230"/>
        <v>6.0955339999999997E-3</v>
      </c>
      <c r="E7411" s="6">
        <f t="shared" si="231"/>
        <v>0.119007840416384</v>
      </c>
    </row>
    <row r="7412" spans="1:5" x14ac:dyDescent="0.25">
      <c r="A7412" s="5">
        <v>43864.625</v>
      </c>
      <c r="B7412" s="2">
        <v>17.548791999999999</v>
      </c>
      <c r="C7412">
        <v>3.145216</v>
      </c>
      <c r="D7412">
        <f t="shared" si="230"/>
        <v>3.1452160000000002E-3</v>
      </c>
      <c r="E7412" s="6">
        <f t="shared" si="231"/>
        <v>5.5194741379072002E-2</v>
      </c>
    </row>
    <row r="7413" spans="1:5" x14ac:dyDescent="0.25">
      <c r="A7413" s="5">
        <v>43864.666666666664</v>
      </c>
      <c r="B7413" s="2">
        <v>18.084837</v>
      </c>
      <c r="C7413">
        <v>1.6222539999999999</v>
      </c>
      <c r="D7413">
        <f t="shared" si="230"/>
        <v>1.6222539999999998E-3</v>
      </c>
      <c r="E7413" s="6">
        <f t="shared" si="231"/>
        <v>2.9338199162597996E-2</v>
      </c>
    </row>
    <row r="7414" spans="1:5" x14ac:dyDescent="0.25">
      <c r="A7414" s="5">
        <v>43864.708333333336</v>
      </c>
      <c r="B7414" s="2">
        <v>19.947921999999998</v>
      </c>
      <c r="C7414">
        <v>0.393065</v>
      </c>
      <c r="D7414">
        <f t="shared" si="230"/>
        <v>3.9306500000000001E-4</v>
      </c>
      <c r="E7414" s="6">
        <f t="shared" si="231"/>
        <v>7.8408299609299993E-3</v>
      </c>
    </row>
    <row r="7415" spans="1:5" x14ac:dyDescent="0.25">
      <c r="A7415" s="5">
        <v>43864.75</v>
      </c>
      <c r="B7415" s="2">
        <v>19.893008999999999</v>
      </c>
      <c r="C7415">
        <v>0</v>
      </c>
      <c r="D7415">
        <f t="shared" si="230"/>
        <v>0</v>
      </c>
      <c r="E7415" s="6">
        <f t="shared" si="231"/>
        <v>0</v>
      </c>
    </row>
    <row r="7416" spans="1:5" x14ac:dyDescent="0.25">
      <c r="A7416" s="5">
        <v>43864.791666666664</v>
      </c>
      <c r="B7416" s="2">
        <v>21.903901000000001</v>
      </c>
      <c r="C7416">
        <v>0</v>
      </c>
      <c r="D7416">
        <f t="shared" si="230"/>
        <v>0</v>
      </c>
      <c r="E7416" s="6">
        <f t="shared" si="231"/>
        <v>0</v>
      </c>
    </row>
    <row r="7417" spans="1:5" x14ac:dyDescent="0.25">
      <c r="A7417" s="5">
        <v>43864.833333333336</v>
      </c>
      <c r="B7417" s="2">
        <v>20.942184999999998</v>
      </c>
      <c r="C7417">
        <v>0</v>
      </c>
      <c r="D7417">
        <f t="shared" si="230"/>
        <v>0</v>
      </c>
      <c r="E7417" s="6">
        <f t="shared" si="231"/>
        <v>0</v>
      </c>
    </row>
    <row r="7418" spans="1:5" x14ac:dyDescent="0.25">
      <c r="A7418" s="5">
        <v>43864.875</v>
      </c>
      <c r="B7418" s="2">
        <v>18.731824</v>
      </c>
      <c r="C7418">
        <v>0</v>
      </c>
      <c r="D7418">
        <f t="shared" si="230"/>
        <v>0</v>
      </c>
      <c r="E7418" s="6">
        <f t="shared" si="231"/>
        <v>0</v>
      </c>
    </row>
    <row r="7419" spans="1:5" x14ac:dyDescent="0.25">
      <c r="A7419" s="5">
        <v>43864.916666666664</v>
      </c>
      <c r="B7419" s="2">
        <v>16.618845</v>
      </c>
      <c r="C7419">
        <v>0</v>
      </c>
      <c r="D7419">
        <f t="shared" si="230"/>
        <v>0</v>
      </c>
      <c r="E7419" s="6">
        <f t="shared" si="231"/>
        <v>0</v>
      </c>
    </row>
    <row r="7420" spans="1:5" x14ac:dyDescent="0.25">
      <c r="A7420" s="5">
        <v>43864.958333333336</v>
      </c>
      <c r="B7420" s="2">
        <v>15.600534</v>
      </c>
      <c r="C7420">
        <v>0</v>
      </c>
      <c r="D7420">
        <f t="shared" si="230"/>
        <v>0</v>
      </c>
      <c r="E7420" s="6">
        <f t="shared" si="231"/>
        <v>0</v>
      </c>
    </row>
    <row r="7421" spans="1:5" x14ac:dyDescent="0.25">
      <c r="A7421" s="5">
        <v>43865</v>
      </c>
      <c r="B7421" s="2">
        <v>14.345653</v>
      </c>
      <c r="C7421">
        <v>0</v>
      </c>
      <c r="D7421">
        <f t="shared" si="230"/>
        <v>0</v>
      </c>
      <c r="E7421" s="6">
        <f t="shared" si="231"/>
        <v>0</v>
      </c>
    </row>
    <row r="7422" spans="1:5" x14ac:dyDescent="0.25">
      <c r="A7422" s="5">
        <v>43865.041666666664</v>
      </c>
      <c r="B7422" s="2">
        <v>13.956783</v>
      </c>
      <c r="C7422">
        <v>0</v>
      </c>
      <c r="D7422">
        <f t="shared" si="230"/>
        <v>0</v>
      </c>
      <c r="E7422" s="6">
        <f t="shared" si="231"/>
        <v>0</v>
      </c>
    </row>
    <row r="7423" spans="1:5" x14ac:dyDescent="0.25">
      <c r="A7423" s="5">
        <v>43865.083333333336</v>
      </c>
      <c r="B7423" s="2">
        <v>13.399687999999999</v>
      </c>
      <c r="C7423">
        <v>0</v>
      </c>
      <c r="D7423">
        <f t="shared" si="230"/>
        <v>0</v>
      </c>
      <c r="E7423" s="6">
        <f t="shared" si="231"/>
        <v>0</v>
      </c>
    </row>
    <row r="7424" spans="1:5" x14ac:dyDescent="0.25">
      <c r="A7424" s="5">
        <v>43865.125</v>
      </c>
      <c r="B7424" s="2">
        <v>13.383832</v>
      </c>
      <c r="C7424">
        <v>0</v>
      </c>
      <c r="D7424">
        <f t="shared" si="230"/>
        <v>0</v>
      </c>
      <c r="E7424" s="6">
        <f t="shared" si="231"/>
        <v>0</v>
      </c>
    </row>
    <row r="7425" spans="1:5" x14ac:dyDescent="0.25">
      <c r="A7425" s="5">
        <v>43865.166666666664</v>
      </c>
      <c r="B7425" s="2">
        <v>14.004322999999999</v>
      </c>
      <c r="C7425">
        <v>0</v>
      </c>
      <c r="D7425">
        <f t="shared" si="230"/>
        <v>0</v>
      </c>
      <c r="E7425" s="6">
        <f t="shared" si="231"/>
        <v>0</v>
      </c>
    </row>
    <row r="7426" spans="1:5" x14ac:dyDescent="0.25">
      <c r="A7426" s="5">
        <v>43865.208333333336</v>
      </c>
      <c r="B7426" s="2">
        <v>15.162182</v>
      </c>
      <c r="C7426">
        <v>0</v>
      </c>
      <c r="D7426">
        <f t="shared" si="230"/>
        <v>0</v>
      </c>
      <c r="E7426" s="6">
        <f t="shared" si="231"/>
        <v>0</v>
      </c>
    </row>
    <row r="7427" spans="1:5" x14ac:dyDescent="0.25">
      <c r="A7427" s="5">
        <v>43865.25</v>
      </c>
      <c r="B7427" s="2">
        <v>19.115541</v>
      </c>
      <c r="C7427">
        <v>0</v>
      </c>
      <c r="D7427">
        <f t="shared" si="230"/>
        <v>0</v>
      </c>
      <c r="E7427" s="6">
        <f t="shared" si="231"/>
        <v>0</v>
      </c>
    </row>
    <row r="7428" spans="1:5" x14ac:dyDescent="0.25">
      <c r="A7428" s="5">
        <v>43865.291666666664</v>
      </c>
      <c r="B7428" s="2">
        <v>20.041931999999999</v>
      </c>
      <c r="C7428">
        <v>0</v>
      </c>
      <c r="D7428">
        <f t="shared" si="230"/>
        <v>0</v>
      </c>
      <c r="E7428" s="6">
        <f t="shared" si="231"/>
        <v>0</v>
      </c>
    </row>
    <row r="7429" spans="1:5" x14ac:dyDescent="0.25">
      <c r="A7429" s="5">
        <v>43865.333333333336</v>
      </c>
      <c r="B7429" s="2">
        <v>19.630998000000002</v>
      </c>
      <c r="C7429">
        <v>1.1849999999999999E-2</v>
      </c>
      <c r="D7429">
        <f t="shared" si="230"/>
        <v>1.185E-5</v>
      </c>
      <c r="E7429" s="6">
        <f t="shared" si="231"/>
        <v>2.3262732630000002E-4</v>
      </c>
    </row>
    <row r="7430" spans="1:5" x14ac:dyDescent="0.25">
      <c r="A7430" s="5">
        <v>43865.375</v>
      </c>
      <c r="B7430" s="2">
        <v>19.503152</v>
      </c>
      <c r="C7430">
        <v>0.35693000000000003</v>
      </c>
      <c r="D7430">
        <f t="shared" ref="D7430:D7493" si="232">C7430/1000</f>
        <v>3.5693000000000004E-4</v>
      </c>
      <c r="E7430" s="6">
        <f t="shared" ref="E7430:E7493" si="233">D7430*B7430</f>
        <v>6.9612600433600009E-3</v>
      </c>
    </row>
    <row r="7431" spans="1:5" x14ac:dyDescent="0.25">
      <c r="A7431" s="5">
        <v>43865.416666666664</v>
      </c>
      <c r="B7431" s="2">
        <v>19.702103999999999</v>
      </c>
      <c r="C7431">
        <v>0.17870900000000001</v>
      </c>
      <c r="D7431">
        <f t="shared" si="232"/>
        <v>1.7870900000000001E-4</v>
      </c>
      <c r="E7431" s="6">
        <f t="shared" si="233"/>
        <v>3.5209433037359998E-3</v>
      </c>
    </row>
    <row r="7432" spans="1:5" x14ac:dyDescent="0.25">
      <c r="A7432" s="5">
        <v>43865.458333333336</v>
      </c>
      <c r="B7432" s="2">
        <v>18.900122</v>
      </c>
      <c r="C7432">
        <v>1.1885999999999999</v>
      </c>
      <c r="D7432">
        <f t="shared" si="232"/>
        <v>1.1885999999999999E-3</v>
      </c>
      <c r="E7432" s="6">
        <f t="shared" si="233"/>
        <v>2.24646850092E-2</v>
      </c>
    </row>
    <row r="7433" spans="1:5" x14ac:dyDescent="0.25">
      <c r="A7433" s="5">
        <v>43865.5</v>
      </c>
      <c r="B7433" s="2">
        <v>18.694240000000001</v>
      </c>
      <c r="C7433">
        <v>1.3406389999999999</v>
      </c>
      <c r="D7433">
        <f t="shared" si="232"/>
        <v>1.3406389999999998E-3</v>
      </c>
      <c r="E7433" s="6">
        <f t="shared" si="233"/>
        <v>2.5062227219359998E-2</v>
      </c>
    </row>
    <row r="7434" spans="1:5" x14ac:dyDescent="0.25">
      <c r="A7434" s="5">
        <v>43865.541666666664</v>
      </c>
      <c r="B7434" s="2">
        <v>18.804155999999999</v>
      </c>
      <c r="C7434">
        <v>1.36199</v>
      </c>
      <c r="D7434">
        <f t="shared" si="232"/>
        <v>1.36199E-3</v>
      </c>
      <c r="E7434" s="6">
        <f t="shared" si="233"/>
        <v>2.5611072430439998E-2</v>
      </c>
    </row>
    <row r="7435" spans="1:5" x14ac:dyDescent="0.25">
      <c r="A7435" s="5">
        <v>43865.583333333336</v>
      </c>
      <c r="B7435" s="2">
        <v>18.253136999999999</v>
      </c>
      <c r="C7435">
        <v>0.66753099999999999</v>
      </c>
      <c r="D7435">
        <f t="shared" si="232"/>
        <v>6.6753099999999996E-4</v>
      </c>
      <c r="E7435" s="6">
        <f t="shared" si="233"/>
        <v>1.2184534794746998E-2</v>
      </c>
    </row>
    <row r="7436" spans="1:5" x14ac:dyDescent="0.25">
      <c r="A7436" s="5">
        <v>43865.625</v>
      </c>
      <c r="B7436" s="2">
        <v>18.088681000000001</v>
      </c>
      <c r="C7436">
        <v>0.50093299999999996</v>
      </c>
      <c r="D7436">
        <f t="shared" si="232"/>
        <v>5.0093299999999996E-4</v>
      </c>
      <c r="E7436" s="6">
        <f t="shared" si="233"/>
        <v>9.0612172393730005E-3</v>
      </c>
    </row>
    <row r="7437" spans="1:5" x14ac:dyDescent="0.25">
      <c r="A7437" s="5">
        <v>43865.666666666664</v>
      </c>
      <c r="B7437" s="2">
        <v>19.121009000000001</v>
      </c>
      <c r="C7437">
        <v>0.48632999999999998</v>
      </c>
      <c r="D7437">
        <f t="shared" si="232"/>
        <v>4.8632999999999999E-4</v>
      </c>
      <c r="E7437" s="6">
        <f t="shared" si="233"/>
        <v>9.2991203069700008E-3</v>
      </c>
    </row>
    <row r="7438" spans="1:5" x14ac:dyDescent="0.25">
      <c r="A7438" s="5">
        <v>43865.708333333336</v>
      </c>
      <c r="B7438" s="2">
        <v>20.590211</v>
      </c>
      <c r="C7438">
        <v>6.5304000000000001E-2</v>
      </c>
      <c r="D7438">
        <f t="shared" si="232"/>
        <v>6.5303999999999997E-5</v>
      </c>
      <c r="E7438" s="6">
        <f t="shared" si="233"/>
        <v>1.344623139144E-3</v>
      </c>
    </row>
    <row r="7439" spans="1:5" x14ac:dyDescent="0.25">
      <c r="A7439" s="5">
        <v>43865.75</v>
      </c>
      <c r="B7439" s="2">
        <v>22.339883</v>
      </c>
      <c r="C7439">
        <v>0</v>
      </c>
      <c r="D7439">
        <f t="shared" si="232"/>
        <v>0</v>
      </c>
      <c r="E7439" s="6">
        <f t="shared" si="233"/>
        <v>0</v>
      </c>
    </row>
    <row r="7440" spans="1:5" x14ac:dyDescent="0.25">
      <c r="A7440" s="5">
        <v>43865.791666666664</v>
      </c>
      <c r="B7440" s="2">
        <v>20.971031</v>
      </c>
      <c r="C7440">
        <v>0</v>
      </c>
      <c r="D7440">
        <f t="shared" si="232"/>
        <v>0</v>
      </c>
      <c r="E7440" s="6">
        <f t="shared" si="233"/>
        <v>0</v>
      </c>
    </row>
    <row r="7441" spans="1:5" x14ac:dyDescent="0.25">
      <c r="A7441" s="5">
        <v>43865.833333333336</v>
      </c>
      <c r="B7441" s="2">
        <v>20.961428999999999</v>
      </c>
      <c r="C7441">
        <v>0</v>
      </c>
      <c r="D7441">
        <f t="shared" si="232"/>
        <v>0</v>
      </c>
      <c r="E7441" s="6">
        <f t="shared" si="233"/>
        <v>0</v>
      </c>
    </row>
    <row r="7442" spans="1:5" x14ac:dyDescent="0.25">
      <c r="A7442" s="5">
        <v>43865.875</v>
      </c>
      <c r="B7442" s="2">
        <v>19.675564999999999</v>
      </c>
      <c r="C7442">
        <v>0</v>
      </c>
      <c r="D7442">
        <f t="shared" si="232"/>
        <v>0</v>
      </c>
      <c r="E7442" s="6">
        <f t="shared" si="233"/>
        <v>0</v>
      </c>
    </row>
    <row r="7443" spans="1:5" x14ac:dyDescent="0.25">
      <c r="A7443" s="5">
        <v>43865.916666666664</v>
      </c>
      <c r="B7443" s="2">
        <v>17.506723000000001</v>
      </c>
      <c r="C7443">
        <v>0</v>
      </c>
      <c r="D7443">
        <f t="shared" si="232"/>
        <v>0</v>
      </c>
      <c r="E7443" s="6">
        <f t="shared" si="233"/>
        <v>0</v>
      </c>
    </row>
    <row r="7444" spans="1:5" x14ac:dyDescent="0.25">
      <c r="A7444" s="5">
        <v>43865.958333333336</v>
      </c>
      <c r="B7444" s="2">
        <v>15.741422</v>
      </c>
      <c r="C7444">
        <v>0</v>
      </c>
      <c r="D7444">
        <f t="shared" si="232"/>
        <v>0</v>
      </c>
      <c r="E7444" s="6">
        <f t="shared" si="233"/>
        <v>0</v>
      </c>
    </row>
    <row r="7445" spans="1:5" x14ac:dyDescent="0.25">
      <c r="A7445" s="5">
        <v>43866</v>
      </c>
      <c r="B7445" s="2">
        <v>14.988791000000001</v>
      </c>
      <c r="C7445">
        <v>0</v>
      </c>
      <c r="D7445">
        <f t="shared" si="232"/>
        <v>0</v>
      </c>
      <c r="E7445" s="6">
        <f t="shared" si="233"/>
        <v>0</v>
      </c>
    </row>
    <row r="7446" spans="1:5" x14ac:dyDescent="0.25">
      <c r="A7446" s="5">
        <v>43866.041666666664</v>
      </c>
      <c r="B7446" s="2">
        <v>14.458897</v>
      </c>
      <c r="C7446">
        <v>0</v>
      </c>
      <c r="D7446">
        <f t="shared" si="232"/>
        <v>0</v>
      </c>
      <c r="E7446" s="6">
        <f t="shared" si="233"/>
        <v>0</v>
      </c>
    </row>
    <row r="7447" spans="1:5" x14ac:dyDescent="0.25">
      <c r="A7447" s="5">
        <v>43866.083333333336</v>
      </c>
      <c r="B7447" s="2">
        <v>13.903537999999999</v>
      </c>
      <c r="C7447">
        <v>0</v>
      </c>
      <c r="D7447">
        <f t="shared" si="232"/>
        <v>0</v>
      </c>
      <c r="E7447" s="6">
        <f t="shared" si="233"/>
        <v>0</v>
      </c>
    </row>
    <row r="7448" spans="1:5" x14ac:dyDescent="0.25">
      <c r="A7448" s="5">
        <v>43866.125</v>
      </c>
      <c r="B7448" s="2">
        <v>14.063190000000001</v>
      </c>
      <c r="C7448">
        <v>0</v>
      </c>
      <c r="D7448">
        <f t="shared" si="232"/>
        <v>0</v>
      </c>
      <c r="E7448" s="6">
        <f t="shared" si="233"/>
        <v>0</v>
      </c>
    </row>
    <row r="7449" spans="1:5" x14ac:dyDescent="0.25">
      <c r="A7449" s="5">
        <v>43866.166666666664</v>
      </c>
      <c r="B7449" s="2">
        <v>14.664864</v>
      </c>
      <c r="C7449">
        <v>0</v>
      </c>
      <c r="D7449">
        <f t="shared" si="232"/>
        <v>0</v>
      </c>
      <c r="E7449" s="6">
        <f t="shared" si="233"/>
        <v>0</v>
      </c>
    </row>
    <row r="7450" spans="1:5" x14ac:dyDescent="0.25">
      <c r="A7450" s="5">
        <v>43866.208333333336</v>
      </c>
      <c r="B7450" s="2">
        <v>16.477830999999998</v>
      </c>
      <c r="C7450">
        <v>0</v>
      </c>
      <c r="D7450">
        <f t="shared" si="232"/>
        <v>0</v>
      </c>
      <c r="E7450" s="6">
        <f t="shared" si="233"/>
        <v>0</v>
      </c>
    </row>
    <row r="7451" spans="1:5" x14ac:dyDescent="0.25">
      <c r="A7451" s="5">
        <v>43866.25</v>
      </c>
      <c r="B7451" s="2">
        <v>22.276136000000001</v>
      </c>
      <c r="C7451">
        <v>0</v>
      </c>
      <c r="D7451">
        <f t="shared" si="232"/>
        <v>0</v>
      </c>
      <c r="E7451" s="6">
        <f t="shared" si="233"/>
        <v>0</v>
      </c>
    </row>
    <row r="7452" spans="1:5" x14ac:dyDescent="0.25">
      <c r="A7452" s="5">
        <v>43866.291666666664</v>
      </c>
      <c r="B7452" s="2">
        <v>22.505925999999999</v>
      </c>
      <c r="C7452">
        <v>0</v>
      </c>
      <c r="D7452">
        <f t="shared" si="232"/>
        <v>0</v>
      </c>
      <c r="E7452" s="6">
        <f t="shared" si="233"/>
        <v>0</v>
      </c>
    </row>
    <row r="7453" spans="1:5" x14ac:dyDescent="0.25">
      <c r="A7453" s="5">
        <v>43866.333333333336</v>
      </c>
      <c r="B7453" s="2">
        <v>21.340413999999999</v>
      </c>
      <c r="C7453">
        <v>2.1600999999999999E-2</v>
      </c>
      <c r="D7453">
        <f t="shared" si="232"/>
        <v>2.1600999999999999E-5</v>
      </c>
      <c r="E7453" s="6">
        <f t="shared" si="233"/>
        <v>4.6097428281399993E-4</v>
      </c>
    </row>
    <row r="7454" spans="1:5" x14ac:dyDescent="0.25">
      <c r="A7454" s="5">
        <v>43866.375</v>
      </c>
      <c r="B7454" s="2">
        <v>22.186990999999999</v>
      </c>
      <c r="C7454">
        <v>0.15386900000000001</v>
      </c>
      <c r="D7454">
        <f t="shared" si="232"/>
        <v>1.53869E-4</v>
      </c>
      <c r="E7454" s="6">
        <f t="shared" si="233"/>
        <v>3.4138901181789997E-3</v>
      </c>
    </row>
    <row r="7455" spans="1:5" x14ac:dyDescent="0.25">
      <c r="A7455" s="5">
        <v>43866.416666666664</v>
      </c>
      <c r="B7455" s="2">
        <v>22.692191999999999</v>
      </c>
      <c r="C7455">
        <v>0.36786099999999999</v>
      </c>
      <c r="D7455">
        <f t="shared" si="232"/>
        <v>3.6786099999999998E-4</v>
      </c>
      <c r="E7455" s="6">
        <f t="shared" si="233"/>
        <v>8.3475724413119984E-3</v>
      </c>
    </row>
    <row r="7456" spans="1:5" x14ac:dyDescent="0.25">
      <c r="A7456" s="5">
        <v>43866.458333333336</v>
      </c>
      <c r="B7456" s="2">
        <v>22.321603</v>
      </c>
      <c r="C7456">
        <v>0.723746</v>
      </c>
      <c r="D7456">
        <f t="shared" si="232"/>
        <v>7.2374600000000005E-4</v>
      </c>
      <c r="E7456" s="6">
        <f t="shared" si="233"/>
        <v>1.6155170884838001E-2</v>
      </c>
    </row>
    <row r="7457" spans="1:5" x14ac:dyDescent="0.25">
      <c r="A7457" s="5">
        <v>43866.5</v>
      </c>
      <c r="B7457" s="2">
        <v>22.068943000000001</v>
      </c>
      <c r="C7457">
        <v>1.2561910000000001</v>
      </c>
      <c r="D7457">
        <f t="shared" si="232"/>
        <v>1.256191E-3</v>
      </c>
      <c r="E7457" s="6">
        <f t="shared" si="233"/>
        <v>2.7722807576113003E-2</v>
      </c>
    </row>
    <row r="7458" spans="1:5" x14ac:dyDescent="0.25">
      <c r="A7458" s="5">
        <v>43866.541666666664</v>
      </c>
      <c r="B7458" s="2">
        <v>21.534013999999999</v>
      </c>
      <c r="C7458">
        <v>0.79180600000000001</v>
      </c>
      <c r="D7458">
        <f t="shared" si="232"/>
        <v>7.9180600000000004E-4</v>
      </c>
      <c r="E7458" s="6">
        <f t="shared" si="233"/>
        <v>1.7050761489284E-2</v>
      </c>
    </row>
    <row r="7459" spans="1:5" x14ac:dyDescent="0.25">
      <c r="A7459" s="5">
        <v>43866.583333333336</v>
      </c>
      <c r="B7459" s="2">
        <v>20.799844</v>
      </c>
      <c r="C7459">
        <v>0.71865000000000001</v>
      </c>
      <c r="D7459">
        <f t="shared" si="232"/>
        <v>7.1865000000000004E-4</v>
      </c>
      <c r="E7459" s="6">
        <f t="shared" si="233"/>
        <v>1.49478078906E-2</v>
      </c>
    </row>
    <row r="7460" spans="1:5" x14ac:dyDescent="0.25">
      <c r="A7460" s="5">
        <v>43866.625</v>
      </c>
      <c r="B7460" s="2">
        <v>20.683537999999999</v>
      </c>
      <c r="C7460">
        <v>4.9522810000000002</v>
      </c>
      <c r="D7460">
        <f t="shared" si="232"/>
        <v>4.9522810000000002E-3</v>
      </c>
      <c r="E7460" s="6">
        <f t="shared" si="233"/>
        <v>0.10243069225017799</v>
      </c>
    </row>
    <row r="7461" spans="1:5" x14ac:dyDescent="0.25">
      <c r="A7461" s="5">
        <v>43866.666666666664</v>
      </c>
      <c r="B7461" s="2">
        <v>22.463687</v>
      </c>
      <c r="C7461">
        <v>2.9748640000000002</v>
      </c>
      <c r="D7461">
        <f t="shared" si="232"/>
        <v>2.9748640000000002E-3</v>
      </c>
      <c r="E7461" s="6">
        <f t="shared" si="233"/>
        <v>6.6826413763568002E-2</v>
      </c>
    </row>
    <row r="7462" spans="1:5" x14ac:dyDescent="0.25">
      <c r="A7462" s="5">
        <v>43866.708333333336</v>
      </c>
      <c r="B7462" s="2">
        <v>24.708548</v>
      </c>
      <c r="C7462">
        <v>0.82256200000000002</v>
      </c>
      <c r="D7462">
        <f t="shared" si="232"/>
        <v>8.2256199999999999E-4</v>
      </c>
      <c r="E7462" s="6">
        <f t="shared" si="233"/>
        <v>2.0324312659976002E-2</v>
      </c>
    </row>
    <row r="7463" spans="1:5" x14ac:dyDescent="0.25">
      <c r="A7463" s="5">
        <v>43866.75</v>
      </c>
      <c r="B7463" s="2">
        <v>27.034987000000001</v>
      </c>
      <c r="C7463">
        <v>0</v>
      </c>
      <c r="D7463">
        <f t="shared" si="232"/>
        <v>0</v>
      </c>
      <c r="E7463" s="6">
        <f t="shared" si="233"/>
        <v>0</v>
      </c>
    </row>
    <row r="7464" spans="1:5" x14ac:dyDescent="0.25">
      <c r="A7464" s="5">
        <v>43866.791666666664</v>
      </c>
      <c r="B7464" s="2">
        <v>22.948802000000001</v>
      </c>
      <c r="C7464">
        <v>0</v>
      </c>
      <c r="D7464">
        <f t="shared" si="232"/>
        <v>0</v>
      </c>
      <c r="E7464" s="6">
        <f t="shared" si="233"/>
        <v>0</v>
      </c>
    </row>
    <row r="7465" spans="1:5" x14ac:dyDescent="0.25">
      <c r="A7465" s="5">
        <v>43866.833333333336</v>
      </c>
      <c r="B7465" s="2">
        <v>22.870282</v>
      </c>
      <c r="C7465">
        <v>0</v>
      </c>
      <c r="D7465">
        <f t="shared" si="232"/>
        <v>0</v>
      </c>
      <c r="E7465" s="6">
        <f t="shared" si="233"/>
        <v>0</v>
      </c>
    </row>
    <row r="7466" spans="1:5" x14ac:dyDescent="0.25">
      <c r="A7466" s="5">
        <v>43866.875</v>
      </c>
      <c r="B7466" s="2">
        <v>20.624203999999999</v>
      </c>
      <c r="C7466">
        <v>0</v>
      </c>
      <c r="D7466">
        <f t="shared" si="232"/>
        <v>0</v>
      </c>
      <c r="E7466" s="6">
        <f t="shared" si="233"/>
        <v>0</v>
      </c>
    </row>
    <row r="7467" spans="1:5" x14ac:dyDescent="0.25">
      <c r="A7467" s="5">
        <v>43866.916666666664</v>
      </c>
      <c r="B7467" s="2">
        <v>19.519213000000001</v>
      </c>
      <c r="C7467">
        <v>0</v>
      </c>
      <c r="D7467">
        <f t="shared" si="232"/>
        <v>0</v>
      </c>
      <c r="E7467" s="6">
        <f t="shared" si="233"/>
        <v>0</v>
      </c>
    </row>
    <row r="7468" spans="1:5" x14ac:dyDescent="0.25">
      <c r="A7468" s="5">
        <v>43866.958333333336</v>
      </c>
      <c r="B7468" s="2">
        <v>17.590917000000001</v>
      </c>
      <c r="C7468">
        <v>0</v>
      </c>
      <c r="D7468">
        <f t="shared" si="232"/>
        <v>0</v>
      </c>
      <c r="E7468" s="6">
        <f t="shared" si="233"/>
        <v>0</v>
      </c>
    </row>
    <row r="7469" spans="1:5" x14ac:dyDescent="0.25">
      <c r="A7469" s="5">
        <v>43867</v>
      </c>
      <c r="B7469" s="2">
        <v>18.126365</v>
      </c>
      <c r="C7469">
        <v>0</v>
      </c>
      <c r="D7469">
        <f t="shared" si="232"/>
        <v>0</v>
      </c>
      <c r="E7469" s="6">
        <f t="shared" si="233"/>
        <v>0</v>
      </c>
    </row>
    <row r="7470" spans="1:5" x14ac:dyDescent="0.25">
      <c r="A7470" s="5">
        <v>43867.041666666664</v>
      </c>
      <c r="B7470" s="2">
        <v>17.924875</v>
      </c>
      <c r="C7470">
        <v>0</v>
      </c>
      <c r="D7470">
        <f t="shared" si="232"/>
        <v>0</v>
      </c>
      <c r="E7470" s="6">
        <f t="shared" si="233"/>
        <v>0</v>
      </c>
    </row>
    <row r="7471" spans="1:5" x14ac:dyDescent="0.25">
      <c r="A7471" s="5">
        <v>43867.083333333336</v>
      </c>
      <c r="B7471" s="2">
        <v>16.689163000000001</v>
      </c>
      <c r="C7471">
        <v>0</v>
      </c>
      <c r="D7471">
        <f t="shared" si="232"/>
        <v>0</v>
      </c>
      <c r="E7471" s="6">
        <f t="shared" si="233"/>
        <v>0</v>
      </c>
    </row>
    <row r="7472" spans="1:5" x14ac:dyDescent="0.25">
      <c r="A7472" s="5">
        <v>43867.125</v>
      </c>
      <c r="B7472" s="2">
        <v>16.605501</v>
      </c>
      <c r="C7472">
        <v>0</v>
      </c>
      <c r="D7472">
        <f t="shared" si="232"/>
        <v>0</v>
      </c>
      <c r="E7472" s="6">
        <f t="shared" si="233"/>
        <v>0</v>
      </c>
    </row>
    <row r="7473" spans="1:5" x14ac:dyDescent="0.25">
      <c r="A7473" s="5">
        <v>43867.166666666664</v>
      </c>
      <c r="B7473" s="2">
        <v>16.898589000000001</v>
      </c>
      <c r="C7473">
        <v>0</v>
      </c>
      <c r="D7473">
        <f t="shared" si="232"/>
        <v>0</v>
      </c>
      <c r="E7473" s="6">
        <f t="shared" si="233"/>
        <v>0</v>
      </c>
    </row>
    <row r="7474" spans="1:5" x14ac:dyDescent="0.25">
      <c r="A7474" s="5">
        <v>43867.208333333336</v>
      </c>
      <c r="B7474" s="2">
        <v>19.250032000000001</v>
      </c>
      <c r="C7474">
        <v>0</v>
      </c>
      <c r="D7474">
        <f t="shared" si="232"/>
        <v>0</v>
      </c>
      <c r="E7474" s="6">
        <f t="shared" si="233"/>
        <v>0</v>
      </c>
    </row>
    <row r="7475" spans="1:5" x14ac:dyDescent="0.25">
      <c r="A7475" s="5">
        <v>43867.25</v>
      </c>
      <c r="B7475" s="2">
        <v>25.842244999999998</v>
      </c>
      <c r="C7475">
        <v>0</v>
      </c>
      <c r="D7475">
        <f t="shared" si="232"/>
        <v>0</v>
      </c>
      <c r="E7475" s="6">
        <f t="shared" si="233"/>
        <v>0</v>
      </c>
    </row>
    <row r="7476" spans="1:5" x14ac:dyDescent="0.25">
      <c r="A7476" s="5">
        <v>43867.291666666664</v>
      </c>
      <c r="B7476" s="2">
        <v>25.802302999999998</v>
      </c>
      <c r="C7476">
        <v>0</v>
      </c>
      <c r="D7476">
        <f t="shared" si="232"/>
        <v>0</v>
      </c>
      <c r="E7476" s="6">
        <f t="shared" si="233"/>
        <v>0</v>
      </c>
    </row>
    <row r="7477" spans="1:5" x14ac:dyDescent="0.25">
      <c r="A7477" s="5">
        <v>43867.333333333336</v>
      </c>
      <c r="B7477" s="2">
        <v>24.939122999999999</v>
      </c>
      <c r="C7477">
        <v>1.8387929999999999</v>
      </c>
      <c r="D7477">
        <f t="shared" si="232"/>
        <v>1.8387929999999998E-3</v>
      </c>
      <c r="E7477" s="6">
        <f t="shared" si="233"/>
        <v>4.5857884798538993E-2</v>
      </c>
    </row>
    <row r="7478" spans="1:5" x14ac:dyDescent="0.25">
      <c r="A7478" s="5">
        <v>43867.375</v>
      </c>
      <c r="B7478" s="2">
        <v>24.977295999999999</v>
      </c>
      <c r="C7478">
        <v>3.9654409999999998</v>
      </c>
      <c r="D7478">
        <f t="shared" si="232"/>
        <v>3.9654410000000001E-3</v>
      </c>
      <c r="E7478" s="6">
        <f t="shared" si="233"/>
        <v>9.9045993627535994E-2</v>
      </c>
    </row>
    <row r="7479" spans="1:5" x14ac:dyDescent="0.25">
      <c r="A7479" s="5">
        <v>43867.416666666664</v>
      </c>
      <c r="B7479" s="2">
        <v>25.784025</v>
      </c>
      <c r="C7479">
        <v>0.83593300000000004</v>
      </c>
      <c r="D7479">
        <f t="shared" si="232"/>
        <v>8.3593300000000008E-4</v>
      </c>
      <c r="E7479" s="6">
        <f t="shared" si="233"/>
        <v>2.1553717370325003E-2</v>
      </c>
    </row>
    <row r="7480" spans="1:5" x14ac:dyDescent="0.25">
      <c r="A7480" s="5">
        <v>43867.458333333336</v>
      </c>
      <c r="B7480" s="2">
        <v>25.231888999999999</v>
      </c>
      <c r="C7480">
        <v>0.88275999999999999</v>
      </c>
      <c r="D7480">
        <f t="shared" si="232"/>
        <v>8.8276000000000001E-4</v>
      </c>
      <c r="E7480" s="6">
        <f t="shared" si="233"/>
        <v>2.227370233364E-2</v>
      </c>
    </row>
    <row r="7481" spans="1:5" x14ac:dyDescent="0.25">
      <c r="A7481" s="5">
        <v>43867.5</v>
      </c>
      <c r="B7481" s="2">
        <v>23.084773999999999</v>
      </c>
      <c r="C7481">
        <v>1.298349</v>
      </c>
      <c r="D7481">
        <f t="shared" si="232"/>
        <v>1.2983490000000001E-3</v>
      </c>
      <c r="E7481" s="6">
        <f t="shared" si="233"/>
        <v>2.9972093238126E-2</v>
      </c>
    </row>
    <row r="7482" spans="1:5" x14ac:dyDescent="0.25">
      <c r="A7482" s="5">
        <v>43867.541666666664</v>
      </c>
      <c r="B7482" s="2">
        <v>22.678497</v>
      </c>
      <c r="C7482">
        <v>1.7142500000000001</v>
      </c>
      <c r="D7482">
        <f t="shared" si="232"/>
        <v>1.7142500000000001E-3</v>
      </c>
      <c r="E7482" s="6">
        <f t="shared" si="233"/>
        <v>3.8876613482250001E-2</v>
      </c>
    </row>
    <row r="7483" spans="1:5" x14ac:dyDescent="0.25">
      <c r="A7483" s="5">
        <v>43867.583333333336</v>
      </c>
      <c r="B7483" s="2">
        <v>21.253212000000001</v>
      </c>
      <c r="C7483">
        <v>1.0880129999999999</v>
      </c>
      <c r="D7483">
        <f t="shared" si="232"/>
        <v>1.0880129999999999E-3</v>
      </c>
      <c r="E7483" s="6">
        <f t="shared" si="233"/>
        <v>2.3123770947755997E-2</v>
      </c>
    </row>
    <row r="7484" spans="1:5" x14ac:dyDescent="0.25">
      <c r="A7484" s="5">
        <v>43867.625</v>
      </c>
      <c r="B7484" s="2">
        <v>20.751196</v>
      </c>
      <c r="C7484">
        <v>0.54249000000000003</v>
      </c>
      <c r="D7484">
        <f t="shared" si="232"/>
        <v>5.4249000000000007E-4</v>
      </c>
      <c r="E7484" s="6">
        <f t="shared" si="233"/>
        <v>1.1257316318040002E-2</v>
      </c>
    </row>
    <row r="7485" spans="1:5" x14ac:dyDescent="0.25">
      <c r="A7485" s="5">
        <v>43867.666666666664</v>
      </c>
      <c r="B7485" s="2">
        <v>21.779395999999998</v>
      </c>
      <c r="C7485">
        <v>2.7975379999999999</v>
      </c>
      <c r="D7485">
        <f t="shared" si="232"/>
        <v>2.797538E-3</v>
      </c>
      <c r="E7485" s="6">
        <f t="shared" si="233"/>
        <v>6.0928687927047996E-2</v>
      </c>
    </row>
    <row r="7486" spans="1:5" x14ac:dyDescent="0.25">
      <c r="A7486" s="5">
        <v>43867.708333333336</v>
      </c>
      <c r="B7486" s="2">
        <v>26.189681</v>
      </c>
      <c r="C7486">
        <v>0.71569300000000002</v>
      </c>
      <c r="D7486">
        <f t="shared" si="232"/>
        <v>7.1569299999999999E-4</v>
      </c>
      <c r="E7486" s="6">
        <f t="shared" si="233"/>
        <v>1.8743771363933001E-2</v>
      </c>
    </row>
    <row r="7487" spans="1:5" x14ac:dyDescent="0.25">
      <c r="A7487" s="5">
        <v>43867.75</v>
      </c>
      <c r="B7487" s="2">
        <v>26.217101</v>
      </c>
      <c r="C7487">
        <v>0</v>
      </c>
      <c r="D7487">
        <f t="shared" si="232"/>
        <v>0</v>
      </c>
      <c r="E7487" s="6">
        <f t="shared" si="233"/>
        <v>0</v>
      </c>
    </row>
    <row r="7488" spans="1:5" x14ac:dyDescent="0.25">
      <c r="A7488" s="5">
        <v>43867.791666666664</v>
      </c>
      <c r="B7488" s="2">
        <v>26.085049999999999</v>
      </c>
      <c r="C7488">
        <v>0</v>
      </c>
      <c r="D7488">
        <f t="shared" si="232"/>
        <v>0</v>
      </c>
      <c r="E7488" s="6">
        <f t="shared" si="233"/>
        <v>0</v>
      </c>
    </row>
    <row r="7489" spans="1:5" x14ac:dyDescent="0.25">
      <c r="A7489" s="5">
        <v>43867.833333333336</v>
      </c>
      <c r="B7489" s="2">
        <v>23.800898</v>
      </c>
      <c r="C7489">
        <v>0</v>
      </c>
      <c r="D7489">
        <f t="shared" si="232"/>
        <v>0</v>
      </c>
      <c r="E7489" s="6">
        <f t="shared" si="233"/>
        <v>0</v>
      </c>
    </row>
    <row r="7490" spans="1:5" x14ac:dyDescent="0.25">
      <c r="A7490" s="5">
        <v>43867.875</v>
      </c>
      <c r="B7490" s="2">
        <v>21.423625000000001</v>
      </c>
      <c r="C7490">
        <v>0</v>
      </c>
      <c r="D7490">
        <f t="shared" si="232"/>
        <v>0</v>
      </c>
      <c r="E7490" s="6">
        <f t="shared" si="233"/>
        <v>0</v>
      </c>
    </row>
    <row r="7491" spans="1:5" x14ac:dyDescent="0.25">
      <c r="A7491" s="5">
        <v>43867.916666666664</v>
      </c>
      <c r="B7491" s="2">
        <v>19.976158999999999</v>
      </c>
      <c r="C7491">
        <v>0</v>
      </c>
      <c r="D7491">
        <f t="shared" si="232"/>
        <v>0</v>
      </c>
      <c r="E7491" s="6">
        <f t="shared" si="233"/>
        <v>0</v>
      </c>
    </row>
    <row r="7492" spans="1:5" x14ac:dyDescent="0.25">
      <c r="A7492" s="5">
        <v>43867.958333333336</v>
      </c>
      <c r="B7492" s="2">
        <v>18.492006</v>
      </c>
      <c r="C7492">
        <v>0</v>
      </c>
      <c r="D7492">
        <f t="shared" si="232"/>
        <v>0</v>
      </c>
      <c r="E7492" s="6">
        <f t="shared" si="233"/>
        <v>0</v>
      </c>
    </row>
    <row r="7493" spans="1:5" x14ac:dyDescent="0.25">
      <c r="A7493" s="5">
        <v>43868</v>
      </c>
      <c r="B7493" s="2">
        <v>18.272212</v>
      </c>
      <c r="C7493">
        <v>0</v>
      </c>
      <c r="D7493">
        <f t="shared" si="232"/>
        <v>0</v>
      </c>
      <c r="E7493" s="6">
        <f t="shared" si="233"/>
        <v>0</v>
      </c>
    </row>
    <row r="7494" spans="1:5" x14ac:dyDescent="0.25">
      <c r="A7494" s="5">
        <v>43868.041666666664</v>
      </c>
      <c r="B7494" s="2">
        <v>18.254729999999999</v>
      </c>
      <c r="C7494">
        <v>0</v>
      </c>
      <c r="D7494">
        <f t="shared" ref="D7494:D7557" si="234">C7494/1000</f>
        <v>0</v>
      </c>
      <c r="E7494" s="6">
        <f t="shared" ref="E7494:E7557" si="235">D7494*B7494</f>
        <v>0</v>
      </c>
    </row>
    <row r="7495" spans="1:5" x14ac:dyDescent="0.25">
      <c r="A7495" s="5">
        <v>43868.083333333336</v>
      </c>
      <c r="B7495" s="2">
        <v>17.966235999999999</v>
      </c>
      <c r="C7495">
        <v>0</v>
      </c>
      <c r="D7495">
        <f t="shared" si="234"/>
        <v>0</v>
      </c>
      <c r="E7495" s="6">
        <f t="shared" si="235"/>
        <v>0</v>
      </c>
    </row>
    <row r="7496" spans="1:5" x14ac:dyDescent="0.25">
      <c r="A7496" s="5">
        <v>43868.125</v>
      </c>
      <c r="B7496" s="2">
        <v>17.994156</v>
      </c>
      <c r="C7496">
        <v>0</v>
      </c>
      <c r="D7496">
        <f t="shared" si="234"/>
        <v>0</v>
      </c>
      <c r="E7496" s="6">
        <f t="shared" si="235"/>
        <v>0</v>
      </c>
    </row>
    <row r="7497" spans="1:5" x14ac:dyDescent="0.25">
      <c r="A7497" s="5">
        <v>43868.166666666664</v>
      </c>
      <c r="B7497" s="2">
        <v>18.035869000000002</v>
      </c>
      <c r="C7497">
        <v>0</v>
      </c>
      <c r="D7497">
        <f t="shared" si="234"/>
        <v>0</v>
      </c>
      <c r="E7497" s="6">
        <f t="shared" si="235"/>
        <v>0</v>
      </c>
    </row>
    <row r="7498" spans="1:5" x14ac:dyDescent="0.25">
      <c r="A7498" s="5">
        <v>43868.208333333336</v>
      </c>
      <c r="B7498" s="2">
        <v>19.505782</v>
      </c>
      <c r="C7498">
        <v>0</v>
      </c>
      <c r="D7498">
        <f t="shared" si="234"/>
        <v>0</v>
      </c>
      <c r="E7498" s="6">
        <f t="shared" si="235"/>
        <v>0</v>
      </c>
    </row>
    <row r="7499" spans="1:5" x14ac:dyDescent="0.25">
      <c r="A7499" s="5">
        <v>43868.25</v>
      </c>
      <c r="B7499" s="2">
        <v>27.388874000000001</v>
      </c>
      <c r="C7499">
        <v>0</v>
      </c>
      <c r="D7499">
        <f t="shared" si="234"/>
        <v>0</v>
      </c>
      <c r="E7499" s="6">
        <f t="shared" si="235"/>
        <v>0</v>
      </c>
    </row>
    <row r="7500" spans="1:5" x14ac:dyDescent="0.25">
      <c r="A7500" s="5">
        <v>43868.291666666664</v>
      </c>
      <c r="B7500" s="2">
        <v>27.683046000000001</v>
      </c>
      <c r="C7500">
        <v>0</v>
      </c>
      <c r="D7500">
        <f t="shared" si="234"/>
        <v>0</v>
      </c>
      <c r="E7500" s="6">
        <f t="shared" si="235"/>
        <v>0</v>
      </c>
    </row>
    <row r="7501" spans="1:5" x14ac:dyDescent="0.25">
      <c r="A7501" s="5">
        <v>43868.333333333336</v>
      </c>
      <c r="B7501" s="2">
        <v>25.881028000000001</v>
      </c>
      <c r="C7501">
        <v>0.52989900000000001</v>
      </c>
      <c r="D7501">
        <f t="shared" si="234"/>
        <v>5.2989900000000002E-4</v>
      </c>
      <c r="E7501" s="6">
        <f t="shared" si="235"/>
        <v>1.3714330856172E-2</v>
      </c>
    </row>
    <row r="7502" spans="1:5" x14ac:dyDescent="0.25">
      <c r="A7502" s="5">
        <v>43868.375</v>
      </c>
      <c r="B7502" s="2">
        <v>25.686067000000001</v>
      </c>
      <c r="C7502">
        <v>1.6918740000000001</v>
      </c>
      <c r="D7502">
        <f t="shared" si="234"/>
        <v>1.6918740000000001E-3</v>
      </c>
      <c r="E7502" s="6">
        <f t="shared" si="235"/>
        <v>4.3457588919558005E-2</v>
      </c>
    </row>
    <row r="7503" spans="1:5" x14ac:dyDescent="0.25">
      <c r="A7503" s="5">
        <v>43868.416666666664</v>
      </c>
      <c r="B7503" s="2">
        <v>26.351538000000001</v>
      </c>
      <c r="C7503">
        <v>3.2904720000000003</v>
      </c>
      <c r="D7503">
        <f t="shared" si="234"/>
        <v>3.2904720000000004E-3</v>
      </c>
      <c r="E7503" s="6">
        <f t="shared" si="235"/>
        <v>8.670899794593602E-2</v>
      </c>
    </row>
    <row r="7504" spans="1:5" x14ac:dyDescent="0.25">
      <c r="A7504" s="5">
        <v>43868.458333333336</v>
      </c>
      <c r="B7504" s="2">
        <v>24.860412</v>
      </c>
      <c r="C7504">
        <v>6.8780539999999997</v>
      </c>
      <c r="D7504">
        <f t="shared" si="234"/>
        <v>6.8780539999999998E-3</v>
      </c>
      <c r="E7504" s="6">
        <f t="shared" si="235"/>
        <v>0.17099125619824798</v>
      </c>
    </row>
    <row r="7505" spans="1:5" x14ac:dyDescent="0.25">
      <c r="A7505" s="5">
        <v>43868.5</v>
      </c>
      <c r="B7505" s="2">
        <v>24.020378999999998</v>
      </c>
      <c r="C7505">
        <v>7.1901830000000002</v>
      </c>
      <c r="D7505">
        <f t="shared" si="234"/>
        <v>7.1901830000000002E-3</v>
      </c>
      <c r="E7505" s="6">
        <f t="shared" si="235"/>
        <v>0.17271092073935698</v>
      </c>
    </row>
    <row r="7506" spans="1:5" x14ac:dyDescent="0.25">
      <c r="A7506" s="5">
        <v>43868.541666666664</v>
      </c>
      <c r="B7506" s="2">
        <v>23.304001</v>
      </c>
      <c r="C7506">
        <v>7.0157319999999999</v>
      </c>
      <c r="D7506">
        <f t="shared" si="234"/>
        <v>7.0157320000000002E-3</v>
      </c>
      <c r="E7506" s="6">
        <f t="shared" si="235"/>
        <v>0.16349462554373201</v>
      </c>
    </row>
    <row r="7507" spans="1:5" x14ac:dyDescent="0.25">
      <c r="A7507" s="5">
        <v>43868.583333333336</v>
      </c>
      <c r="B7507" s="2">
        <v>22.425630000000002</v>
      </c>
      <c r="C7507">
        <v>6.3298699999999997</v>
      </c>
      <c r="D7507">
        <f t="shared" si="234"/>
        <v>6.3298699999999996E-3</v>
      </c>
      <c r="E7507" s="6">
        <f t="shared" si="235"/>
        <v>0.1419513225681</v>
      </c>
    </row>
    <row r="7508" spans="1:5" x14ac:dyDescent="0.25">
      <c r="A7508" s="5">
        <v>43868.625</v>
      </c>
      <c r="B7508" s="2">
        <v>22.054167</v>
      </c>
      <c r="C7508">
        <v>5.0877169999999996</v>
      </c>
      <c r="D7508">
        <f t="shared" si="234"/>
        <v>5.0877169999999994E-3</v>
      </c>
      <c r="E7508" s="6">
        <f t="shared" si="235"/>
        <v>0.11220536036673899</v>
      </c>
    </row>
    <row r="7509" spans="1:5" x14ac:dyDescent="0.25">
      <c r="A7509" s="5">
        <v>43868.666666666664</v>
      </c>
      <c r="B7509" s="2">
        <v>23.369496000000002</v>
      </c>
      <c r="C7509">
        <v>3.2068209999999997</v>
      </c>
      <c r="D7509">
        <f t="shared" si="234"/>
        <v>3.2068209999999999E-3</v>
      </c>
      <c r="E7509" s="6">
        <f t="shared" si="235"/>
        <v>7.4941790532216002E-2</v>
      </c>
    </row>
    <row r="7510" spans="1:5" x14ac:dyDescent="0.25">
      <c r="A7510" s="5">
        <v>43868.708333333336</v>
      </c>
      <c r="B7510" s="2">
        <v>26.344260999999999</v>
      </c>
      <c r="C7510">
        <v>0.97382899999999994</v>
      </c>
      <c r="D7510">
        <f t="shared" si="234"/>
        <v>9.7382899999999995E-4</v>
      </c>
      <c r="E7510" s="6">
        <f t="shared" si="235"/>
        <v>2.5654805345368997E-2</v>
      </c>
    </row>
    <row r="7511" spans="1:5" x14ac:dyDescent="0.25">
      <c r="A7511" s="5">
        <v>43868.75</v>
      </c>
      <c r="B7511" s="2">
        <v>31.138839999999998</v>
      </c>
      <c r="C7511">
        <v>0</v>
      </c>
      <c r="D7511">
        <f t="shared" si="234"/>
        <v>0</v>
      </c>
      <c r="E7511" s="6">
        <f t="shared" si="235"/>
        <v>0</v>
      </c>
    </row>
    <row r="7512" spans="1:5" x14ac:dyDescent="0.25">
      <c r="A7512" s="5">
        <v>43868.791666666664</v>
      </c>
      <c r="B7512" s="2">
        <v>26.750594</v>
      </c>
      <c r="C7512">
        <v>0</v>
      </c>
      <c r="D7512">
        <f t="shared" si="234"/>
        <v>0</v>
      </c>
      <c r="E7512" s="6">
        <f t="shared" si="235"/>
        <v>0</v>
      </c>
    </row>
    <row r="7513" spans="1:5" x14ac:dyDescent="0.25">
      <c r="A7513" s="5">
        <v>43868.833333333336</v>
      </c>
      <c r="B7513" s="2">
        <v>25.552022999999998</v>
      </c>
      <c r="C7513">
        <v>0</v>
      </c>
      <c r="D7513">
        <f t="shared" si="234"/>
        <v>0</v>
      </c>
      <c r="E7513" s="6">
        <f t="shared" si="235"/>
        <v>0</v>
      </c>
    </row>
    <row r="7514" spans="1:5" x14ac:dyDescent="0.25">
      <c r="A7514" s="5">
        <v>43868.875</v>
      </c>
      <c r="B7514" s="2">
        <v>24.257660000000001</v>
      </c>
      <c r="C7514">
        <v>0</v>
      </c>
      <c r="D7514">
        <f t="shared" si="234"/>
        <v>0</v>
      </c>
      <c r="E7514" s="6">
        <f t="shared" si="235"/>
        <v>0</v>
      </c>
    </row>
    <row r="7515" spans="1:5" x14ac:dyDescent="0.25">
      <c r="A7515" s="5">
        <v>43868.916666666664</v>
      </c>
      <c r="B7515" s="2">
        <v>22.463562</v>
      </c>
      <c r="C7515">
        <v>0</v>
      </c>
      <c r="D7515">
        <f t="shared" si="234"/>
        <v>0</v>
      </c>
      <c r="E7515" s="6">
        <f t="shared" si="235"/>
        <v>0</v>
      </c>
    </row>
    <row r="7516" spans="1:5" x14ac:dyDescent="0.25">
      <c r="A7516" s="5">
        <v>43868.958333333336</v>
      </c>
      <c r="B7516" s="2">
        <v>20.712800000000001</v>
      </c>
      <c r="C7516">
        <v>0</v>
      </c>
      <c r="D7516">
        <f t="shared" si="234"/>
        <v>0</v>
      </c>
      <c r="E7516" s="6">
        <f t="shared" si="235"/>
        <v>0</v>
      </c>
    </row>
    <row r="7517" spans="1:5" x14ac:dyDescent="0.25">
      <c r="A7517" s="5">
        <v>43869</v>
      </c>
      <c r="B7517" s="2">
        <v>20.432348999999999</v>
      </c>
      <c r="C7517">
        <v>0</v>
      </c>
      <c r="D7517">
        <f t="shared" si="234"/>
        <v>0</v>
      </c>
      <c r="E7517" s="6">
        <f t="shared" si="235"/>
        <v>0</v>
      </c>
    </row>
    <row r="7518" spans="1:5" x14ac:dyDescent="0.25">
      <c r="A7518" s="5">
        <v>43869.041666666664</v>
      </c>
      <c r="B7518" s="2">
        <v>20.332668000000002</v>
      </c>
      <c r="C7518">
        <v>0</v>
      </c>
      <c r="D7518">
        <f t="shared" si="234"/>
        <v>0</v>
      </c>
      <c r="E7518" s="6">
        <f t="shared" si="235"/>
        <v>0</v>
      </c>
    </row>
    <row r="7519" spans="1:5" x14ac:dyDescent="0.25">
      <c r="A7519" s="5">
        <v>43869.083333333336</v>
      </c>
      <c r="B7519" s="2">
        <v>20.402913999999999</v>
      </c>
      <c r="C7519">
        <v>0</v>
      </c>
      <c r="D7519">
        <f t="shared" si="234"/>
        <v>0</v>
      </c>
      <c r="E7519" s="6">
        <f t="shared" si="235"/>
        <v>0</v>
      </c>
    </row>
    <row r="7520" spans="1:5" x14ac:dyDescent="0.25">
      <c r="A7520" s="5">
        <v>43869.125</v>
      </c>
      <c r="B7520" s="2">
        <v>20.340921999999999</v>
      </c>
      <c r="C7520">
        <v>0</v>
      </c>
      <c r="D7520">
        <f t="shared" si="234"/>
        <v>0</v>
      </c>
      <c r="E7520" s="6">
        <f t="shared" si="235"/>
        <v>0</v>
      </c>
    </row>
    <row r="7521" spans="1:5" x14ac:dyDescent="0.25">
      <c r="A7521" s="5">
        <v>43869.166666666664</v>
      </c>
      <c r="B7521" s="2">
        <v>20.618901000000001</v>
      </c>
      <c r="C7521">
        <v>0</v>
      </c>
      <c r="D7521">
        <f t="shared" si="234"/>
        <v>0</v>
      </c>
      <c r="E7521" s="6">
        <f t="shared" si="235"/>
        <v>0</v>
      </c>
    </row>
    <row r="7522" spans="1:5" x14ac:dyDescent="0.25">
      <c r="A7522" s="5">
        <v>43869.208333333336</v>
      </c>
      <c r="B7522" s="2">
        <v>21.450115</v>
      </c>
      <c r="C7522">
        <v>0</v>
      </c>
      <c r="D7522">
        <f t="shared" si="234"/>
        <v>0</v>
      </c>
      <c r="E7522" s="6">
        <f t="shared" si="235"/>
        <v>0</v>
      </c>
    </row>
    <row r="7523" spans="1:5" x14ac:dyDescent="0.25">
      <c r="A7523" s="5">
        <v>43869.25</v>
      </c>
      <c r="B7523" s="2">
        <v>24.788284000000001</v>
      </c>
      <c r="C7523">
        <v>0</v>
      </c>
      <c r="D7523">
        <f t="shared" si="234"/>
        <v>0</v>
      </c>
      <c r="E7523" s="6">
        <f t="shared" si="235"/>
        <v>0</v>
      </c>
    </row>
    <row r="7524" spans="1:5" x14ac:dyDescent="0.25">
      <c r="A7524" s="5">
        <v>43869.291666666664</v>
      </c>
      <c r="B7524" s="2">
        <v>27.074368</v>
      </c>
      <c r="C7524">
        <v>0</v>
      </c>
      <c r="D7524">
        <f t="shared" si="234"/>
        <v>0</v>
      </c>
      <c r="E7524" s="6">
        <f t="shared" si="235"/>
        <v>0</v>
      </c>
    </row>
    <row r="7525" spans="1:5" x14ac:dyDescent="0.25">
      <c r="A7525" s="5">
        <v>43869.333333333336</v>
      </c>
      <c r="B7525" s="2">
        <v>27.153307000000002</v>
      </c>
      <c r="C7525">
        <v>0</v>
      </c>
      <c r="D7525">
        <f t="shared" si="234"/>
        <v>0</v>
      </c>
      <c r="E7525" s="6">
        <f t="shared" si="235"/>
        <v>0</v>
      </c>
    </row>
    <row r="7526" spans="1:5" x14ac:dyDescent="0.25">
      <c r="A7526" s="5">
        <v>43869.375</v>
      </c>
      <c r="B7526" s="2">
        <v>27.265623999999999</v>
      </c>
      <c r="C7526">
        <v>0.85545000000000004</v>
      </c>
      <c r="D7526">
        <f t="shared" si="234"/>
        <v>8.5545E-4</v>
      </c>
      <c r="E7526" s="6">
        <f t="shared" si="235"/>
        <v>2.3324378050799999E-2</v>
      </c>
    </row>
    <row r="7527" spans="1:5" x14ac:dyDescent="0.25">
      <c r="A7527" s="5">
        <v>43869.416666666664</v>
      </c>
      <c r="B7527" s="2">
        <v>25.158035999999999</v>
      </c>
      <c r="C7527">
        <v>1.743808</v>
      </c>
      <c r="D7527">
        <f t="shared" si="234"/>
        <v>1.7438080000000001E-3</v>
      </c>
      <c r="E7527" s="6">
        <f t="shared" si="235"/>
        <v>4.3870784441088002E-2</v>
      </c>
    </row>
    <row r="7528" spans="1:5" x14ac:dyDescent="0.25">
      <c r="A7528" s="5">
        <v>43869.458333333336</v>
      </c>
      <c r="B7528" s="2">
        <v>23.651669999999999</v>
      </c>
      <c r="C7528">
        <v>1.419136</v>
      </c>
      <c r="D7528">
        <f t="shared" si="234"/>
        <v>1.4191359999999999E-3</v>
      </c>
      <c r="E7528" s="6">
        <f t="shared" si="235"/>
        <v>3.3564936357119997E-2</v>
      </c>
    </row>
    <row r="7529" spans="1:5" x14ac:dyDescent="0.25">
      <c r="A7529" s="5">
        <v>43869.5</v>
      </c>
      <c r="B7529" s="2">
        <v>21.534593999999998</v>
      </c>
      <c r="C7529">
        <v>1.105844</v>
      </c>
      <c r="D7529">
        <f t="shared" si="234"/>
        <v>1.1058440000000001E-3</v>
      </c>
      <c r="E7529" s="6">
        <f t="shared" si="235"/>
        <v>2.3813901567336003E-2</v>
      </c>
    </row>
    <row r="7530" spans="1:5" x14ac:dyDescent="0.25">
      <c r="A7530" s="5">
        <v>43869.541666666664</v>
      </c>
      <c r="B7530" s="2">
        <v>21.033767000000001</v>
      </c>
      <c r="C7530">
        <v>0.68854300000000002</v>
      </c>
      <c r="D7530">
        <f t="shared" si="234"/>
        <v>6.8854300000000001E-4</v>
      </c>
      <c r="E7530" s="6">
        <f t="shared" si="235"/>
        <v>1.4482653031481002E-2</v>
      </c>
    </row>
    <row r="7531" spans="1:5" x14ac:dyDescent="0.25">
      <c r="A7531" s="5">
        <v>43869.583333333336</v>
      </c>
      <c r="B7531" s="2">
        <v>20.95093</v>
      </c>
      <c r="C7531">
        <v>0.58326300000000009</v>
      </c>
      <c r="D7531">
        <f t="shared" si="234"/>
        <v>5.832630000000001E-4</v>
      </c>
      <c r="E7531" s="6">
        <f t="shared" si="235"/>
        <v>1.2219902284590002E-2</v>
      </c>
    </row>
    <row r="7532" spans="1:5" x14ac:dyDescent="0.25">
      <c r="A7532" s="5">
        <v>43869.625</v>
      </c>
      <c r="B7532" s="2">
        <v>20.706733</v>
      </c>
      <c r="C7532">
        <v>0.4375</v>
      </c>
      <c r="D7532">
        <f t="shared" si="234"/>
        <v>4.3750000000000001E-4</v>
      </c>
      <c r="E7532" s="6">
        <f t="shared" si="235"/>
        <v>9.0591956875000004E-3</v>
      </c>
    </row>
    <row r="7533" spans="1:5" x14ac:dyDescent="0.25">
      <c r="A7533" s="5">
        <v>43869.666666666664</v>
      </c>
      <c r="B7533" s="2">
        <v>20.556138000000001</v>
      </c>
      <c r="C7533">
        <v>7.0163000000000003E-2</v>
      </c>
      <c r="D7533">
        <f t="shared" si="234"/>
        <v>7.0162999999999999E-5</v>
      </c>
      <c r="E7533" s="6">
        <f t="shared" si="235"/>
        <v>1.4422803104940001E-3</v>
      </c>
    </row>
    <row r="7534" spans="1:5" x14ac:dyDescent="0.25">
      <c r="A7534" s="5">
        <v>43869.708333333336</v>
      </c>
      <c r="B7534" s="2">
        <v>24.653113999999999</v>
      </c>
      <c r="C7534">
        <v>0</v>
      </c>
      <c r="D7534">
        <f t="shared" si="234"/>
        <v>0</v>
      </c>
      <c r="E7534" s="6">
        <f t="shared" si="235"/>
        <v>0</v>
      </c>
    </row>
    <row r="7535" spans="1:5" x14ac:dyDescent="0.25">
      <c r="A7535" s="5">
        <v>43869.75</v>
      </c>
      <c r="B7535" s="2">
        <v>26.374811000000001</v>
      </c>
      <c r="C7535">
        <v>0</v>
      </c>
      <c r="D7535">
        <f t="shared" si="234"/>
        <v>0</v>
      </c>
      <c r="E7535" s="6">
        <f t="shared" si="235"/>
        <v>0</v>
      </c>
    </row>
    <row r="7536" spans="1:5" x14ac:dyDescent="0.25">
      <c r="A7536" s="5">
        <v>43869.791666666664</v>
      </c>
      <c r="B7536" s="2">
        <v>24.316078000000001</v>
      </c>
      <c r="C7536">
        <v>0</v>
      </c>
      <c r="D7536">
        <f t="shared" si="234"/>
        <v>0</v>
      </c>
      <c r="E7536" s="6">
        <f t="shared" si="235"/>
        <v>0</v>
      </c>
    </row>
    <row r="7537" spans="1:5" x14ac:dyDescent="0.25">
      <c r="A7537" s="5">
        <v>43869.833333333336</v>
      </c>
      <c r="B7537" s="2">
        <v>23.478294000000002</v>
      </c>
      <c r="C7537">
        <v>0</v>
      </c>
      <c r="D7537">
        <f t="shared" si="234"/>
        <v>0</v>
      </c>
      <c r="E7537" s="6">
        <f t="shared" si="235"/>
        <v>0</v>
      </c>
    </row>
    <row r="7538" spans="1:5" x14ac:dyDescent="0.25">
      <c r="A7538" s="5">
        <v>43869.875</v>
      </c>
      <c r="B7538" s="2">
        <v>21.862597000000001</v>
      </c>
      <c r="C7538">
        <v>0</v>
      </c>
      <c r="D7538">
        <f t="shared" si="234"/>
        <v>0</v>
      </c>
      <c r="E7538" s="6">
        <f t="shared" si="235"/>
        <v>0</v>
      </c>
    </row>
    <row r="7539" spans="1:5" x14ac:dyDescent="0.25">
      <c r="A7539" s="5">
        <v>43869.916666666664</v>
      </c>
      <c r="B7539" s="2">
        <v>20.299980000000001</v>
      </c>
      <c r="C7539">
        <v>0</v>
      </c>
      <c r="D7539">
        <f t="shared" si="234"/>
        <v>0</v>
      </c>
      <c r="E7539" s="6">
        <f t="shared" si="235"/>
        <v>0</v>
      </c>
    </row>
    <row r="7540" spans="1:5" x14ac:dyDescent="0.25">
      <c r="A7540" s="5">
        <v>43869.958333333336</v>
      </c>
      <c r="B7540" s="2">
        <v>19.851887000000001</v>
      </c>
      <c r="C7540">
        <v>0</v>
      </c>
      <c r="D7540">
        <f t="shared" si="234"/>
        <v>0</v>
      </c>
      <c r="E7540" s="6">
        <f t="shared" si="235"/>
        <v>0</v>
      </c>
    </row>
    <row r="7541" spans="1:5" x14ac:dyDescent="0.25">
      <c r="A7541" s="5">
        <v>43870</v>
      </c>
      <c r="B7541" s="2">
        <v>18.333828</v>
      </c>
      <c r="C7541">
        <v>0</v>
      </c>
      <c r="D7541">
        <f t="shared" si="234"/>
        <v>0</v>
      </c>
      <c r="E7541" s="6">
        <f t="shared" si="235"/>
        <v>0</v>
      </c>
    </row>
    <row r="7542" spans="1:5" x14ac:dyDescent="0.25">
      <c r="A7542" s="5">
        <v>43870.041666666664</v>
      </c>
      <c r="B7542" s="2">
        <v>17.682645000000001</v>
      </c>
      <c r="C7542">
        <v>0</v>
      </c>
      <c r="D7542">
        <f t="shared" si="234"/>
        <v>0</v>
      </c>
      <c r="E7542" s="6">
        <f t="shared" si="235"/>
        <v>0</v>
      </c>
    </row>
    <row r="7543" spans="1:5" x14ac:dyDescent="0.25">
      <c r="A7543" s="5">
        <v>43870.083333333336</v>
      </c>
      <c r="B7543" s="2">
        <v>16.794920999999999</v>
      </c>
      <c r="C7543">
        <v>0</v>
      </c>
      <c r="D7543">
        <f t="shared" si="234"/>
        <v>0</v>
      </c>
      <c r="E7543" s="6">
        <f t="shared" si="235"/>
        <v>0</v>
      </c>
    </row>
    <row r="7544" spans="1:5" x14ac:dyDescent="0.25">
      <c r="A7544" s="5">
        <v>43870.125</v>
      </c>
      <c r="B7544" s="2">
        <v>16.861038000000001</v>
      </c>
      <c r="C7544">
        <v>0</v>
      </c>
      <c r="D7544">
        <f t="shared" si="234"/>
        <v>0</v>
      </c>
      <c r="E7544" s="6">
        <f t="shared" si="235"/>
        <v>0</v>
      </c>
    </row>
    <row r="7545" spans="1:5" x14ac:dyDescent="0.25">
      <c r="A7545" s="5">
        <v>43870.166666666664</v>
      </c>
      <c r="B7545" s="2">
        <v>16.817136000000001</v>
      </c>
      <c r="C7545">
        <v>0</v>
      </c>
      <c r="D7545">
        <f t="shared" si="234"/>
        <v>0</v>
      </c>
      <c r="E7545" s="6">
        <f t="shared" si="235"/>
        <v>0</v>
      </c>
    </row>
    <row r="7546" spans="1:5" x14ac:dyDescent="0.25">
      <c r="A7546" s="5">
        <v>43870.208333333336</v>
      </c>
      <c r="B7546" s="2">
        <v>18.260611000000001</v>
      </c>
      <c r="C7546">
        <v>0</v>
      </c>
      <c r="D7546">
        <f t="shared" si="234"/>
        <v>0</v>
      </c>
      <c r="E7546" s="6">
        <f t="shared" si="235"/>
        <v>0</v>
      </c>
    </row>
    <row r="7547" spans="1:5" x14ac:dyDescent="0.25">
      <c r="A7547" s="5">
        <v>43870.25</v>
      </c>
      <c r="B7547" s="2">
        <v>19.683651999999999</v>
      </c>
      <c r="C7547">
        <v>0</v>
      </c>
      <c r="D7547">
        <f t="shared" si="234"/>
        <v>0</v>
      </c>
      <c r="E7547" s="6">
        <f t="shared" si="235"/>
        <v>0</v>
      </c>
    </row>
    <row r="7548" spans="1:5" x14ac:dyDescent="0.25">
      <c r="A7548" s="5">
        <v>43870.291666666664</v>
      </c>
      <c r="B7548" s="2">
        <v>21.245035999999999</v>
      </c>
      <c r="C7548">
        <v>0</v>
      </c>
      <c r="D7548">
        <f t="shared" si="234"/>
        <v>0</v>
      </c>
      <c r="E7548" s="6">
        <f t="shared" si="235"/>
        <v>0</v>
      </c>
    </row>
    <row r="7549" spans="1:5" x14ac:dyDescent="0.25">
      <c r="A7549" s="5">
        <v>43870.333333333336</v>
      </c>
      <c r="B7549" s="2">
        <v>21.248341</v>
      </c>
      <c r="C7549">
        <v>5.1792000000000005E-2</v>
      </c>
      <c r="D7549">
        <f t="shared" si="234"/>
        <v>5.1792000000000002E-5</v>
      </c>
      <c r="E7549" s="6">
        <f t="shared" si="235"/>
        <v>1.1004940770720001E-3</v>
      </c>
    </row>
    <row r="7550" spans="1:5" x14ac:dyDescent="0.25">
      <c r="A7550" s="5">
        <v>43870.375</v>
      </c>
      <c r="B7550" s="2">
        <v>20.320547999999999</v>
      </c>
      <c r="C7550">
        <v>0.337451</v>
      </c>
      <c r="D7550">
        <f t="shared" si="234"/>
        <v>3.3745100000000001E-4</v>
      </c>
      <c r="E7550" s="6">
        <f t="shared" si="235"/>
        <v>6.8571892431479996E-3</v>
      </c>
    </row>
    <row r="7551" spans="1:5" x14ac:dyDescent="0.25">
      <c r="A7551" s="5">
        <v>43870.416666666664</v>
      </c>
      <c r="B7551" s="2">
        <v>18.933686000000002</v>
      </c>
      <c r="C7551">
        <v>1.463595</v>
      </c>
      <c r="D7551">
        <f t="shared" si="234"/>
        <v>1.463595E-3</v>
      </c>
      <c r="E7551" s="6">
        <f t="shared" si="235"/>
        <v>2.7711248161170002E-2</v>
      </c>
    </row>
    <row r="7552" spans="1:5" x14ac:dyDescent="0.25">
      <c r="A7552" s="5">
        <v>43870.458333333336</v>
      </c>
      <c r="B7552" s="2">
        <v>17.625536</v>
      </c>
      <c r="C7552">
        <v>1.3794949999999999</v>
      </c>
      <c r="D7552">
        <f t="shared" si="234"/>
        <v>1.3794949999999999E-3</v>
      </c>
      <c r="E7552" s="6">
        <f t="shared" si="235"/>
        <v>2.4314338784319999E-2</v>
      </c>
    </row>
    <row r="7553" spans="1:5" x14ac:dyDescent="0.25">
      <c r="A7553" s="5">
        <v>43870.5</v>
      </c>
      <c r="B7553" s="2">
        <v>16.973482000000001</v>
      </c>
      <c r="C7553">
        <v>1.9713099999999999</v>
      </c>
      <c r="D7553">
        <f t="shared" si="234"/>
        <v>1.97131E-3</v>
      </c>
      <c r="E7553" s="6">
        <f t="shared" si="235"/>
        <v>3.345999480142E-2</v>
      </c>
    </row>
    <row r="7554" spans="1:5" x14ac:dyDescent="0.25">
      <c r="A7554" s="5">
        <v>43870.541666666664</v>
      </c>
      <c r="B7554" s="2">
        <v>16.490790000000001</v>
      </c>
      <c r="C7554">
        <v>1.1159760000000001</v>
      </c>
      <c r="D7554">
        <f t="shared" si="234"/>
        <v>1.1159760000000001E-3</v>
      </c>
      <c r="E7554" s="6">
        <f t="shared" si="235"/>
        <v>1.8403325861040001E-2</v>
      </c>
    </row>
    <row r="7555" spans="1:5" x14ac:dyDescent="0.25">
      <c r="A7555" s="5">
        <v>43870.583333333336</v>
      </c>
      <c r="B7555" s="2">
        <v>16.452665</v>
      </c>
      <c r="C7555">
        <v>1.2106969999999999</v>
      </c>
      <c r="D7555">
        <f t="shared" si="234"/>
        <v>1.2106969999999999E-3</v>
      </c>
      <c r="E7555" s="6">
        <f t="shared" si="235"/>
        <v>1.9919192157504997E-2</v>
      </c>
    </row>
    <row r="7556" spans="1:5" x14ac:dyDescent="0.25">
      <c r="A7556" s="5">
        <v>43870.625</v>
      </c>
      <c r="B7556" s="2">
        <v>16.005944</v>
      </c>
      <c r="C7556">
        <v>0.86020600000000003</v>
      </c>
      <c r="D7556">
        <f t="shared" si="234"/>
        <v>8.6020600000000008E-4</v>
      </c>
      <c r="E7556" s="6">
        <f t="shared" si="235"/>
        <v>1.3768409064464001E-2</v>
      </c>
    </row>
    <row r="7557" spans="1:5" x14ac:dyDescent="0.25">
      <c r="A7557" s="5">
        <v>43870.666666666664</v>
      </c>
      <c r="B7557" s="2">
        <v>16.665391</v>
      </c>
      <c r="C7557">
        <v>0.560728</v>
      </c>
      <c r="D7557">
        <f t="shared" si="234"/>
        <v>5.6072800000000003E-4</v>
      </c>
      <c r="E7557" s="6">
        <f t="shared" si="235"/>
        <v>9.3447513646480011E-3</v>
      </c>
    </row>
    <row r="7558" spans="1:5" x14ac:dyDescent="0.25">
      <c r="A7558" s="5">
        <v>43870.708333333336</v>
      </c>
      <c r="B7558" s="2">
        <v>21.321950000000001</v>
      </c>
      <c r="C7558">
        <v>0.216832</v>
      </c>
      <c r="D7558">
        <f t="shared" ref="D7558:D7621" si="236">C7558/1000</f>
        <v>2.16832E-4</v>
      </c>
      <c r="E7558" s="6">
        <f t="shared" ref="E7558:E7621" si="237">D7558*B7558</f>
        <v>4.6232810624E-3</v>
      </c>
    </row>
    <row r="7559" spans="1:5" x14ac:dyDescent="0.25">
      <c r="A7559" s="5">
        <v>43870.75</v>
      </c>
      <c r="B7559" s="2">
        <v>21.855951999999998</v>
      </c>
      <c r="C7559">
        <v>0</v>
      </c>
      <c r="D7559">
        <f t="shared" si="236"/>
        <v>0</v>
      </c>
      <c r="E7559" s="6">
        <f t="shared" si="237"/>
        <v>0</v>
      </c>
    </row>
    <row r="7560" spans="1:5" x14ac:dyDescent="0.25">
      <c r="A7560" s="5">
        <v>43870.791666666664</v>
      </c>
      <c r="B7560" s="2">
        <v>20.963539000000001</v>
      </c>
      <c r="C7560">
        <v>0</v>
      </c>
      <c r="D7560">
        <f t="shared" si="236"/>
        <v>0</v>
      </c>
      <c r="E7560" s="6">
        <f t="shared" si="237"/>
        <v>0</v>
      </c>
    </row>
    <row r="7561" spans="1:5" x14ac:dyDescent="0.25">
      <c r="A7561" s="5">
        <v>43870.833333333336</v>
      </c>
      <c r="B7561" s="2">
        <v>20.115873000000001</v>
      </c>
      <c r="C7561">
        <v>0</v>
      </c>
      <c r="D7561">
        <f t="shared" si="236"/>
        <v>0</v>
      </c>
      <c r="E7561" s="6">
        <f t="shared" si="237"/>
        <v>0</v>
      </c>
    </row>
    <row r="7562" spans="1:5" x14ac:dyDescent="0.25">
      <c r="A7562" s="5">
        <v>43870.875</v>
      </c>
      <c r="B7562" s="2">
        <v>18.726452999999999</v>
      </c>
      <c r="C7562">
        <v>0</v>
      </c>
      <c r="D7562">
        <f t="shared" si="236"/>
        <v>0</v>
      </c>
      <c r="E7562" s="6">
        <f t="shared" si="237"/>
        <v>0</v>
      </c>
    </row>
    <row r="7563" spans="1:5" x14ac:dyDescent="0.25">
      <c r="A7563" s="5">
        <v>43870.916666666664</v>
      </c>
      <c r="B7563" s="2">
        <v>16.952719999999999</v>
      </c>
      <c r="C7563">
        <v>0</v>
      </c>
      <c r="D7563">
        <f t="shared" si="236"/>
        <v>0</v>
      </c>
      <c r="E7563" s="6">
        <f t="shared" si="237"/>
        <v>0</v>
      </c>
    </row>
    <row r="7564" spans="1:5" x14ac:dyDescent="0.25">
      <c r="A7564" s="5">
        <v>43870.958333333336</v>
      </c>
      <c r="B7564" s="2">
        <v>15.949348000000001</v>
      </c>
      <c r="C7564">
        <v>0</v>
      </c>
      <c r="D7564">
        <f t="shared" si="236"/>
        <v>0</v>
      </c>
      <c r="E7564" s="6">
        <f t="shared" si="237"/>
        <v>0</v>
      </c>
    </row>
    <row r="7565" spans="1:5" x14ac:dyDescent="0.25">
      <c r="A7565" s="5">
        <v>43871</v>
      </c>
      <c r="B7565" s="2">
        <v>16.223745999999998</v>
      </c>
      <c r="C7565">
        <v>0</v>
      </c>
      <c r="D7565">
        <f t="shared" si="236"/>
        <v>0</v>
      </c>
      <c r="E7565" s="6">
        <f t="shared" si="237"/>
        <v>0</v>
      </c>
    </row>
    <row r="7566" spans="1:5" x14ac:dyDescent="0.25">
      <c r="A7566" s="5">
        <v>43871.041666666664</v>
      </c>
      <c r="B7566" s="2">
        <v>16.406327999999998</v>
      </c>
      <c r="C7566">
        <v>0</v>
      </c>
      <c r="D7566">
        <f t="shared" si="236"/>
        <v>0</v>
      </c>
      <c r="E7566" s="6">
        <f t="shared" si="237"/>
        <v>0</v>
      </c>
    </row>
    <row r="7567" spans="1:5" x14ac:dyDescent="0.25">
      <c r="A7567" s="5">
        <v>43871.083333333336</v>
      </c>
      <c r="B7567" s="2">
        <v>15.971527999999999</v>
      </c>
      <c r="C7567">
        <v>0</v>
      </c>
      <c r="D7567">
        <f t="shared" si="236"/>
        <v>0</v>
      </c>
      <c r="E7567" s="6">
        <f t="shared" si="237"/>
        <v>0</v>
      </c>
    </row>
    <row r="7568" spans="1:5" x14ac:dyDescent="0.25">
      <c r="A7568" s="5">
        <v>43871.125</v>
      </c>
      <c r="B7568" s="2">
        <v>16.238517999999999</v>
      </c>
      <c r="C7568">
        <v>0</v>
      </c>
      <c r="D7568">
        <f t="shared" si="236"/>
        <v>0</v>
      </c>
      <c r="E7568" s="6">
        <f t="shared" si="237"/>
        <v>0</v>
      </c>
    </row>
    <row r="7569" spans="1:5" x14ac:dyDescent="0.25">
      <c r="A7569" s="5">
        <v>43871.166666666664</v>
      </c>
      <c r="B7569" s="2">
        <v>16.373163000000002</v>
      </c>
      <c r="C7569">
        <v>0</v>
      </c>
      <c r="D7569">
        <f t="shared" si="236"/>
        <v>0</v>
      </c>
      <c r="E7569" s="6">
        <f t="shared" si="237"/>
        <v>0</v>
      </c>
    </row>
    <row r="7570" spans="1:5" x14ac:dyDescent="0.25">
      <c r="A7570" s="5">
        <v>43871.208333333336</v>
      </c>
      <c r="B7570" s="2">
        <v>18.806602999999999</v>
      </c>
      <c r="C7570">
        <v>0</v>
      </c>
      <c r="D7570">
        <f t="shared" si="236"/>
        <v>0</v>
      </c>
      <c r="E7570" s="6">
        <f t="shared" si="237"/>
        <v>0</v>
      </c>
    </row>
    <row r="7571" spans="1:5" x14ac:dyDescent="0.25">
      <c r="A7571" s="5">
        <v>43871.25</v>
      </c>
      <c r="B7571" s="2">
        <v>25.012263999999998</v>
      </c>
      <c r="C7571">
        <v>0</v>
      </c>
      <c r="D7571">
        <f t="shared" si="236"/>
        <v>0</v>
      </c>
      <c r="E7571" s="6">
        <f t="shared" si="237"/>
        <v>0</v>
      </c>
    </row>
    <row r="7572" spans="1:5" x14ac:dyDescent="0.25">
      <c r="A7572" s="5">
        <v>43871.291666666664</v>
      </c>
      <c r="B7572" s="2">
        <v>25.023997000000001</v>
      </c>
      <c r="C7572">
        <v>0</v>
      </c>
      <c r="D7572">
        <f t="shared" si="236"/>
        <v>0</v>
      </c>
      <c r="E7572" s="6">
        <f t="shared" si="237"/>
        <v>0</v>
      </c>
    </row>
    <row r="7573" spans="1:5" x14ac:dyDescent="0.25">
      <c r="A7573" s="5">
        <v>43871.333333333336</v>
      </c>
      <c r="B7573" s="2">
        <v>23.859273000000002</v>
      </c>
      <c r="C7573">
        <v>5.1784999999999998E-2</v>
      </c>
      <c r="D7573">
        <f t="shared" si="236"/>
        <v>5.1785E-5</v>
      </c>
      <c r="E7573" s="6">
        <f t="shared" si="237"/>
        <v>1.2355524523050001E-3</v>
      </c>
    </row>
    <row r="7574" spans="1:5" x14ac:dyDescent="0.25">
      <c r="A7574" s="5">
        <v>43871.375</v>
      </c>
      <c r="B7574" s="2">
        <v>23.804079999999999</v>
      </c>
      <c r="C7574">
        <v>0.79070099999999999</v>
      </c>
      <c r="D7574">
        <f t="shared" si="236"/>
        <v>7.9070099999999999E-4</v>
      </c>
      <c r="E7574" s="6">
        <f t="shared" si="237"/>
        <v>1.8821909860079998E-2</v>
      </c>
    </row>
    <row r="7575" spans="1:5" x14ac:dyDescent="0.25">
      <c r="A7575" s="5">
        <v>43871.416666666664</v>
      </c>
      <c r="B7575" s="2">
        <v>23.871739999999999</v>
      </c>
      <c r="C7575">
        <v>2.7487119999999998</v>
      </c>
      <c r="D7575">
        <f t="shared" si="236"/>
        <v>2.7487119999999999E-3</v>
      </c>
      <c r="E7575" s="6">
        <f t="shared" si="237"/>
        <v>6.5616538198879998E-2</v>
      </c>
    </row>
    <row r="7576" spans="1:5" x14ac:dyDescent="0.25">
      <c r="A7576" s="5">
        <v>43871.458333333336</v>
      </c>
      <c r="B7576" s="2">
        <v>23.270078999999999</v>
      </c>
      <c r="C7576">
        <v>3.8552269999999997</v>
      </c>
      <c r="D7576">
        <f t="shared" si="236"/>
        <v>3.8552269999999997E-3</v>
      </c>
      <c r="E7576" s="6">
        <f t="shared" si="237"/>
        <v>8.9711436852932994E-2</v>
      </c>
    </row>
    <row r="7577" spans="1:5" x14ac:dyDescent="0.25">
      <c r="A7577" s="5">
        <v>43871.5</v>
      </c>
      <c r="B7577" s="2">
        <v>21.264012999999998</v>
      </c>
      <c r="C7577">
        <v>2.84701</v>
      </c>
      <c r="D7577">
        <f t="shared" si="236"/>
        <v>2.8470100000000001E-3</v>
      </c>
      <c r="E7577" s="6">
        <f t="shared" si="237"/>
        <v>6.0538857651129999E-2</v>
      </c>
    </row>
    <row r="7578" spans="1:5" x14ac:dyDescent="0.25">
      <c r="A7578" s="5">
        <v>43871.541666666664</v>
      </c>
      <c r="B7578" s="2">
        <v>21.225641</v>
      </c>
      <c r="C7578">
        <v>3.321072</v>
      </c>
      <c r="D7578">
        <f t="shared" si="236"/>
        <v>3.321072E-3</v>
      </c>
      <c r="E7578" s="6">
        <f t="shared" si="237"/>
        <v>7.0491882007151993E-2</v>
      </c>
    </row>
    <row r="7579" spans="1:5" x14ac:dyDescent="0.25">
      <c r="A7579" s="5">
        <v>43871.583333333336</v>
      </c>
      <c r="B7579" s="2">
        <v>20.843305000000001</v>
      </c>
      <c r="C7579">
        <v>1.8155219999999999</v>
      </c>
      <c r="D7579">
        <f t="shared" si="236"/>
        <v>1.8155219999999998E-3</v>
      </c>
      <c r="E7579" s="6">
        <f t="shared" si="237"/>
        <v>3.7841478780209999E-2</v>
      </c>
    </row>
    <row r="7580" spans="1:5" x14ac:dyDescent="0.25">
      <c r="A7580" s="5">
        <v>43871.625</v>
      </c>
      <c r="B7580" s="2">
        <v>19.999600000000001</v>
      </c>
      <c r="C7580">
        <v>0.69402799999999998</v>
      </c>
      <c r="D7580">
        <f t="shared" si="236"/>
        <v>6.9402799999999996E-4</v>
      </c>
      <c r="E7580" s="6">
        <f t="shared" si="237"/>
        <v>1.38802823888E-2</v>
      </c>
    </row>
    <row r="7581" spans="1:5" x14ac:dyDescent="0.25">
      <c r="A7581" s="5">
        <v>43871.666666666664</v>
      </c>
      <c r="B7581" s="2">
        <v>20.577701000000001</v>
      </c>
      <c r="C7581">
        <v>1.55705</v>
      </c>
      <c r="D7581">
        <f t="shared" si="236"/>
        <v>1.5570500000000001E-3</v>
      </c>
      <c r="E7581" s="6">
        <f t="shared" si="237"/>
        <v>3.2040509342050008E-2</v>
      </c>
    </row>
    <row r="7582" spans="1:5" x14ac:dyDescent="0.25">
      <c r="A7582" s="5">
        <v>43871.708333333336</v>
      </c>
      <c r="B7582" s="2">
        <v>24.579153000000002</v>
      </c>
      <c r="C7582">
        <v>0.135995</v>
      </c>
      <c r="D7582">
        <f t="shared" si="236"/>
        <v>1.35995E-4</v>
      </c>
      <c r="E7582" s="6">
        <f t="shared" si="237"/>
        <v>3.3426419122350001E-3</v>
      </c>
    </row>
    <row r="7583" spans="1:5" x14ac:dyDescent="0.25">
      <c r="A7583" s="5">
        <v>43871.75</v>
      </c>
      <c r="B7583" s="2">
        <v>26.613876000000001</v>
      </c>
      <c r="C7583">
        <v>0</v>
      </c>
      <c r="D7583">
        <f t="shared" si="236"/>
        <v>0</v>
      </c>
      <c r="E7583" s="6">
        <f t="shared" si="237"/>
        <v>0</v>
      </c>
    </row>
    <row r="7584" spans="1:5" x14ac:dyDescent="0.25">
      <c r="A7584" s="5">
        <v>43871.791666666664</v>
      </c>
      <c r="B7584" s="2">
        <v>24.169905</v>
      </c>
      <c r="C7584">
        <v>0</v>
      </c>
      <c r="D7584">
        <f t="shared" si="236"/>
        <v>0</v>
      </c>
      <c r="E7584" s="6">
        <f t="shared" si="237"/>
        <v>0</v>
      </c>
    </row>
    <row r="7585" spans="1:5" x14ac:dyDescent="0.25">
      <c r="A7585" s="5">
        <v>43871.833333333336</v>
      </c>
      <c r="B7585" s="2">
        <v>23.749034000000002</v>
      </c>
      <c r="C7585">
        <v>0</v>
      </c>
      <c r="D7585">
        <f t="shared" si="236"/>
        <v>0</v>
      </c>
      <c r="E7585" s="6">
        <f t="shared" si="237"/>
        <v>0</v>
      </c>
    </row>
    <row r="7586" spans="1:5" x14ac:dyDescent="0.25">
      <c r="A7586" s="5">
        <v>43871.875</v>
      </c>
      <c r="B7586" s="2">
        <v>21.306415999999999</v>
      </c>
      <c r="C7586">
        <v>0</v>
      </c>
      <c r="D7586">
        <f t="shared" si="236"/>
        <v>0</v>
      </c>
      <c r="E7586" s="6">
        <f t="shared" si="237"/>
        <v>0</v>
      </c>
    </row>
    <row r="7587" spans="1:5" x14ac:dyDescent="0.25">
      <c r="A7587" s="5">
        <v>43871.916666666664</v>
      </c>
      <c r="B7587" s="2">
        <v>19.631473</v>
      </c>
      <c r="C7587">
        <v>0</v>
      </c>
      <c r="D7587">
        <f t="shared" si="236"/>
        <v>0</v>
      </c>
      <c r="E7587" s="6">
        <f t="shared" si="237"/>
        <v>0</v>
      </c>
    </row>
    <row r="7588" spans="1:5" x14ac:dyDescent="0.25">
      <c r="A7588" s="5">
        <v>43871.958333333336</v>
      </c>
      <c r="B7588" s="2">
        <v>17.252274</v>
      </c>
      <c r="C7588">
        <v>0</v>
      </c>
      <c r="D7588">
        <f t="shared" si="236"/>
        <v>0</v>
      </c>
      <c r="E7588" s="6">
        <f t="shared" si="237"/>
        <v>0</v>
      </c>
    </row>
    <row r="7589" spans="1:5" x14ac:dyDescent="0.25">
      <c r="A7589" s="5">
        <v>43872</v>
      </c>
      <c r="B7589" s="2">
        <v>16.280277999999999</v>
      </c>
      <c r="C7589">
        <v>0</v>
      </c>
      <c r="D7589">
        <f t="shared" si="236"/>
        <v>0</v>
      </c>
      <c r="E7589" s="6">
        <f t="shared" si="237"/>
        <v>0</v>
      </c>
    </row>
    <row r="7590" spans="1:5" x14ac:dyDescent="0.25">
      <c r="A7590" s="5">
        <v>43872.041666666664</v>
      </c>
      <c r="B7590" s="2">
        <v>16.040804999999999</v>
      </c>
      <c r="C7590">
        <v>0</v>
      </c>
      <c r="D7590">
        <f t="shared" si="236"/>
        <v>0</v>
      </c>
      <c r="E7590" s="6">
        <f t="shared" si="237"/>
        <v>0</v>
      </c>
    </row>
    <row r="7591" spans="1:5" x14ac:dyDescent="0.25">
      <c r="A7591" s="5">
        <v>43872.083333333336</v>
      </c>
      <c r="B7591" s="2">
        <v>15.206173</v>
      </c>
      <c r="C7591">
        <v>0</v>
      </c>
      <c r="D7591">
        <f t="shared" si="236"/>
        <v>0</v>
      </c>
      <c r="E7591" s="6">
        <f t="shared" si="237"/>
        <v>0</v>
      </c>
    </row>
    <row r="7592" spans="1:5" x14ac:dyDescent="0.25">
      <c r="A7592" s="5">
        <v>43872.125</v>
      </c>
      <c r="B7592" s="2">
        <v>15.001391</v>
      </c>
      <c r="C7592">
        <v>0</v>
      </c>
      <c r="D7592">
        <f t="shared" si="236"/>
        <v>0</v>
      </c>
      <c r="E7592" s="6">
        <f t="shared" si="237"/>
        <v>0</v>
      </c>
    </row>
    <row r="7593" spans="1:5" x14ac:dyDescent="0.25">
      <c r="A7593" s="5">
        <v>43872.166666666664</v>
      </c>
      <c r="B7593" s="2">
        <v>15.198352999999999</v>
      </c>
      <c r="C7593">
        <v>0</v>
      </c>
      <c r="D7593">
        <f t="shared" si="236"/>
        <v>0</v>
      </c>
      <c r="E7593" s="6">
        <f t="shared" si="237"/>
        <v>0</v>
      </c>
    </row>
    <row r="7594" spans="1:5" x14ac:dyDescent="0.25">
      <c r="A7594" s="5">
        <v>43872.208333333336</v>
      </c>
      <c r="B7594" s="2">
        <v>16.686423999999999</v>
      </c>
      <c r="C7594">
        <v>0</v>
      </c>
      <c r="D7594">
        <f t="shared" si="236"/>
        <v>0</v>
      </c>
      <c r="E7594" s="6">
        <f t="shared" si="237"/>
        <v>0</v>
      </c>
    </row>
    <row r="7595" spans="1:5" x14ac:dyDescent="0.25">
      <c r="A7595" s="5">
        <v>43872.25</v>
      </c>
      <c r="B7595" s="2">
        <v>22.956247000000001</v>
      </c>
      <c r="C7595">
        <v>0</v>
      </c>
      <c r="D7595">
        <f t="shared" si="236"/>
        <v>0</v>
      </c>
      <c r="E7595" s="6">
        <f t="shared" si="237"/>
        <v>0</v>
      </c>
    </row>
    <row r="7596" spans="1:5" x14ac:dyDescent="0.25">
      <c r="A7596" s="5">
        <v>43872.291666666664</v>
      </c>
      <c r="B7596" s="2">
        <v>23.711368</v>
      </c>
      <c r="C7596">
        <v>0</v>
      </c>
      <c r="D7596">
        <f t="shared" si="236"/>
        <v>0</v>
      </c>
      <c r="E7596" s="6">
        <f t="shared" si="237"/>
        <v>0</v>
      </c>
    </row>
    <row r="7597" spans="1:5" x14ac:dyDescent="0.25">
      <c r="A7597" s="5">
        <v>43872.333333333336</v>
      </c>
      <c r="B7597" s="2">
        <v>22.685199999999998</v>
      </c>
      <c r="C7597">
        <v>0.56215999999999999</v>
      </c>
      <c r="D7597">
        <f t="shared" si="236"/>
        <v>5.6216000000000003E-4</v>
      </c>
      <c r="E7597" s="6">
        <f t="shared" si="237"/>
        <v>1.2752712031999999E-2</v>
      </c>
    </row>
    <row r="7598" spans="1:5" x14ac:dyDescent="0.25">
      <c r="A7598" s="5">
        <v>43872.375</v>
      </c>
      <c r="B7598" s="2">
        <v>23.363102999999999</v>
      </c>
      <c r="C7598">
        <v>0.577762</v>
      </c>
      <c r="D7598">
        <f t="shared" si="236"/>
        <v>5.77762E-4</v>
      </c>
      <c r="E7598" s="6">
        <f t="shared" si="237"/>
        <v>1.3498313115485999E-2</v>
      </c>
    </row>
    <row r="7599" spans="1:5" x14ac:dyDescent="0.25">
      <c r="A7599" s="5">
        <v>43872.416666666664</v>
      </c>
      <c r="B7599" s="2">
        <v>23.207127</v>
      </c>
      <c r="C7599">
        <v>3.4501149999999998</v>
      </c>
      <c r="D7599">
        <f t="shared" si="236"/>
        <v>3.4501149999999997E-3</v>
      </c>
      <c r="E7599" s="6">
        <f t="shared" si="237"/>
        <v>8.0067256969604997E-2</v>
      </c>
    </row>
    <row r="7600" spans="1:5" x14ac:dyDescent="0.25">
      <c r="A7600" s="5">
        <v>43872.458333333336</v>
      </c>
      <c r="B7600" s="2">
        <v>22.107596000000001</v>
      </c>
      <c r="C7600">
        <v>5.2466540000000004</v>
      </c>
      <c r="D7600">
        <f t="shared" si="236"/>
        <v>5.2466540000000008E-3</v>
      </c>
      <c r="E7600" s="6">
        <f t="shared" si="237"/>
        <v>0.11599090698378402</v>
      </c>
    </row>
    <row r="7601" spans="1:5" x14ac:dyDescent="0.25">
      <c r="A7601" s="5">
        <v>43872.5</v>
      </c>
      <c r="B7601" s="2">
        <v>20.549309999999998</v>
      </c>
      <c r="C7601">
        <v>4.2235620000000003</v>
      </c>
      <c r="D7601">
        <f t="shared" si="236"/>
        <v>4.2235620000000001E-3</v>
      </c>
      <c r="E7601" s="6">
        <f t="shared" si="237"/>
        <v>8.6791284842219998E-2</v>
      </c>
    </row>
    <row r="7602" spans="1:5" x14ac:dyDescent="0.25">
      <c r="A7602" s="5">
        <v>43872.541666666664</v>
      </c>
      <c r="B7602" s="2">
        <v>20.341995000000001</v>
      </c>
      <c r="C7602">
        <v>3.142827</v>
      </c>
      <c r="D7602">
        <f t="shared" si="236"/>
        <v>3.1428269999999999E-3</v>
      </c>
      <c r="E7602" s="6">
        <f t="shared" si="237"/>
        <v>6.3931371119865008E-2</v>
      </c>
    </row>
    <row r="7603" spans="1:5" x14ac:dyDescent="0.25">
      <c r="A7603" s="5">
        <v>43872.583333333336</v>
      </c>
      <c r="B7603" s="2">
        <v>19.308271999999999</v>
      </c>
      <c r="C7603">
        <v>2.7668509999999999</v>
      </c>
      <c r="D7603">
        <f t="shared" si="236"/>
        <v>2.7668509999999999E-3</v>
      </c>
      <c r="E7603" s="6">
        <f t="shared" si="237"/>
        <v>5.3423111691471993E-2</v>
      </c>
    </row>
    <row r="7604" spans="1:5" x14ac:dyDescent="0.25">
      <c r="A7604" s="5">
        <v>43872.625</v>
      </c>
      <c r="B7604" s="2">
        <v>18.589345999999999</v>
      </c>
      <c r="C7604">
        <v>3.387626</v>
      </c>
      <c r="D7604">
        <f t="shared" si="236"/>
        <v>3.3876259999999999E-3</v>
      </c>
      <c r="E7604" s="6">
        <f t="shared" si="237"/>
        <v>6.2973751832596001E-2</v>
      </c>
    </row>
    <row r="7605" spans="1:5" x14ac:dyDescent="0.25">
      <c r="A7605" s="5">
        <v>43872.666666666664</v>
      </c>
      <c r="B7605" s="2">
        <v>19.016393999999998</v>
      </c>
      <c r="C7605">
        <v>3.1178380000000003</v>
      </c>
      <c r="D7605">
        <f t="shared" si="236"/>
        <v>3.1178380000000004E-3</v>
      </c>
      <c r="E7605" s="6">
        <f t="shared" si="237"/>
        <v>5.9290035836172005E-2</v>
      </c>
    </row>
    <row r="7606" spans="1:5" x14ac:dyDescent="0.25">
      <c r="A7606" s="5">
        <v>43872.708333333336</v>
      </c>
      <c r="B7606" s="2">
        <v>22.695141</v>
      </c>
      <c r="C7606">
        <v>0.67979800000000001</v>
      </c>
      <c r="D7606">
        <f t="shared" si="236"/>
        <v>6.7979800000000001E-4</v>
      </c>
      <c r="E7606" s="6">
        <f t="shared" si="237"/>
        <v>1.5428111461518E-2</v>
      </c>
    </row>
    <row r="7607" spans="1:5" x14ac:dyDescent="0.25">
      <c r="A7607" s="5">
        <v>43872.75</v>
      </c>
      <c r="B7607" s="2">
        <v>22.247487</v>
      </c>
      <c r="C7607">
        <v>0</v>
      </c>
      <c r="D7607">
        <f t="shared" si="236"/>
        <v>0</v>
      </c>
      <c r="E7607" s="6">
        <f t="shared" si="237"/>
        <v>0</v>
      </c>
    </row>
    <row r="7608" spans="1:5" x14ac:dyDescent="0.25">
      <c r="A7608" s="5">
        <v>43872.791666666664</v>
      </c>
      <c r="B7608" s="2">
        <v>23.314709000000001</v>
      </c>
      <c r="C7608">
        <v>0</v>
      </c>
      <c r="D7608">
        <f t="shared" si="236"/>
        <v>0</v>
      </c>
      <c r="E7608" s="6">
        <f t="shared" si="237"/>
        <v>0</v>
      </c>
    </row>
    <row r="7609" spans="1:5" x14ac:dyDescent="0.25">
      <c r="A7609" s="5">
        <v>43872.833333333336</v>
      </c>
      <c r="B7609" s="2">
        <v>22.445537000000002</v>
      </c>
      <c r="C7609">
        <v>0</v>
      </c>
      <c r="D7609">
        <f t="shared" si="236"/>
        <v>0</v>
      </c>
      <c r="E7609" s="6">
        <f t="shared" si="237"/>
        <v>0</v>
      </c>
    </row>
    <row r="7610" spans="1:5" x14ac:dyDescent="0.25">
      <c r="A7610" s="5">
        <v>43872.875</v>
      </c>
      <c r="B7610" s="2">
        <v>20.296340000000001</v>
      </c>
      <c r="C7610">
        <v>0</v>
      </c>
      <c r="D7610">
        <f t="shared" si="236"/>
        <v>0</v>
      </c>
      <c r="E7610" s="6">
        <f t="shared" si="237"/>
        <v>0</v>
      </c>
    </row>
    <row r="7611" spans="1:5" x14ac:dyDescent="0.25">
      <c r="A7611" s="5">
        <v>43872.916666666664</v>
      </c>
      <c r="B7611" s="2">
        <v>18.696634</v>
      </c>
      <c r="C7611">
        <v>0</v>
      </c>
      <c r="D7611">
        <f t="shared" si="236"/>
        <v>0</v>
      </c>
      <c r="E7611" s="6">
        <f t="shared" si="237"/>
        <v>0</v>
      </c>
    </row>
    <row r="7612" spans="1:5" x14ac:dyDescent="0.25">
      <c r="A7612" s="5">
        <v>43872.958333333336</v>
      </c>
      <c r="B7612" s="2">
        <v>16.733485999999999</v>
      </c>
      <c r="C7612">
        <v>0</v>
      </c>
      <c r="D7612">
        <f t="shared" si="236"/>
        <v>0</v>
      </c>
      <c r="E7612" s="6">
        <f t="shared" si="237"/>
        <v>0</v>
      </c>
    </row>
    <row r="7613" spans="1:5" x14ac:dyDescent="0.25">
      <c r="A7613" s="5">
        <v>43873</v>
      </c>
      <c r="B7613" s="2">
        <v>15.506892000000001</v>
      </c>
      <c r="C7613">
        <v>0</v>
      </c>
      <c r="D7613">
        <f t="shared" si="236"/>
        <v>0</v>
      </c>
      <c r="E7613" s="6">
        <f t="shared" si="237"/>
        <v>0</v>
      </c>
    </row>
    <row r="7614" spans="1:5" x14ac:dyDescent="0.25">
      <c r="A7614" s="5">
        <v>43873.041666666664</v>
      </c>
      <c r="B7614" s="2">
        <v>15.687623</v>
      </c>
      <c r="C7614">
        <v>0</v>
      </c>
      <c r="D7614">
        <f t="shared" si="236"/>
        <v>0</v>
      </c>
      <c r="E7614" s="6">
        <f t="shared" si="237"/>
        <v>0</v>
      </c>
    </row>
    <row r="7615" spans="1:5" x14ac:dyDescent="0.25">
      <c r="A7615" s="5">
        <v>43873.083333333336</v>
      </c>
      <c r="B7615" s="2">
        <v>14.93988</v>
      </c>
      <c r="C7615">
        <v>0</v>
      </c>
      <c r="D7615">
        <f t="shared" si="236"/>
        <v>0</v>
      </c>
      <c r="E7615" s="6">
        <f t="shared" si="237"/>
        <v>0</v>
      </c>
    </row>
    <row r="7616" spans="1:5" x14ac:dyDescent="0.25">
      <c r="A7616" s="5">
        <v>43873.125</v>
      </c>
      <c r="B7616" s="2">
        <v>15.470533</v>
      </c>
      <c r="C7616">
        <v>0</v>
      </c>
      <c r="D7616">
        <f t="shared" si="236"/>
        <v>0</v>
      </c>
      <c r="E7616" s="6">
        <f t="shared" si="237"/>
        <v>0</v>
      </c>
    </row>
    <row r="7617" spans="1:5" x14ac:dyDescent="0.25">
      <c r="A7617" s="5">
        <v>43873.166666666664</v>
      </c>
      <c r="B7617" s="2">
        <v>15.05369</v>
      </c>
      <c r="C7617">
        <v>0</v>
      </c>
      <c r="D7617">
        <f t="shared" si="236"/>
        <v>0</v>
      </c>
      <c r="E7617" s="6">
        <f t="shared" si="237"/>
        <v>0</v>
      </c>
    </row>
    <row r="7618" spans="1:5" x14ac:dyDescent="0.25">
      <c r="A7618" s="5">
        <v>43873.208333333336</v>
      </c>
      <c r="B7618" s="2">
        <v>18.683772999999999</v>
      </c>
      <c r="C7618">
        <v>0</v>
      </c>
      <c r="D7618">
        <f t="shared" si="236"/>
        <v>0</v>
      </c>
      <c r="E7618" s="6">
        <f t="shared" si="237"/>
        <v>0</v>
      </c>
    </row>
    <row r="7619" spans="1:5" x14ac:dyDescent="0.25">
      <c r="A7619" s="5">
        <v>43873.25</v>
      </c>
      <c r="B7619" s="2">
        <v>25.129645</v>
      </c>
      <c r="C7619">
        <v>0</v>
      </c>
      <c r="D7619">
        <f t="shared" si="236"/>
        <v>0</v>
      </c>
      <c r="E7619" s="6">
        <f t="shared" si="237"/>
        <v>0</v>
      </c>
    </row>
    <row r="7620" spans="1:5" x14ac:dyDescent="0.25">
      <c r="A7620" s="5">
        <v>43873.291666666664</v>
      </c>
      <c r="B7620" s="2">
        <v>25.654024</v>
      </c>
      <c r="C7620">
        <v>0</v>
      </c>
      <c r="D7620">
        <f t="shared" si="236"/>
        <v>0</v>
      </c>
      <c r="E7620" s="6">
        <f t="shared" si="237"/>
        <v>0</v>
      </c>
    </row>
    <row r="7621" spans="1:5" x14ac:dyDescent="0.25">
      <c r="A7621" s="5">
        <v>43873.333333333336</v>
      </c>
      <c r="B7621" s="2">
        <v>22.852536000000001</v>
      </c>
      <c r="C7621">
        <v>2.4074450000000001</v>
      </c>
      <c r="D7621">
        <f t="shared" si="236"/>
        <v>2.4074450000000002E-3</v>
      </c>
      <c r="E7621" s="6">
        <f t="shared" si="237"/>
        <v>5.5016223530520006E-2</v>
      </c>
    </row>
    <row r="7622" spans="1:5" x14ac:dyDescent="0.25">
      <c r="A7622" s="5">
        <v>43873.375</v>
      </c>
      <c r="B7622" s="2">
        <v>23.504262000000001</v>
      </c>
      <c r="C7622">
        <v>4.8035129999999997</v>
      </c>
      <c r="D7622">
        <f t="shared" ref="D7622:D7685" si="238">C7622/1000</f>
        <v>4.8035129999999997E-3</v>
      </c>
      <c r="E7622" s="6">
        <f t="shared" ref="E7622:E7685" si="239">D7622*B7622</f>
        <v>0.112903028072406</v>
      </c>
    </row>
    <row r="7623" spans="1:5" x14ac:dyDescent="0.25">
      <c r="A7623" s="5">
        <v>43873.416666666664</v>
      </c>
      <c r="B7623" s="2">
        <v>23.203219000000001</v>
      </c>
      <c r="C7623">
        <v>6.5662910000000005</v>
      </c>
      <c r="D7623">
        <f t="shared" si="238"/>
        <v>6.5662910000000001E-3</v>
      </c>
      <c r="E7623" s="6">
        <f t="shared" si="239"/>
        <v>0.15235908809072901</v>
      </c>
    </row>
    <row r="7624" spans="1:5" x14ac:dyDescent="0.25">
      <c r="A7624" s="5">
        <v>43873.458333333336</v>
      </c>
      <c r="B7624" s="2">
        <v>22.032394</v>
      </c>
      <c r="C7624">
        <v>7.5406199999999997</v>
      </c>
      <c r="D7624">
        <f t="shared" si="238"/>
        <v>7.5406199999999996E-3</v>
      </c>
      <c r="E7624" s="6">
        <f t="shared" si="239"/>
        <v>0.16613791084427998</v>
      </c>
    </row>
    <row r="7625" spans="1:5" x14ac:dyDescent="0.25">
      <c r="A7625" s="5">
        <v>43873.5</v>
      </c>
      <c r="B7625" s="2">
        <v>20.733170000000001</v>
      </c>
      <c r="C7625">
        <v>7.9226640000000002</v>
      </c>
      <c r="D7625">
        <f t="shared" si="238"/>
        <v>7.9226639999999994E-3</v>
      </c>
      <c r="E7625" s="6">
        <f t="shared" si="239"/>
        <v>0.16426193956488</v>
      </c>
    </row>
    <row r="7626" spans="1:5" x14ac:dyDescent="0.25">
      <c r="A7626" s="5">
        <v>43873.541666666664</v>
      </c>
      <c r="B7626" s="2">
        <v>20.616892</v>
      </c>
      <c r="C7626">
        <v>7.7905699999999998</v>
      </c>
      <c r="D7626">
        <f t="shared" si="238"/>
        <v>7.7905700000000001E-3</v>
      </c>
      <c r="E7626" s="6">
        <f t="shared" si="239"/>
        <v>0.16061734030843999</v>
      </c>
    </row>
    <row r="7627" spans="1:5" x14ac:dyDescent="0.25">
      <c r="A7627" s="5">
        <v>43873.583333333336</v>
      </c>
      <c r="B7627" s="2">
        <v>20.355658999999999</v>
      </c>
      <c r="C7627">
        <v>7.027882</v>
      </c>
      <c r="D7627">
        <f t="shared" si="238"/>
        <v>7.0278820000000001E-3</v>
      </c>
      <c r="E7627" s="6">
        <f t="shared" si="239"/>
        <v>0.14305716948423799</v>
      </c>
    </row>
    <row r="7628" spans="1:5" x14ac:dyDescent="0.25">
      <c r="A7628" s="5">
        <v>43873.625</v>
      </c>
      <c r="B7628" s="2">
        <v>20.020146</v>
      </c>
      <c r="C7628">
        <v>5.638897</v>
      </c>
      <c r="D7628">
        <f t="shared" si="238"/>
        <v>5.6388970000000004E-3</v>
      </c>
      <c r="E7628" s="6">
        <f t="shared" si="239"/>
        <v>0.11289154121896201</v>
      </c>
    </row>
    <row r="7629" spans="1:5" x14ac:dyDescent="0.25">
      <c r="A7629" s="5">
        <v>43873.666666666664</v>
      </c>
      <c r="B7629" s="2">
        <v>20.493347</v>
      </c>
      <c r="C7629">
        <v>3.6549800000000001</v>
      </c>
      <c r="D7629">
        <f t="shared" si="238"/>
        <v>3.6549799999999999E-3</v>
      </c>
      <c r="E7629" s="6">
        <f t="shared" si="239"/>
        <v>7.4902773418059995E-2</v>
      </c>
    </row>
    <row r="7630" spans="1:5" x14ac:dyDescent="0.25">
      <c r="A7630" s="5">
        <v>43873.708333333336</v>
      </c>
      <c r="B7630" s="2">
        <v>23.521811</v>
      </c>
      <c r="C7630">
        <v>1.2123949999999999</v>
      </c>
      <c r="D7630">
        <f t="shared" si="238"/>
        <v>1.2123949999999998E-3</v>
      </c>
      <c r="E7630" s="6">
        <f t="shared" si="239"/>
        <v>2.8517726047344996E-2</v>
      </c>
    </row>
    <row r="7631" spans="1:5" x14ac:dyDescent="0.25">
      <c r="A7631" s="5">
        <v>43873.75</v>
      </c>
      <c r="B7631" s="2">
        <v>23.569731999999998</v>
      </c>
      <c r="C7631">
        <v>0</v>
      </c>
      <c r="D7631">
        <f t="shared" si="238"/>
        <v>0</v>
      </c>
      <c r="E7631" s="6">
        <f t="shared" si="239"/>
        <v>0</v>
      </c>
    </row>
    <row r="7632" spans="1:5" x14ac:dyDescent="0.25">
      <c r="A7632" s="5">
        <v>43873.791666666664</v>
      </c>
      <c r="B7632" s="2">
        <v>23.638885999999999</v>
      </c>
      <c r="C7632">
        <v>0</v>
      </c>
      <c r="D7632">
        <f t="shared" si="238"/>
        <v>0</v>
      </c>
      <c r="E7632" s="6">
        <f t="shared" si="239"/>
        <v>0</v>
      </c>
    </row>
    <row r="7633" spans="1:5" x14ac:dyDescent="0.25">
      <c r="A7633" s="5">
        <v>43873.833333333336</v>
      </c>
      <c r="B7633" s="2">
        <v>22.523584</v>
      </c>
      <c r="C7633">
        <v>0</v>
      </c>
      <c r="D7633">
        <f t="shared" si="238"/>
        <v>0</v>
      </c>
      <c r="E7633" s="6">
        <f t="shared" si="239"/>
        <v>0</v>
      </c>
    </row>
    <row r="7634" spans="1:5" x14ac:dyDescent="0.25">
      <c r="A7634" s="5">
        <v>43873.875</v>
      </c>
      <c r="B7634" s="2">
        <v>19.924118</v>
      </c>
      <c r="C7634">
        <v>0</v>
      </c>
      <c r="D7634">
        <f t="shared" si="238"/>
        <v>0</v>
      </c>
      <c r="E7634" s="6">
        <f t="shared" si="239"/>
        <v>0</v>
      </c>
    </row>
    <row r="7635" spans="1:5" x14ac:dyDescent="0.25">
      <c r="A7635" s="5">
        <v>43873.916666666664</v>
      </c>
      <c r="B7635" s="2">
        <v>18.544104999999998</v>
      </c>
      <c r="C7635">
        <v>0</v>
      </c>
      <c r="D7635">
        <f t="shared" si="238"/>
        <v>0</v>
      </c>
      <c r="E7635" s="6">
        <f t="shared" si="239"/>
        <v>0</v>
      </c>
    </row>
    <row r="7636" spans="1:5" x14ac:dyDescent="0.25">
      <c r="A7636" s="5">
        <v>43873.958333333336</v>
      </c>
      <c r="B7636" s="2">
        <v>17.357133999999999</v>
      </c>
      <c r="C7636">
        <v>0</v>
      </c>
      <c r="D7636">
        <f t="shared" si="238"/>
        <v>0</v>
      </c>
      <c r="E7636" s="6">
        <f t="shared" si="239"/>
        <v>0</v>
      </c>
    </row>
    <row r="7637" spans="1:5" x14ac:dyDescent="0.25">
      <c r="A7637" s="5">
        <v>43874</v>
      </c>
      <c r="B7637" s="2">
        <v>15.905156</v>
      </c>
      <c r="C7637">
        <v>0</v>
      </c>
      <c r="D7637">
        <f t="shared" si="238"/>
        <v>0</v>
      </c>
      <c r="E7637" s="6">
        <f t="shared" si="239"/>
        <v>0</v>
      </c>
    </row>
    <row r="7638" spans="1:5" x14ac:dyDescent="0.25">
      <c r="A7638" s="5">
        <v>43874.041666666664</v>
      </c>
      <c r="B7638" s="2">
        <v>15.546085</v>
      </c>
      <c r="C7638">
        <v>0</v>
      </c>
      <c r="D7638">
        <f t="shared" si="238"/>
        <v>0</v>
      </c>
      <c r="E7638" s="6">
        <f t="shared" si="239"/>
        <v>0</v>
      </c>
    </row>
    <row r="7639" spans="1:5" x14ac:dyDescent="0.25">
      <c r="A7639" s="5">
        <v>43874.083333333336</v>
      </c>
      <c r="B7639" s="2">
        <v>14.555394</v>
      </c>
      <c r="C7639">
        <v>0</v>
      </c>
      <c r="D7639">
        <f t="shared" si="238"/>
        <v>0</v>
      </c>
      <c r="E7639" s="6">
        <f t="shared" si="239"/>
        <v>0</v>
      </c>
    </row>
    <row r="7640" spans="1:5" x14ac:dyDescent="0.25">
      <c r="A7640" s="5">
        <v>43874.125</v>
      </c>
      <c r="B7640" s="2">
        <v>14.050864000000001</v>
      </c>
      <c r="C7640">
        <v>0</v>
      </c>
      <c r="D7640">
        <f t="shared" si="238"/>
        <v>0</v>
      </c>
      <c r="E7640" s="6">
        <f t="shared" si="239"/>
        <v>0</v>
      </c>
    </row>
    <row r="7641" spans="1:5" x14ac:dyDescent="0.25">
      <c r="A7641" s="5">
        <v>43874.166666666664</v>
      </c>
      <c r="B7641" s="2">
        <v>14.550705000000001</v>
      </c>
      <c r="C7641">
        <v>0</v>
      </c>
      <c r="D7641">
        <f t="shared" si="238"/>
        <v>0</v>
      </c>
      <c r="E7641" s="6">
        <f t="shared" si="239"/>
        <v>0</v>
      </c>
    </row>
    <row r="7642" spans="1:5" x14ac:dyDescent="0.25">
      <c r="A7642" s="5">
        <v>43874.208333333336</v>
      </c>
      <c r="B7642" s="2">
        <v>15.996591</v>
      </c>
      <c r="C7642">
        <v>0</v>
      </c>
      <c r="D7642">
        <f t="shared" si="238"/>
        <v>0</v>
      </c>
      <c r="E7642" s="6">
        <f t="shared" si="239"/>
        <v>0</v>
      </c>
    </row>
    <row r="7643" spans="1:5" x14ac:dyDescent="0.25">
      <c r="A7643" s="5">
        <v>43874.25</v>
      </c>
      <c r="B7643" s="2">
        <v>21.982348999999999</v>
      </c>
      <c r="C7643">
        <v>0</v>
      </c>
      <c r="D7643">
        <f t="shared" si="238"/>
        <v>0</v>
      </c>
      <c r="E7643" s="6">
        <f t="shared" si="239"/>
        <v>0</v>
      </c>
    </row>
    <row r="7644" spans="1:5" x14ac:dyDescent="0.25">
      <c r="A7644" s="5">
        <v>43874.291666666664</v>
      </c>
      <c r="B7644" s="2">
        <v>23.544575999999999</v>
      </c>
      <c r="C7644">
        <v>0</v>
      </c>
      <c r="D7644">
        <f t="shared" si="238"/>
        <v>0</v>
      </c>
      <c r="E7644" s="6">
        <f t="shared" si="239"/>
        <v>0</v>
      </c>
    </row>
    <row r="7645" spans="1:5" x14ac:dyDescent="0.25">
      <c r="A7645" s="5">
        <v>43874.333333333336</v>
      </c>
      <c r="B7645" s="2">
        <v>21.627932999999999</v>
      </c>
      <c r="C7645">
        <v>2.3197730000000001</v>
      </c>
      <c r="D7645">
        <f t="shared" si="238"/>
        <v>2.3197730000000002E-3</v>
      </c>
      <c r="E7645" s="6">
        <f t="shared" si="239"/>
        <v>5.0171895019209004E-2</v>
      </c>
    </row>
    <row r="7646" spans="1:5" x14ac:dyDescent="0.25">
      <c r="A7646" s="5">
        <v>43874.375</v>
      </c>
      <c r="B7646" s="2">
        <v>22.423076999999999</v>
      </c>
      <c r="C7646">
        <v>3.2260650000000002</v>
      </c>
      <c r="D7646">
        <f t="shared" si="238"/>
        <v>3.2260650000000002E-3</v>
      </c>
      <c r="E7646" s="6">
        <f t="shared" si="239"/>
        <v>7.2338303902005005E-2</v>
      </c>
    </row>
    <row r="7647" spans="1:5" x14ac:dyDescent="0.25">
      <c r="A7647" s="5">
        <v>43874.416666666664</v>
      </c>
      <c r="B7647" s="2">
        <v>22.535471999999999</v>
      </c>
      <c r="C7647">
        <v>6.2043680000000005</v>
      </c>
      <c r="D7647">
        <f t="shared" si="238"/>
        <v>6.2043680000000009E-3</v>
      </c>
      <c r="E7647" s="6">
        <f t="shared" si="239"/>
        <v>0.13981836134169601</v>
      </c>
    </row>
    <row r="7648" spans="1:5" x14ac:dyDescent="0.25">
      <c r="A7648" s="5">
        <v>43874.458333333336</v>
      </c>
      <c r="B7648" s="2">
        <v>22.133742000000002</v>
      </c>
      <c r="C7648">
        <v>7.0984399999999992</v>
      </c>
      <c r="D7648">
        <f t="shared" si="238"/>
        <v>7.0984399999999993E-3</v>
      </c>
      <c r="E7648" s="6">
        <f t="shared" si="239"/>
        <v>0.15711503956247999</v>
      </c>
    </row>
    <row r="7649" spans="1:5" x14ac:dyDescent="0.25">
      <c r="A7649" s="5">
        <v>43874.5</v>
      </c>
      <c r="B7649" s="2">
        <v>20.761911999999999</v>
      </c>
      <c r="C7649">
        <v>5.4664700000000002</v>
      </c>
      <c r="D7649">
        <f t="shared" si="238"/>
        <v>5.4664700000000002E-3</v>
      </c>
      <c r="E7649" s="6">
        <f t="shared" si="239"/>
        <v>0.11349436909063999</v>
      </c>
    </row>
    <row r="7650" spans="1:5" x14ac:dyDescent="0.25">
      <c r="A7650" s="5">
        <v>43874.541666666664</v>
      </c>
      <c r="B7650" s="2">
        <v>20.484169000000001</v>
      </c>
      <c r="C7650">
        <v>5.6537349999999993</v>
      </c>
      <c r="D7650">
        <f t="shared" si="238"/>
        <v>5.6537349999999991E-3</v>
      </c>
      <c r="E7650" s="6">
        <f t="shared" si="239"/>
        <v>0.11581206322121498</v>
      </c>
    </row>
    <row r="7651" spans="1:5" x14ac:dyDescent="0.25">
      <c r="A7651" s="5">
        <v>43874.583333333336</v>
      </c>
      <c r="B7651" s="2">
        <v>20.244973999999999</v>
      </c>
      <c r="C7651">
        <v>2.0073180000000002</v>
      </c>
      <c r="D7651">
        <f t="shared" si="238"/>
        <v>2.0073180000000001E-3</v>
      </c>
      <c r="E7651" s="6">
        <f t="shared" si="239"/>
        <v>4.0638100719732E-2</v>
      </c>
    </row>
    <row r="7652" spans="1:5" x14ac:dyDescent="0.25">
      <c r="A7652" s="5">
        <v>43874.625</v>
      </c>
      <c r="B7652" s="2">
        <v>19.682677000000002</v>
      </c>
      <c r="C7652">
        <v>3.0997779999999997</v>
      </c>
      <c r="D7652">
        <f t="shared" si="238"/>
        <v>3.0997779999999996E-3</v>
      </c>
      <c r="E7652" s="6">
        <f t="shared" si="239"/>
        <v>6.1011929145705995E-2</v>
      </c>
    </row>
    <row r="7653" spans="1:5" x14ac:dyDescent="0.25">
      <c r="A7653" s="5">
        <v>43874.666666666664</v>
      </c>
      <c r="B7653" s="2">
        <v>20.229368000000001</v>
      </c>
      <c r="C7653">
        <v>2.9349E-2</v>
      </c>
      <c r="D7653">
        <f t="shared" si="238"/>
        <v>2.9349E-5</v>
      </c>
      <c r="E7653" s="6">
        <f t="shared" si="239"/>
        <v>5.9371172143199999E-4</v>
      </c>
    </row>
    <row r="7654" spans="1:5" x14ac:dyDescent="0.25">
      <c r="A7654" s="5">
        <v>43874.708333333336</v>
      </c>
      <c r="B7654" s="2">
        <v>24.796544999999998</v>
      </c>
      <c r="C7654">
        <v>0.40579700000000002</v>
      </c>
      <c r="D7654">
        <f t="shared" si="238"/>
        <v>4.05797E-4</v>
      </c>
      <c r="E7654" s="6">
        <f t="shared" si="239"/>
        <v>1.0062363571365E-2</v>
      </c>
    </row>
    <row r="7655" spans="1:5" x14ac:dyDescent="0.25">
      <c r="A7655" s="5">
        <v>43874.75</v>
      </c>
      <c r="B7655" s="2">
        <v>26.604009999999999</v>
      </c>
      <c r="C7655">
        <v>0</v>
      </c>
      <c r="D7655">
        <f t="shared" si="238"/>
        <v>0</v>
      </c>
      <c r="E7655" s="6">
        <f t="shared" si="239"/>
        <v>0</v>
      </c>
    </row>
    <row r="7656" spans="1:5" x14ac:dyDescent="0.25">
      <c r="A7656" s="5">
        <v>43874.791666666664</v>
      </c>
      <c r="B7656" s="2">
        <v>25.448913999999998</v>
      </c>
      <c r="C7656">
        <v>0</v>
      </c>
      <c r="D7656">
        <f t="shared" si="238"/>
        <v>0</v>
      </c>
      <c r="E7656" s="6">
        <f t="shared" si="239"/>
        <v>0</v>
      </c>
    </row>
    <row r="7657" spans="1:5" x14ac:dyDescent="0.25">
      <c r="A7657" s="5">
        <v>43874.833333333336</v>
      </c>
      <c r="B7657" s="2">
        <v>24.917680000000001</v>
      </c>
      <c r="C7657">
        <v>0</v>
      </c>
      <c r="D7657">
        <f t="shared" si="238"/>
        <v>0</v>
      </c>
      <c r="E7657" s="6">
        <f t="shared" si="239"/>
        <v>0</v>
      </c>
    </row>
    <row r="7658" spans="1:5" x14ac:dyDescent="0.25">
      <c r="A7658" s="5">
        <v>43874.875</v>
      </c>
      <c r="B7658" s="2">
        <v>22.821384999999999</v>
      </c>
      <c r="C7658">
        <v>0</v>
      </c>
      <c r="D7658">
        <f t="shared" si="238"/>
        <v>0</v>
      </c>
      <c r="E7658" s="6">
        <f t="shared" si="239"/>
        <v>0</v>
      </c>
    </row>
    <row r="7659" spans="1:5" x14ac:dyDescent="0.25">
      <c r="A7659" s="5">
        <v>43874.916666666664</v>
      </c>
      <c r="B7659" s="2">
        <v>20.623351</v>
      </c>
      <c r="C7659">
        <v>0</v>
      </c>
      <c r="D7659">
        <f t="shared" si="238"/>
        <v>0</v>
      </c>
      <c r="E7659" s="6">
        <f t="shared" si="239"/>
        <v>0</v>
      </c>
    </row>
    <row r="7660" spans="1:5" x14ac:dyDescent="0.25">
      <c r="A7660" s="5">
        <v>43874.958333333336</v>
      </c>
      <c r="B7660" s="2">
        <v>18.908632000000001</v>
      </c>
      <c r="C7660">
        <v>0</v>
      </c>
      <c r="D7660">
        <f t="shared" si="238"/>
        <v>0</v>
      </c>
      <c r="E7660" s="6">
        <f t="shared" si="239"/>
        <v>0</v>
      </c>
    </row>
    <row r="7661" spans="1:5" x14ac:dyDescent="0.25">
      <c r="A7661" s="5">
        <v>43875</v>
      </c>
      <c r="B7661" s="2">
        <v>18.589024999999999</v>
      </c>
      <c r="C7661">
        <v>0</v>
      </c>
      <c r="D7661">
        <f t="shared" si="238"/>
        <v>0</v>
      </c>
      <c r="E7661" s="6">
        <f t="shared" si="239"/>
        <v>0</v>
      </c>
    </row>
    <row r="7662" spans="1:5" x14ac:dyDescent="0.25">
      <c r="A7662" s="5">
        <v>43875.041666666664</v>
      </c>
      <c r="B7662" s="2">
        <v>18.621770000000001</v>
      </c>
      <c r="C7662">
        <v>0</v>
      </c>
      <c r="D7662">
        <f t="shared" si="238"/>
        <v>0</v>
      </c>
      <c r="E7662" s="6">
        <f t="shared" si="239"/>
        <v>0</v>
      </c>
    </row>
    <row r="7663" spans="1:5" x14ac:dyDescent="0.25">
      <c r="A7663" s="5">
        <v>43875.083333333336</v>
      </c>
      <c r="B7663" s="2">
        <v>18.649668999999999</v>
      </c>
      <c r="C7663">
        <v>0</v>
      </c>
      <c r="D7663">
        <f t="shared" si="238"/>
        <v>0</v>
      </c>
      <c r="E7663" s="6">
        <f t="shared" si="239"/>
        <v>0</v>
      </c>
    </row>
    <row r="7664" spans="1:5" x14ac:dyDescent="0.25">
      <c r="A7664" s="5">
        <v>43875.125</v>
      </c>
      <c r="B7664" s="2">
        <v>18.905643999999999</v>
      </c>
      <c r="C7664">
        <v>0</v>
      </c>
      <c r="D7664">
        <f t="shared" si="238"/>
        <v>0</v>
      </c>
      <c r="E7664" s="6">
        <f t="shared" si="239"/>
        <v>0</v>
      </c>
    </row>
    <row r="7665" spans="1:5" x14ac:dyDescent="0.25">
      <c r="A7665" s="5">
        <v>43875.166666666664</v>
      </c>
      <c r="B7665" s="2">
        <v>19.768940000000001</v>
      </c>
      <c r="C7665">
        <v>0</v>
      </c>
      <c r="D7665">
        <f t="shared" si="238"/>
        <v>0</v>
      </c>
      <c r="E7665" s="6">
        <f t="shared" si="239"/>
        <v>0</v>
      </c>
    </row>
    <row r="7666" spans="1:5" x14ac:dyDescent="0.25">
      <c r="A7666" s="5">
        <v>43875.208333333336</v>
      </c>
      <c r="B7666" s="2">
        <v>21.802589999999999</v>
      </c>
      <c r="C7666">
        <v>0</v>
      </c>
      <c r="D7666">
        <f t="shared" si="238"/>
        <v>0</v>
      </c>
      <c r="E7666" s="6">
        <f t="shared" si="239"/>
        <v>0</v>
      </c>
    </row>
    <row r="7667" spans="1:5" x14ac:dyDescent="0.25">
      <c r="A7667" s="5">
        <v>43875.25</v>
      </c>
      <c r="B7667" s="2">
        <v>30.134633999999998</v>
      </c>
      <c r="C7667">
        <v>0</v>
      </c>
      <c r="D7667">
        <f t="shared" si="238"/>
        <v>0</v>
      </c>
      <c r="E7667" s="6">
        <f t="shared" si="239"/>
        <v>0</v>
      </c>
    </row>
    <row r="7668" spans="1:5" x14ac:dyDescent="0.25">
      <c r="A7668" s="5">
        <v>43875.291666666664</v>
      </c>
      <c r="B7668" s="2">
        <v>33.505164999999998</v>
      </c>
      <c r="C7668">
        <v>0</v>
      </c>
      <c r="D7668">
        <f t="shared" si="238"/>
        <v>0</v>
      </c>
      <c r="E7668" s="6">
        <f t="shared" si="239"/>
        <v>0</v>
      </c>
    </row>
    <row r="7669" spans="1:5" x14ac:dyDescent="0.25">
      <c r="A7669" s="5">
        <v>43875.333333333336</v>
      </c>
      <c r="B7669" s="2">
        <v>30.963156999999999</v>
      </c>
      <c r="C7669">
        <v>4.2171E-2</v>
      </c>
      <c r="D7669">
        <f t="shared" si="238"/>
        <v>4.2171E-5</v>
      </c>
      <c r="E7669" s="6">
        <f t="shared" si="239"/>
        <v>1.305747293847E-3</v>
      </c>
    </row>
    <row r="7670" spans="1:5" x14ac:dyDescent="0.25">
      <c r="A7670" s="5">
        <v>43875.375</v>
      </c>
      <c r="B7670" s="2">
        <v>28.938834</v>
      </c>
      <c r="C7670">
        <v>0.270982</v>
      </c>
      <c r="D7670">
        <f t="shared" si="238"/>
        <v>2.7098200000000002E-4</v>
      </c>
      <c r="E7670" s="6">
        <f t="shared" si="239"/>
        <v>7.8419031149880008E-3</v>
      </c>
    </row>
    <row r="7671" spans="1:5" x14ac:dyDescent="0.25">
      <c r="A7671" s="5">
        <v>43875.416666666664</v>
      </c>
      <c r="B7671" s="2">
        <v>29.120269</v>
      </c>
      <c r="C7671">
        <v>0.66359000000000001</v>
      </c>
      <c r="D7671">
        <f t="shared" si="238"/>
        <v>6.6359000000000003E-4</v>
      </c>
      <c r="E7671" s="6">
        <f t="shared" si="239"/>
        <v>1.9323919305710001E-2</v>
      </c>
    </row>
    <row r="7672" spans="1:5" x14ac:dyDescent="0.25">
      <c r="A7672" s="5">
        <v>43875.458333333336</v>
      </c>
      <c r="B7672" s="2">
        <v>25.978719000000002</v>
      </c>
      <c r="C7672">
        <v>1.351057</v>
      </c>
      <c r="D7672">
        <f t="shared" si="238"/>
        <v>1.3510569999999999E-3</v>
      </c>
      <c r="E7672" s="6">
        <f t="shared" si="239"/>
        <v>3.5098730155982999E-2</v>
      </c>
    </row>
    <row r="7673" spans="1:5" x14ac:dyDescent="0.25">
      <c r="A7673" s="5">
        <v>43875.5</v>
      </c>
      <c r="B7673" s="2">
        <v>23.882107000000001</v>
      </c>
      <c r="C7673">
        <v>1.086862</v>
      </c>
      <c r="D7673">
        <f t="shared" si="238"/>
        <v>1.0868620000000001E-3</v>
      </c>
      <c r="E7673" s="6">
        <f t="shared" si="239"/>
        <v>2.5956554578234002E-2</v>
      </c>
    </row>
    <row r="7674" spans="1:5" x14ac:dyDescent="0.25">
      <c r="A7674" s="5">
        <v>43875.541666666664</v>
      </c>
      <c r="B7674" s="2">
        <v>23.144922000000001</v>
      </c>
      <c r="C7674">
        <v>0.833789</v>
      </c>
      <c r="D7674">
        <f t="shared" si="238"/>
        <v>8.3378900000000004E-4</v>
      </c>
      <c r="E7674" s="6">
        <f t="shared" si="239"/>
        <v>1.9297981369458001E-2</v>
      </c>
    </row>
    <row r="7675" spans="1:5" x14ac:dyDescent="0.25">
      <c r="A7675" s="5">
        <v>43875.583333333336</v>
      </c>
      <c r="B7675" s="2">
        <v>22.580141000000001</v>
      </c>
      <c r="C7675">
        <v>0.751911</v>
      </c>
      <c r="D7675">
        <f t="shared" si="238"/>
        <v>7.5191099999999996E-4</v>
      </c>
      <c r="E7675" s="6">
        <f t="shared" si="239"/>
        <v>1.6978256399451001E-2</v>
      </c>
    </row>
    <row r="7676" spans="1:5" x14ac:dyDescent="0.25">
      <c r="A7676" s="5">
        <v>43875.625</v>
      </c>
      <c r="B7676" s="2">
        <v>22.591237</v>
      </c>
      <c r="C7676">
        <v>0.55786199999999997</v>
      </c>
      <c r="D7676">
        <f t="shared" si="238"/>
        <v>5.5786200000000001E-4</v>
      </c>
      <c r="E7676" s="6">
        <f t="shared" si="239"/>
        <v>1.2602792655293999E-2</v>
      </c>
    </row>
    <row r="7677" spans="1:5" x14ac:dyDescent="0.25">
      <c r="A7677" s="5">
        <v>43875.666666666664</v>
      </c>
      <c r="B7677" s="2">
        <v>22.942074999999999</v>
      </c>
      <c r="C7677">
        <v>2.994364</v>
      </c>
      <c r="D7677">
        <f t="shared" si="238"/>
        <v>2.9943640000000002E-3</v>
      </c>
      <c r="E7677" s="6">
        <f t="shared" si="239"/>
        <v>6.86969234653E-2</v>
      </c>
    </row>
    <row r="7678" spans="1:5" x14ac:dyDescent="0.25">
      <c r="A7678" s="5">
        <v>43875.708333333336</v>
      </c>
      <c r="B7678" s="2">
        <v>26.571009</v>
      </c>
      <c r="C7678">
        <v>0.82941200000000004</v>
      </c>
      <c r="D7678">
        <f t="shared" si="238"/>
        <v>8.2941200000000007E-4</v>
      </c>
      <c r="E7678" s="6">
        <f t="shared" si="239"/>
        <v>2.2038313716708002E-2</v>
      </c>
    </row>
    <row r="7679" spans="1:5" x14ac:dyDescent="0.25">
      <c r="A7679" s="5">
        <v>43875.75</v>
      </c>
      <c r="B7679" s="2">
        <v>30.88044</v>
      </c>
      <c r="C7679">
        <v>0</v>
      </c>
      <c r="D7679">
        <f t="shared" si="238"/>
        <v>0</v>
      </c>
      <c r="E7679" s="6">
        <f t="shared" si="239"/>
        <v>0</v>
      </c>
    </row>
    <row r="7680" spans="1:5" x14ac:dyDescent="0.25">
      <c r="A7680" s="5">
        <v>43875.791666666664</v>
      </c>
      <c r="B7680" s="2">
        <v>30.542567999999999</v>
      </c>
      <c r="C7680">
        <v>0</v>
      </c>
      <c r="D7680">
        <f t="shared" si="238"/>
        <v>0</v>
      </c>
      <c r="E7680" s="6">
        <f t="shared" si="239"/>
        <v>0</v>
      </c>
    </row>
    <row r="7681" spans="1:5" x14ac:dyDescent="0.25">
      <c r="A7681" s="5">
        <v>43875.833333333336</v>
      </c>
      <c r="B7681" s="2">
        <v>28.502289999999999</v>
      </c>
      <c r="C7681">
        <v>0</v>
      </c>
      <c r="D7681">
        <f t="shared" si="238"/>
        <v>0</v>
      </c>
      <c r="E7681" s="6">
        <f t="shared" si="239"/>
        <v>0</v>
      </c>
    </row>
    <row r="7682" spans="1:5" x14ac:dyDescent="0.25">
      <c r="A7682" s="5">
        <v>43875.875</v>
      </c>
      <c r="B7682" s="2">
        <v>27.946332999999999</v>
      </c>
      <c r="C7682">
        <v>0</v>
      </c>
      <c r="D7682">
        <f t="shared" si="238"/>
        <v>0</v>
      </c>
      <c r="E7682" s="6">
        <f t="shared" si="239"/>
        <v>0</v>
      </c>
    </row>
    <row r="7683" spans="1:5" x14ac:dyDescent="0.25">
      <c r="A7683" s="5">
        <v>43875.916666666664</v>
      </c>
      <c r="B7683" s="2">
        <v>24.967599</v>
      </c>
      <c r="C7683">
        <v>0</v>
      </c>
      <c r="D7683">
        <f t="shared" si="238"/>
        <v>0</v>
      </c>
      <c r="E7683" s="6">
        <f t="shared" si="239"/>
        <v>0</v>
      </c>
    </row>
    <row r="7684" spans="1:5" x14ac:dyDescent="0.25">
      <c r="A7684" s="5">
        <v>43875.958333333336</v>
      </c>
      <c r="B7684" s="2">
        <v>22.438122</v>
      </c>
      <c r="C7684">
        <v>0</v>
      </c>
      <c r="D7684">
        <f t="shared" si="238"/>
        <v>0</v>
      </c>
      <c r="E7684" s="6">
        <f t="shared" si="239"/>
        <v>0</v>
      </c>
    </row>
    <row r="7685" spans="1:5" x14ac:dyDescent="0.25">
      <c r="A7685" s="5">
        <v>43876</v>
      </c>
      <c r="B7685" s="2">
        <v>21.753923</v>
      </c>
      <c r="C7685">
        <v>0</v>
      </c>
      <c r="D7685">
        <f t="shared" si="238"/>
        <v>0</v>
      </c>
      <c r="E7685" s="6">
        <f t="shared" si="239"/>
        <v>0</v>
      </c>
    </row>
    <row r="7686" spans="1:5" x14ac:dyDescent="0.25">
      <c r="A7686" s="5">
        <v>43876.041666666664</v>
      </c>
      <c r="B7686" s="2">
        <v>21.400473999999999</v>
      </c>
      <c r="C7686">
        <v>0</v>
      </c>
      <c r="D7686">
        <f t="shared" ref="D7686:D7749" si="240">C7686/1000</f>
        <v>0</v>
      </c>
      <c r="E7686" s="6">
        <f t="shared" ref="E7686:E7749" si="241">D7686*B7686</f>
        <v>0</v>
      </c>
    </row>
    <row r="7687" spans="1:5" x14ac:dyDescent="0.25">
      <c r="A7687" s="5">
        <v>43876.083333333336</v>
      </c>
      <c r="B7687" s="2">
        <v>21.077517</v>
      </c>
      <c r="C7687">
        <v>0</v>
      </c>
      <c r="D7687">
        <f t="shared" si="240"/>
        <v>0</v>
      </c>
      <c r="E7687" s="6">
        <f t="shared" si="241"/>
        <v>0</v>
      </c>
    </row>
    <row r="7688" spans="1:5" x14ac:dyDescent="0.25">
      <c r="A7688" s="5">
        <v>43876.125</v>
      </c>
      <c r="B7688" s="2">
        <v>21.382601999999999</v>
      </c>
      <c r="C7688">
        <v>0</v>
      </c>
      <c r="D7688">
        <f t="shared" si="240"/>
        <v>0</v>
      </c>
      <c r="E7688" s="6">
        <f t="shared" si="241"/>
        <v>0</v>
      </c>
    </row>
    <row r="7689" spans="1:5" x14ac:dyDescent="0.25">
      <c r="A7689" s="5">
        <v>43876.166666666664</v>
      </c>
      <c r="B7689" s="2">
        <v>21.728950999999999</v>
      </c>
      <c r="C7689">
        <v>0</v>
      </c>
      <c r="D7689">
        <f t="shared" si="240"/>
        <v>0</v>
      </c>
      <c r="E7689" s="6">
        <f t="shared" si="241"/>
        <v>0</v>
      </c>
    </row>
    <row r="7690" spans="1:5" x14ac:dyDescent="0.25">
      <c r="A7690" s="5">
        <v>43876.208333333336</v>
      </c>
      <c r="B7690" s="2">
        <v>23.399374999999999</v>
      </c>
      <c r="C7690">
        <v>0</v>
      </c>
      <c r="D7690">
        <f t="shared" si="240"/>
        <v>0</v>
      </c>
      <c r="E7690" s="6">
        <f t="shared" si="241"/>
        <v>0</v>
      </c>
    </row>
    <row r="7691" spans="1:5" x14ac:dyDescent="0.25">
      <c r="A7691" s="5">
        <v>43876.25</v>
      </c>
      <c r="B7691" s="2">
        <v>24.503167999999999</v>
      </c>
      <c r="C7691">
        <v>0</v>
      </c>
      <c r="D7691">
        <f t="shared" si="240"/>
        <v>0</v>
      </c>
      <c r="E7691" s="6">
        <f t="shared" si="241"/>
        <v>0</v>
      </c>
    </row>
    <row r="7692" spans="1:5" x14ac:dyDescent="0.25">
      <c r="A7692" s="5">
        <v>43876.291666666664</v>
      </c>
      <c r="B7692" s="2">
        <v>25.738232</v>
      </c>
      <c r="C7692">
        <v>0</v>
      </c>
      <c r="D7692">
        <f t="shared" si="240"/>
        <v>0</v>
      </c>
      <c r="E7692" s="6">
        <f t="shared" si="241"/>
        <v>0</v>
      </c>
    </row>
    <row r="7693" spans="1:5" x14ac:dyDescent="0.25">
      <c r="A7693" s="5">
        <v>43876.333333333336</v>
      </c>
      <c r="B7693" s="2">
        <v>24.386285000000001</v>
      </c>
      <c r="C7693">
        <v>2.1066799999999999</v>
      </c>
      <c r="D7693">
        <f t="shared" si="240"/>
        <v>2.1066800000000001E-3</v>
      </c>
      <c r="E7693" s="6">
        <f t="shared" si="241"/>
        <v>5.1374098883800005E-2</v>
      </c>
    </row>
    <row r="7694" spans="1:5" x14ac:dyDescent="0.25">
      <c r="A7694" s="5">
        <v>43876.375</v>
      </c>
      <c r="B7694" s="2">
        <v>22.813915999999999</v>
      </c>
      <c r="C7694">
        <v>4.2681760000000004</v>
      </c>
      <c r="D7694">
        <f t="shared" si="240"/>
        <v>4.2681760000000003E-3</v>
      </c>
      <c r="E7694" s="6">
        <f t="shared" si="241"/>
        <v>9.7373808737216003E-2</v>
      </c>
    </row>
    <row r="7695" spans="1:5" x14ac:dyDescent="0.25">
      <c r="A7695" s="5">
        <v>43876.416666666664</v>
      </c>
      <c r="B7695" s="2">
        <v>20.862055999999999</v>
      </c>
      <c r="C7695">
        <v>3.3555900000000003</v>
      </c>
      <c r="D7695">
        <f t="shared" si="240"/>
        <v>3.3555900000000003E-3</v>
      </c>
      <c r="E7695" s="6">
        <f t="shared" si="241"/>
        <v>7.0004506493040006E-2</v>
      </c>
    </row>
    <row r="7696" spans="1:5" x14ac:dyDescent="0.25">
      <c r="A7696" s="5">
        <v>43876.458333333336</v>
      </c>
      <c r="B7696" s="2">
        <v>19.259065</v>
      </c>
      <c r="C7696">
        <v>6.8997659999999996</v>
      </c>
      <c r="D7696">
        <f t="shared" si="240"/>
        <v>6.8997659999999999E-3</v>
      </c>
      <c r="E7696" s="6">
        <f t="shared" si="241"/>
        <v>0.13288304187878999</v>
      </c>
    </row>
    <row r="7697" spans="1:5" x14ac:dyDescent="0.25">
      <c r="A7697" s="5">
        <v>43876.5</v>
      </c>
      <c r="B7697" s="2">
        <v>18.366440999999998</v>
      </c>
      <c r="C7697">
        <v>7.2000640000000002</v>
      </c>
      <c r="D7697">
        <f t="shared" si="240"/>
        <v>7.2000639999999999E-3</v>
      </c>
      <c r="E7697" s="6">
        <f t="shared" si="241"/>
        <v>0.13223955065222398</v>
      </c>
    </row>
    <row r="7698" spans="1:5" x14ac:dyDescent="0.25">
      <c r="A7698" s="5">
        <v>43876.541666666664</v>
      </c>
      <c r="B7698" s="2">
        <v>18.054092000000001</v>
      </c>
      <c r="C7698">
        <v>7.0244049999999998</v>
      </c>
      <c r="D7698">
        <f t="shared" si="240"/>
        <v>7.0244050000000001E-3</v>
      </c>
      <c r="E7698" s="6">
        <f t="shared" si="241"/>
        <v>0.12681925411526002</v>
      </c>
    </row>
    <row r="7699" spans="1:5" x14ac:dyDescent="0.25">
      <c r="A7699" s="5">
        <v>43876.583333333336</v>
      </c>
      <c r="B7699" s="2">
        <v>17.176531000000001</v>
      </c>
      <c r="C7699">
        <v>4.3556030000000003</v>
      </c>
      <c r="D7699">
        <f t="shared" si="240"/>
        <v>4.3556030000000004E-3</v>
      </c>
      <c r="E7699" s="6">
        <f t="shared" si="241"/>
        <v>7.4814149953193007E-2</v>
      </c>
    </row>
    <row r="7700" spans="1:5" x14ac:dyDescent="0.25">
      <c r="A7700" s="5">
        <v>43876.625</v>
      </c>
      <c r="B7700" s="2">
        <v>17.030362</v>
      </c>
      <c r="C7700">
        <v>0.78754000000000002</v>
      </c>
      <c r="D7700">
        <f t="shared" si="240"/>
        <v>7.8753999999999998E-4</v>
      </c>
      <c r="E7700" s="6">
        <f t="shared" si="241"/>
        <v>1.341209128948E-2</v>
      </c>
    </row>
    <row r="7701" spans="1:5" x14ac:dyDescent="0.25">
      <c r="A7701" s="5">
        <v>43876.666666666664</v>
      </c>
      <c r="B7701" s="2">
        <v>17.951732</v>
      </c>
      <c r="C7701">
        <v>1.2276800000000001</v>
      </c>
      <c r="D7701">
        <f t="shared" si="240"/>
        <v>1.2276800000000001E-3</v>
      </c>
      <c r="E7701" s="6">
        <f t="shared" si="241"/>
        <v>2.2038982341760001E-2</v>
      </c>
    </row>
    <row r="7702" spans="1:5" x14ac:dyDescent="0.25">
      <c r="A7702" s="5">
        <v>43876.708333333336</v>
      </c>
      <c r="B7702" s="2">
        <v>20.017388</v>
      </c>
      <c r="C7702">
        <v>0.18939799999999998</v>
      </c>
      <c r="D7702">
        <f t="shared" si="240"/>
        <v>1.8939799999999999E-4</v>
      </c>
      <c r="E7702" s="6">
        <f t="shared" si="241"/>
        <v>3.7912532524239997E-3</v>
      </c>
    </row>
    <row r="7703" spans="1:5" x14ac:dyDescent="0.25">
      <c r="A7703" s="5">
        <v>43876.75</v>
      </c>
      <c r="B7703" s="2">
        <v>23.229935000000001</v>
      </c>
      <c r="C7703">
        <v>0</v>
      </c>
      <c r="D7703">
        <f t="shared" si="240"/>
        <v>0</v>
      </c>
      <c r="E7703" s="6">
        <f t="shared" si="241"/>
        <v>0</v>
      </c>
    </row>
    <row r="7704" spans="1:5" x14ac:dyDescent="0.25">
      <c r="A7704" s="5">
        <v>43876.791666666664</v>
      </c>
      <c r="B7704" s="2">
        <v>21.735188999999998</v>
      </c>
      <c r="C7704">
        <v>0</v>
      </c>
      <c r="D7704">
        <f t="shared" si="240"/>
        <v>0</v>
      </c>
      <c r="E7704" s="6">
        <f t="shared" si="241"/>
        <v>0</v>
      </c>
    </row>
    <row r="7705" spans="1:5" x14ac:dyDescent="0.25">
      <c r="A7705" s="5">
        <v>43876.833333333336</v>
      </c>
      <c r="B7705" s="2">
        <v>20.997527000000002</v>
      </c>
      <c r="C7705">
        <v>0</v>
      </c>
      <c r="D7705">
        <f t="shared" si="240"/>
        <v>0</v>
      </c>
      <c r="E7705" s="6">
        <f t="shared" si="241"/>
        <v>0</v>
      </c>
    </row>
    <row r="7706" spans="1:5" x14ac:dyDescent="0.25">
      <c r="A7706" s="5">
        <v>43876.875</v>
      </c>
      <c r="B7706" s="2">
        <v>19.325348000000002</v>
      </c>
      <c r="C7706">
        <v>0</v>
      </c>
      <c r="D7706">
        <f t="shared" si="240"/>
        <v>0</v>
      </c>
      <c r="E7706" s="6">
        <f t="shared" si="241"/>
        <v>0</v>
      </c>
    </row>
    <row r="7707" spans="1:5" x14ac:dyDescent="0.25">
      <c r="A7707" s="5">
        <v>43876.916666666664</v>
      </c>
      <c r="B7707" s="2">
        <v>18.933816</v>
      </c>
      <c r="C7707">
        <v>0</v>
      </c>
      <c r="D7707">
        <f t="shared" si="240"/>
        <v>0</v>
      </c>
      <c r="E7707" s="6">
        <f t="shared" si="241"/>
        <v>0</v>
      </c>
    </row>
    <row r="7708" spans="1:5" x14ac:dyDescent="0.25">
      <c r="A7708" s="5">
        <v>43876.958333333336</v>
      </c>
      <c r="B7708" s="2">
        <v>18.322683999999999</v>
      </c>
      <c r="C7708">
        <v>0</v>
      </c>
      <c r="D7708">
        <f t="shared" si="240"/>
        <v>0</v>
      </c>
      <c r="E7708" s="6">
        <f t="shared" si="241"/>
        <v>0</v>
      </c>
    </row>
    <row r="7709" spans="1:5" x14ac:dyDescent="0.25">
      <c r="A7709" s="5">
        <v>43877</v>
      </c>
      <c r="B7709" s="2">
        <v>17.091187000000001</v>
      </c>
      <c r="C7709">
        <v>0</v>
      </c>
      <c r="D7709">
        <f t="shared" si="240"/>
        <v>0</v>
      </c>
      <c r="E7709" s="6">
        <f t="shared" si="241"/>
        <v>0</v>
      </c>
    </row>
    <row r="7710" spans="1:5" x14ac:dyDescent="0.25">
      <c r="A7710" s="5">
        <v>43877.041666666664</v>
      </c>
      <c r="B7710" s="2">
        <v>16.700351999999999</v>
      </c>
      <c r="C7710">
        <v>0</v>
      </c>
      <c r="D7710">
        <f t="shared" si="240"/>
        <v>0</v>
      </c>
      <c r="E7710" s="6">
        <f t="shared" si="241"/>
        <v>0</v>
      </c>
    </row>
    <row r="7711" spans="1:5" x14ac:dyDescent="0.25">
      <c r="A7711" s="5">
        <v>43877.083333333336</v>
      </c>
      <c r="B7711" s="2">
        <v>16.758109999999999</v>
      </c>
      <c r="C7711">
        <v>0</v>
      </c>
      <c r="D7711">
        <f t="shared" si="240"/>
        <v>0</v>
      </c>
      <c r="E7711" s="6">
        <f t="shared" si="241"/>
        <v>0</v>
      </c>
    </row>
    <row r="7712" spans="1:5" x14ac:dyDescent="0.25">
      <c r="A7712" s="5">
        <v>43877.125</v>
      </c>
      <c r="B7712" s="2">
        <v>16.566324000000002</v>
      </c>
      <c r="C7712">
        <v>0</v>
      </c>
      <c r="D7712">
        <f t="shared" si="240"/>
        <v>0</v>
      </c>
      <c r="E7712" s="6">
        <f t="shared" si="241"/>
        <v>0</v>
      </c>
    </row>
    <row r="7713" spans="1:5" x14ac:dyDescent="0.25">
      <c r="A7713" s="5">
        <v>43877.166666666664</v>
      </c>
      <c r="B7713" s="2">
        <v>16.679188</v>
      </c>
      <c r="C7713">
        <v>0</v>
      </c>
      <c r="D7713">
        <f t="shared" si="240"/>
        <v>0</v>
      </c>
      <c r="E7713" s="6">
        <f t="shared" si="241"/>
        <v>0</v>
      </c>
    </row>
    <row r="7714" spans="1:5" x14ac:dyDescent="0.25">
      <c r="A7714" s="5">
        <v>43877.208333333336</v>
      </c>
      <c r="B7714" s="2">
        <v>17.509758999999999</v>
      </c>
      <c r="C7714">
        <v>0</v>
      </c>
      <c r="D7714">
        <f t="shared" si="240"/>
        <v>0</v>
      </c>
      <c r="E7714" s="6">
        <f t="shared" si="241"/>
        <v>0</v>
      </c>
    </row>
    <row r="7715" spans="1:5" x14ac:dyDescent="0.25">
      <c r="A7715" s="5">
        <v>43877.25</v>
      </c>
      <c r="B7715" s="2">
        <v>19.253252</v>
      </c>
      <c r="C7715">
        <v>0</v>
      </c>
      <c r="D7715">
        <f t="shared" si="240"/>
        <v>0</v>
      </c>
      <c r="E7715" s="6">
        <f t="shared" si="241"/>
        <v>0</v>
      </c>
    </row>
    <row r="7716" spans="1:5" x14ac:dyDescent="0.25">
      <c r="A7716" s="5">
        <v>43877.291666666664</v>
      </c>
      <c r="B7716" s="2">
        <v>20.231337</v>
      </c>
      <c r="C7716">
        <v>0</v>
      </c>
      <c r="D7716">
        <f t="shared" si="240"/>
        <v>0</v>
      </c>
      <c r="E7716" s="6">
        <f t="shared" si="241"/>
        <v>0</v>
      </c>
    </row>
    <row r="7717" spans="1:5" x14ac:dyDescent="0.25">
      <c r="A7717" s="5">
        <v>43877.333333333336</v>
      </c>
      <c r="B7717" s="2">
        <v>20.961528999999999</v>
      </c>
      <c r="C7717">
        <v>0</v>
      </c>
      <c r="D7717">
        <f t="shared" si="240"/>
        <v>0</v>
      </c>
      <c r="E7717" s="6">
        <f t="shared" si="241"/>
        <v>0</v>
      </c>
    </row>
    <row r="7718" spans="1:5" x14ac:dyDescent="0.25">
      <c r="A7718" s="5">
        <v>43877.375</v>
      </c>
      <c r="B7718" s="2">
        <v>19.703828999999999</v>
      </c>
      <c r="C7718">
        <v>6.7927000000000001E-2</v>
      </c>
      <c r="D7718">
        <f t="shared" si="240"/>
        <v>6.7927000000000002E-5</v>
      </c>
      <c r="E7718" s="6">
        <f t="shared" si="241"/>
        <v>1.3384219924829999E-3</v>
      </c>
    </row>
    <row r="7719" spans="1:5" x14ac:dyDescent="0.25">
      <c r="A7719" s="5">
        <v>43877.416666666664</v>
      </c>
      <c r="B7719" s="2">
        <v>19.292725999999998</v>
      </c>
      <c r="C7719">
        <v>0.67322000000000004</v>
      </c>
      <c r="D7719">
        <f t="shared" si="240"/>
        <v>6.7322000000000009E-4</v>
      </c>
      <c r="E7719" s="6">
        <f t="shared" si="241"/>
        <v>1.2988248997720001E-2</v>
      </c>
    </row>
    <row r="7720" spans="1:5" x14ac:dyDescent="0.25">
      <c r="A7720" s="5">
        <v>43877.458333333336</v>
      </c>
      <c r="B7720" s="2">
        <v>18.660188999999999</v>
      </c>
      <c r="C7720">
        <v>0.69304499999999991</v>
      </c>
      <c r="D7720">
        <f t="shared" si="240"/>
        <v>6.9304499999999988E-4</v>
      </c>
      <c r="E7720" s="6">
        <f t="shared" si="241"/>
        <v>1.2932350685504997E-2</v>
      </c>
    </row>
    <row r="7721" spans="1:5" x14ac:dyDescent="0.25">
      <c r="A7721" s="5">
        <v>43877.5</v>
      </c>
      <c r="B7721" s="2">
        <v>17.588428</v>
      </c>
      <c r="C7721">
        <v>1.5256149999999999</v>
      </c>
      <c r="D7721">
        <f t="shared" si="240"/>
        <v>1.5256149999999999E-3</v>
      </c>
      <c r="E7721" s="6">
        <f t="shared" si="241"/>
        <v>2.6833169583220001E-2</v>
      </c>
    </row>
    <row r="7722" spans="1:5" x14ac:dyDescent="0.25">
      <c r="A7722" s="5">
        <v>43877.541666666664</v>
      </c>
      <c r="B7722" s="2">
        <v>16.787552999999999</v>
      </c>
      <c r="C7722">
        <v>6.1430309999999997</v>
      </c>
      <c r="D7722">
        <f t="shared" si="240"/>
        <v>6.1430309999999993E-3</v>
      </c>
      <c r="E7722" s="6">
        <f t="shared" si="241"/>
        <v>0.10312645849314299</v>
      </c>
    </row>
    <row r="7723" spans="1:5" x14ac:dyDescent="0.25">
      <c r="A7723" s="5">
        <v>43877.583333333336</v>
      </c>
      <c r="B7723" s="2">
        <v>16.720677999999999</v>
      </c>
      <c r="C7723">
        <v>0.95657100000000006</v>
      </c>
      <c r="D7723">
        <f t="shared" si="240"/>
        <v>9.5657100000000003E-4</v>
      </c>
      <c r="E7723" s="6">
        <f t="shared" si="241"/>
        <v>1.5994515675137998E-2</v>
      </c>
    </row>
    <row r="7724" spans="1:5" x14ac:dyDescent="0.25">
      <c r="A7724" s="5">
        <v>43877.625</v>
      </c>
      <c r="B7724" s="2">
        <v>16.534282999999999</v>
      </c>
      <c r="C7724">
        <v>0.64521699999999993</v>
      </c>
      <c r="D7724">
        <f t="shared" si="240"/>
        <v>6.452169999999999E-4</v>
      </c>
      <c r="E7724" s="6">
        <f t="shared" si="241"/>
        <v>1.0668200474410998E-2</v>
      </c>
    </row>
    <row r="7725" spans="1:5" x14ac:dyDescent="0.25">
      <c r="A7725" s="5">
        <v>43877.666666666664</v>
      </c>
      <c r="B7725" s="2">
        <v>17.066413000000001</v>
      </c>
      <c r="C7725">
        <v>6.6244999999999998E-2</v>
      </c>
      <c r="D7725">
        <f t="shared" si="240"/>
        <v>6.6245E-5</v>
      </c>
      <c r="E7725" s="6">
        <f t="shared" si="241"/>
        <v>1.130564529185E-3</v>
      </c>
    </row>
    <row r="7726" spans="1:5" x14ac:dyDescent="0.25">
      <c r="A7726" s="5">
        <v>43877.708333333336</v>
      </c>
      <c r="B7726" s="2">
        <v>20.020116999999999</v>
      </c>
      <c r="C7726">
        <v>0.18832099999999999</v>
      </c>
      <c r="D7726">
        <f t="shared" si="240"/>
        <v>1.88321E-4</v>
      </c>
      <c r="E7726" s="6">
        <f t="shared" si="241"/>
        <v>3.7702084535569998E-3</v>
      </c>
    </row>
    <row r="7727" spans="1:5" x14ac:dyDescent="0.25">
      <c r="A7727" s="5">
        <v>43877.75</v>
      </c>
      <c r="B7727" s="2">
        <v>21.672498999999998</v>
      </c>
      <c r="C7727">
        <v>0</v>
      </c>
      <c r="D7727">
        <f t="shared" si="240"/>
        <v>0</v>
      </c>
      <c r="E7727" s="6">
        <f t="shared" si="241"/>
        <v>0</v>
      </c>
    </row>
    <row r="7728" spans="1:5" x14ac:dyDescent="0.25">
      <c r="A7728" s="5">
        <v>43877.791666666664</v>
      </c>
      <c r="B7728" s="2">
        <v>20.846900999999999</v>
      </c>
      <c r="C7728">
        <v>0</v>
      </c>
      <c r="D7728">
        <f t="shared" si="240"/>
        <v>0</v>
      </c>
      <c r="E7728" s="6">
        <f t="shared" si="241"/>
        <v>0</v>
      </c>
    </row>
    <row r="7729" spans="1:5" x14ac:dyDescent="0.25">
      <c r="A7729" s="5">
        <v>43877.833333333336</v>
      </c>
      <c r="B7729" s="2">
        <v>20.366008000000001</v>
      </c>
      <c r="C7729">
        <v>0</v>
      </c>
      <c r="D7729">
        <f t="shared" si="240"/>
        <v>0</v>
      </c>
      <c r="E7729" s="6">
        <f t="shared" si="241"/>
        <v>0</v>
      </c>
    </row>
    <row r="7730" spans="1:5" x14ac:dyDescent="0.25">
      <c r="A7730" s="5">
        <v>43877.875</v>
      </c>
      <c r="B7730" s="2">
        <v>19.259087000000001</v>
      </c>
      <c r="C7730">
        <v>0</v>
      </c>
      <c r="D7730">
        <f t="shared" si="240"/>
        <v>0</v>
      </c>
      <c r="E7730" s="6">
        <f t="shared" si="241"/>
        <v>0</v>
      </c>
    </row>
    <row r="7731" spans="1:5" x14ac:dyDescent="0.25">
      <c r="A7731" s="5">
        <v>43877.916666666664</v>
      </c>
      <c r="B7731" s="2">
        <v>18.235271999999998</v>
      </c>
      <c r="C7731">
        <v>0</v>
      </c>
      <c r="D7731">
        <f t="shared" si="240"/>
        <v>0</v>
      </c>
      <c r="E7731" s="6">
        <f t="shared" si="241"/>
        <v>0</v>
      </c>
    </row>
    <row r="7732" spans="1:5" x14ac:dyDescent="0.25">
      <c r="A7732" s="5">
        <v>43877.958333333336</v>
      </c>
      <c r="B7732" s="2">
        <v>16.919378999999999</v>
      </c>
      <c r="C7732">
        <v>0</v>
      </c>
      <c r="D7732">
        <f t="shared" si="240"/>
        <v>0</v>
      </c>
      <c r="E7732" s="6">
        <f t="shared" si="241"/>
        <v>0</v>
      </c>
    </row>
    <row r="7733" spans="1:5" x14ac:dyDescent="0.25">
      <c r="A7733" s="5">
        <v>43878</v>
      </c>
      <c r="B7733" s="2">
        <v>15.823843999999999</v>
      </c>
      <c r="C7733">
        <v>0</v>
      </c>
      <c r="D7733">
        <f t="shared" si="240"/>
        <v>0</v>
      </c>
      <c r="E7733" s="6">
        <f t="shared" si="241"/>
        <v>0</v>
      </c>
    </row>
    <row r="7734" spans="1:5" x14ac:dyDescent="0.25">
      <c r="A7734" s="5">
        <v>43878.041666666664</v>
      </c>
      <c r="B7734" s="2">
        <v>15.745444000000001</v>
      </c>
      <c r="C7734">
        <v>0</v>
      </c>
      <c r="D7734">
        <f t="shared" si="240"/>
        <v>0</v>
      </c>
      <c r="E7734" s="6">
        <f t="shared" si="241"/>
        <v>0</v>
      </c>
    </row>
    <row r="7735" spans="1:5" x14ac:dyDescent="0.25">
      <c r="A7735" s="5">
        <v>43878.083333333336</v>
      </c>
      <c r="B7735" s="2">
        <v>16.076740999999998</v>
      </c>
      <c r="C7735">
        <v>0</v>
      </c>
      <c r="D7735">
        <f t="shared" si="240"/>
        <v>0</v>
      </c>
      <c r="E7735" s="6">
        <f t="shared" si="241"/>
        <v>0</v>
      </c>
    </row>
    <row r="7736" spans="1:5" x14ac:dyDescent="0.25">
      <c r="A7736" s="5">
        <v>43878.125</v>
      </c>
      <c r="B7736" s="2">
        <v>15.733902</v>
      </c>
      <c r="C7736">
        <v>0</v>
      </c>
      <c r="D7736">
        <f t="shared" si="240"/>
        <v>0</v>
      </c>
      <c r="E7736" s="6">
        <f t="shared" si="241"/>
        <v>0</v>
      </c>
    </row>
    <row r="7737" spans="1:5" x14ac:dyDescent="0.25">
      <c r="A7737" s="5">
        <v>43878.166666666664</v>
      </c>
      <c r="B7737" s="2">
        <v>16.158303</v>
      </c>
      <c r="C7737">
        <v>0</v>
      </c>
      <c r="D7737">
        <f t="shared" si="240"/>
        <v>0</v>
      </c>
      <c r="E7737" s="6">
        <f t="shared" si="241"/>
        <v>0</v>
      </c>
    </row>
    <row r="7738" spans="1:5" x14ac:dyDescent="0.25">
      <c r="A7738" s="5">
        <v>43878.208333333336</v>
      </c>
      <c r="B7738" s="2">
        <v>18.617439999999998</v>
      </c>
      <c r="C7738">
        <v>0</v>
      </c>
      <c r="D7738">
        <f t="shared" si="240"/>
        <v>0</v>
      </c>
      <c r="E7738" s="6">
        <f t="shared" si="241"/>
        <v>0</v>
      </c>
    </row>
    <row r="7739" spans="1:5" x14ac:dyDescent="0.25">
      <c r="A7739" s="5">
        <v>43878.25</v>
      </c>
      <c r="B7739" s="2">
        <v>21.558926</v>
      </c>
      <c r="C7739">
        <v>0</v>
      </c>
      <c r="D7739">
        <f t="shared" si="240"/>
        <v>0</v>
      </c>
      <c r="E7739" s="6">
        <f t="shared" si="241"/>
        <v>0</v>
      </c>
    </row>
    <row r="7740" spans="1:5" x14ac:dyDescent="0.25">
      <c r="A7740" s="5">
        <v>43878.291666666664</v>
      </c>
      <c r="B7740" s="2">
        <v>21.408985999999999</v>
      </c>
      <c r="C7740">
        <v>0.102062</v>
      </c>
      <c r="D7740">
        <f t="shared" si="240"/>
        <v>1.02062E-4</v>
      </c>
      <c r="E7740" s="6">
        <f t="shared" si="241"/>
        <v>2.1850439291319999E-3</v>
      </c>
    </row>
    <row r="7741" spans="1:5" x14ac:dyDescent="0.25">
      <c r="A7741" s="5">
        <v>43878.333333333336</v>
      </c>
      <c r="B7741" s="2">
        <v>21.347712000000001</v>
      </c>
      <c r="C7741">
        <v>1.865281</v>
      </c>
      <c r="D7741">
        <f t="shared" si="240"/>
        <v>1.8652809999999999E-3</v>
      </c>
      <c r="E7741" s="6">
        <f t="shared" si="241"/>
        <v>3.9819481587071999E-2</v>
      </c>
    </row>
    <row r="7742" spans="1:5" x14ac:dyDescent="0.25">
      <c r="A7742" s="5">
        <v>43878.375</v>
      </c>
      <c r="B7742" s="2">
        <v>21.415884999999999</v>
      </c>
      <c r="C7742">
        <v>4.3206699999999998</v>
      </c>
      <c r="D7742">
        <f t="shared" si="240"/>
        <v>4.3206699999999995E-3</v>
      </c>
      <c r="E7742" s="6">
        <f t="shared" si="241"/>
        <v>9.2530971842949991E-2</v>
      </c>
    </row>
    <row r="7743" spans="1:5" x14ac:dyDescent="0.25">
      <c r="A7743" s="5">
        <v>43878.416666666664</v>
      </c>
      <c r="B7743" s="2">
        <v>21.167583</v>
      </c>
      <c r="C7743">
        <v>4.2798190000000007</v>
      </c>
      <c r="D7743">
        <f t="shared" si="240"/>
        <v>4.2798190000000007E-3</v>
      </c>
      <c r="E7743" s="6">
        <f t="shared" si="241"/>
        <v>9.0593423907477016E-2</v>
      </c>
    </row>
    <row r="7744" spans="1:5" x14ac:dyDescent="0.25">
      <c r="A7744" s="5">
        <v>43878.458333333336</v>
      </c>
      <c r="B7744" s="2">
        <v>20.225180999999999</v>
      </c>
      <c r="C7744">
        <v>6.9883040000000003</v>
      </c>
      <c r="D7744">
        <f t="shared" si="240"/>
        <v>6.9883039999999999E-3</v>
      </c>
      <c r="E7744" s="6">
        <f t="shared" si="241"/>
        <v>0.141339713283024</v>
      </c>
    </row>
    <row r="7745" spans="1:5" x14ac:dyDescent="0.25">
      <c r="A7745" s="5">
        <v>43878.5</v>
      </c>
      <c r="B7745" s="2">
        <v>19.480575000000002</v>
      </c>
      <c r="C7745">
        <v>7.3124589999999996</v>
      </c>
      <c r="D7745">
        <f t="shared" si="240"/>
        <v>7.3124589999999995E-3</v>
      </c>
      <c r="E7745" s="6">
        <f t="shared" si="241"/>
        <v>0.14245090598392501</v>
      </c>
    </row>
    <row r="7746" spans="1:5" x14ac:dyDescent="0.25">
      <c r="A7746" s="5">
        <v>43878.541666666664</v>
      </c>
      <c r="B7746" s="2">
        <v>18.941341000000001</v>
      </c>
      <c r="C7746">
        <v>7.1366959999999997</v>
      </c>
      <c r="D7746">
        <f t="shared" si="240"/>
        <v>7.1366959999999997E-3</v>
      </c>
      <c r="E7746" s="6">
        <f t="shared" si="241"/>
        <v>0.13517859254933601</v>
      </c>
    </row>
    <row r="7747" spans="1:5" x14ac:dyDescent="0.25">
      <c r="A7747" s="5">
        <v>43878.583333333336</v>
      </c>
      <c r="B7747" s="2">
        <v>18.450097</v>
      </c>
      <c r="C7747">
        <v>6.5066760000000006</v>
      </c>
      <c r="D7747">
        <f t="shared" si="240"/>
        <v>6.5066760000000003E-3</v>
      </c>
      <c r="E7747" s="6">
        <f t="shared" si="241"/>
        <v>0.12004880334757201</v>
      </c>
    </row>
    <row r="7748" spans="1:5" x14ac:dyDescent="0.25">
      <c r="A7748" s="5">
        <v>43878.625</v>
      </c>
      <c r="B7748" s="2">
        <v>17.838730000000002</v>
      </c>
      <c r="C7748">
        <v>5.2306629999999998</v>
      </c>
      <c r="D7748">
        <f t="shared" si="240"/>
        <v>5.230663E-3</v>
      </c>
      <c r="E7748" s="6">
        <f t="shared" si="241"/>
        <v>9.3308384977990003E-2</v>
      </c>
    </row>
    <row r="7749" spans="1:5" x14ac:dyDescent="0.25">
      <c r="A7749" s="5">
        <v>43878.666666666664</v>
      </c>
      <c r="B7749" s="2">
        <v>18.525877999999999</v>
      </c>
      <c r="C7749">
        <v>3.4047199999999997</v>
      </c>
      <c r="D7749">
        <f t="shared" si="240"/>
        <v>3.4047199999999995E-3</v>
      </c>
      <c r="E7749" s="6">
        <f t="shared" si="241"/>
        <v>6.3075427344159982E-2</v>
      </c>
    </row>
    <row r="7750" spans="1:5" x14ac:dyDescent="0.25">
      <c r="A7750" s="5">
        <v>43878.708333333336</v>
      </c>
      <c r="B7750" s="2">
        <v>20.781006000000001</v>
      </c>
      <c r="C7750">
        <v>1.178626</v>
      </c>
      <c r="D7750">
        <f t="shared" ref="D7750:D7813" si="242">C7750/1000</f>
        <v>1.1786259999999999E-3</v>
      </c>
      <c r="E7750" s="6">
        <f t="shared" ref="E7750:E7813" si="243">D7750*B7750</f>
        <v>2.4493033977755999E-2</v>
      </c>
    </row>
    <row r="7751" spans="1:5" x14ac:dyDescent="0.25">
      <c r="A7751" s="5">
        <v>43878.75</v>
      </c>
      <c r="B7751" s="2">
        <v>21.856203000000001</v>
      </c>
      <c r="C7751">
        <v>0</v>
      </c>
      <c r="D7751">
        <f t="shared" si="242"/>
        <v>0</v>
      </c>
      <c r="E7751" s="6">
        <f t="shared" si="243"/>
        <v>0</v>
      </c>
    </row>
    <row r="7752" spans="1:5" x14ac:dyDescent="0.25">
      <c r="A7752" s="5">
        <v>43878.791666666664</v>
      </c>
      <c r="B7752" s="2">
        <v>20.858719000000001</v>
      </c>
      <c r="C7752">
        <v>0</v>
      </c>
      <c r="D7752">
        <f t="shared" si="242"/>
        <v>0</v>
      </c>
      <c r="E7752" s="6">
        <f t="shared" si="243"/>
        <v>0</v>
      </c>
    </row>
    <row r="7753" spans="1:5" x14ac:dyDescent="0.25">
      <c r="A7753" s="5">
        <v>43878.833333333336</v>
      </c>
      <c r="B7753" s="2">
        <v>20.247237999999999</v>
      </c>
      <c r="C7753">
        <v>0</v>
      </c>
      <c r="D7753">
        <f t="shared" si="242"/>
        <v>0</v>
      </c>
      <c r="E7753" s="6">
        <f t="shared" si="243"/>
        <v>0</v>
      </c>
    </row>
    <row r="7754" spans="1:5" x14ac:dyDescent="0.25">
      <c r="A7754" s="5">
        <v>43878.875</v>
      </c>
      <c r="B7754" s="2">
        <v>19.240168000000001</v>
      </c>
      <c r="C7754">
        <v>0</v>
      </c>
      <c r="D7754">
        <f t="shared" si="242"/>
        <v>0</v>
      </c>
      <c r="E7754" s="6">
        <f t="shared" si="243"/>
        <v>0</v>
      </c>
    </row>
    <row r="7755" spans="1:5" x14ac:dyDescent="0.25">
      <c r="A7755" s="5">
        <v>43878.916666666664</v>
      </c>
      <c r="B7755" s="2">
        <v>17.113697999999999</v>
      </c>
      <c r="C7755">
        <v>0</v>
      </c>
      <c r="D7755">
        <f t="shared" si="242"/>
        <v>0</v>
      </c>
      <c r="E7755" s="6">
        <f t="shared" si="243"/>
        <v>0</v>
      </c>
    </row>
    <row r="7756" spans="1:5" x14ac:dyDescent="0.25">
      <c r="A7756" s="5">
        <v>43878.958333333336</v>
      </c>
      <c r="B7756" s="2">
        <v>14.838378000000001</v>
      </c>
      <c r="C7756">
        <v>0</v>
      </c>
      <c r="D7756">
        <f t="shared" si="242"/>
        <v>0</v>
      </c>
      <c r="E7756" s="6">
        <f t="shared" si="243"/>
        <v>0</v>
      </c>
    </row>
    <row r="7757" spans="1:5" x14ac:dyDescent="0.25">
      <c r="A7757" s="5">
        <v>43879</v>
      </c>
      <c r="B7757" s="2">
        <v>14.276752</v>
      </c>
      <c r="C7757">
        <v>0</v>
      </c>
      <c r="D7757">
        <f t="shared" si="242"/>
        <v>0</v>
      </c>
      <c r="E7757" s="6">
        <f t="shared" si="243"/>
        <v>0</v>
      </c>
    </row>
    <row r="7758" spans="1:5" x14ac:dyDescent="0.25">
      <c r="A7758" s="5">
        <v>43879.041666666664</v>
      </c>
      <c r="B7758" s="2">
        <v>14.024101</v>
      </c>
      <c r="C7758">
        <v>0</v>
      </c>
      <c r="D7758">
        <f t="shared" si="242"/>
        <v>0</v>
      </c>
      <c r="E7758" s="6">
        <f t="shared" si="243"/>
        <v>0</v>
      </c>
    </row>
    <row r="7759" spans="1:5" x14ac:dyDescent="0.25">
      <c r="A7759" s="5">
        <v>43879.083333333336</v>
      </c>
      <c r="B7759" s="2">
        <v>13.850322</v>
      </c>
      <c r="C7759">
        <v>0</v>
      </c>
      <c r="D7759">
        <f t="shared" si="242"/>
        <v>0</v>
      </c>
      <c r="E7759" s="6">
        <f t="shared" si="243"/>
        <v>0</v>
      </c>
    </row>
    <row r="7760" spans="1:5" x14ac:dyDescent="0.25">
      <c r="A7760" s="5">
        <v>43879.125</v>
      </c>
      <c r="B7760" s="2">
        <v>13.848492</v>
      </c>
      <c r="C7760">
        <v>0</v>
      </c>
      <c r="D7760">
        <f t="shared" si="242"/>
        <v>0</v>
      </c>
      <c r="E7760" s="6">
        <f t="shared" si="243"/>
        <v>0</v>
      </c>
    </row>
    <row r="7761" spans="1:5" x14ac:dyDescent="0.25">
      <c r="A7761" s="5">
        <v>43879.166666666664</v>
      </c>
      <c r="B7761" s="2">
        <v>14.408581</v>
      </c>
      <c r="C7761">
        <v>0</v>
      </c>
      <c r="D7761">
        <f t="shared" si="242"/>
        <v>0</v>
      </c>
      <c r="E7761" s="6">
        <f t="shared" si="243"/>
        <v>0</v>
      </c>
    </row>
    <row r="7762" spans="1:5" x14ac:dyDescent="0.25">
      <c r="A7762" s="5">
        <v>43879.208333333336</v>
      </c>
      <c r="B7762" s="2">
        <v>15.744683</v>
      </c>
      <c r="C7762">
        <v>0</v>
      </c>
      <c r="D7762">
        <f t="shared" si="242"/>
        <v>0</v>
      </c>
      <c r="E7762" s="6">
        <f t="shared" si="243"/>
        <v>0</v>
      </c>
    </row>
    <row r="7763" spans="1:5" x14ac:dyDescent="0.25">
      <c r="A7763" s="5">
        <v>43879.25</v>
      </c>
      <c r="B7763" s="2">
        <v>21.239106</v>
      </c>
      <c r="C7763">
        <v>0</v>
      </c>
      <c r="D7763">
        <f t="shared" si="242"/>
        <v>0</v>
      </c>
      <c r="E7763" s="6">
        <f t="shared" si="243"/>
        <v>0</v>
      </c>
    </row>
    <row r="7764" spans="1:5" x14ac:dyDescent="0.25">
      <c r="A7764" s="5">
        <v>43879.291666666664</v>
      </c>
      <c r="B7764" s="2">
        <v>22.376208999999999</v>
      </c>
      <c r="C7764">
        <v>1.2721999999999999E-2</v>
      </c>
      <c r="D7764">
        <f t="shared" si="242"/>
        <v>1.2721999999999999E-5</v>
      </c>
      <c r="E7764" s="6">
        <f t="shared" si="243"/>
        <v>2.8467013089799996E-4</v>
      </c>
    </row>
    <row r="7765" spans="1:5" x14ac:dyDescent="0.25">
      <c r="A7765" s="5">
        <v>43879.333333333336</v>
      </c>
      <c r="B7765" s="2">
        <v>20.599256</v>
      </c>
      <c r="C7765">
        <v>0.87051299999999998</v>
      </c>
      <c r="D7765">
        <f t="shared" si="242"/>
        <v>8.7051299999999995E-4</v>
      </c>
      <c r="E7765" s="6">
        <f t="shared" si="243"/>
        <v>1.7931920138327999E-2</v>
      </c>
    </row>
    <row r="7766" spans="1:5" x14ac:dyDescent="0.25">
      <c r="A7766" s="5">
        <v>43879.375</v>
      </c>
      <c r="B7766" s="2">
        <v>20.279610999999999</v>
      </c>
      <c r="C7766">
        <v>2.6622680000000001</v>
      </c>
      <c r="D7766">
        <f t="shared" si="242"/>
        <v>2.6622680000000002E-3</v>
      </c>
      <c r="E7766" s="6">
        <f t="shared" si="243"/>
        <v>5.3989759417748001E-2</v>
      </c>
    </row>
    <row r="7767" spans="1:5" x14ac:dyDescent="0.25">
      <c r="A7767" s="5">
        <v>43879.416666666664</v>
      </c>
      <c r="B7767" s="2">
        <v>20.277221000000001</v>
      </c>
      <c r="C7767">
        <v>4.1101279999999996</v>
      </c>
      <c r="D7767">
        <f t="shared" si="242"/>
        <v>4.1101279999999994E-3</v>
      </c>
      <c r="E7767" s="6">
        <f t="shared" si="243"/>
        <v>8.3341973794287996E-2</v>
      </c>
    </row>
    <row r="7768" spans="1:5" x14ac:dyDescent="0.25">
      <c r="A7768" s="5">
        <v>43879.458333333336</v>
      </c>
      <c r="B7768" s="2">
        <v>19.919046999999999</v>
      </c>
      <c r="C7768">
        <v>5.1313599999999999</v>
      </c>
      <c r="D7768">
        <f t="shared" si="242"/>
        <v>5.1313599999999997E-3</v>
      </c>
      <c r="E7768" s="6">
        <f t="shared" si="243"/>
        <v>0.10221180101392</v>
      </c>
    </row>
    <row r="7769" spans="1:5" x14ac:dyDescent="0.25">
      <c r="A7769" s="5">
        <v>43879.5</v>
      </c>
      <c r="B7769" s="2">
        <v>19.493258000000001</v>
      </c>
      <c r="C7769">
        <v>4.8172199999999998</v>
      </c>
      <c r="D7769">
        <f t="shared" si="242"/>
        <v>4.8172199999999997E-3</v>
      </c>
      <c r="E7769" s="6">
        <f t="shared" si="243"/>
        <v>9.390331230276E-2</v>
      </c>
    </row>
    <row r="7770" spans="1:5" x14ac:dyDescent="0.25">
      <c r="A7770" s="5">
        <v>43879.541666666664</v>
      </c>
      <c r="B7770" s="2">
        <v>19.512591</v>
      </c>
      <c r="C7770">
        <v>4.3881679999999994</v>
      </c>
      <c r="D7770">
        <f t="shared" si="242"/>
        <v>4.3881679999999996E-3</v>
      </c>
      <c r="E7770" s="6">
        <f t="shared" si="243"/>
        <v>8.5624527423287994E-2</v>
      </c>
    </row>
    <row r="7771" spans="1:5" x14ac:dyDescent="0.25">
      <c r="A7771" s="5">
        <v>43879.583333333336</v>
      </c>
      <c r="B7771" s="2">
        <v>18.911004999999999</v>
      </c>
      <c r="C7771">
        <v>2.8162699999999998</v>
      </c>
      <c r="D7771">
        <f t="shared" si="242"/>
        <v>2.8162699999999996E-3</v>
      </c>
      <c r="E7771" s="6">
        <f t="shared" si="243"/>
        <v>5.3258496051349989E-2</v>
      </c>
    </row>
    <row r="7772" spans="1:5" x14ac:dyDescent="0.25">
      <c r="A7772" s="5">
        <v>43879.625</v>
      </c>
      <c r="B7772" s="2">
        <v>18.772907</v>
      </c>
      <c r="C7772">
        <v>2.0893229999999998</v>
      </c>
      <c r="D7772">
        <f t="shared" si="242"/>
        <v>2.0893229999999997E-3</v>
      </c>
      <c r="E7772" s="6">
        <f t="shared" si="243"/>
        <v>3.9222666371960993E-2</v>
      </c>
    </row>
    <row r="7773" spans="1:5" x14ac:dyDescent="0.25">
      <c r="A7773" s="5">
        <v>43879.666666666664</v>
      </c>
      <c r="B7773" s="2">
        <v>19.234082999999998</v>
      </c>
      <c r="C7773">
        <v>1.562656</v>
      </c>
      <c r="D7773">
        <f t="shared" si="242"/>
        <v>1.5626559999999999E-3</v>
      </c>
      <c r="E7773" s="6">
        <f t="shared" si="243"/>
        <v>3.0056255204447997E-2</v>
      </c>
    </row>
    <row r="7774" spans="1:5" x14ac:dyDescent="0.25">
      <c r="A7774" s="5">
        <v>43879.708333333336</v>
      </c>
      <c r="B7774" s="2">
        <v>21.618635999999999</v>
      </c>
      <c r="C7774">
        <v>0.37840499999999999</v>
      </c>
      <c r="D7774">
        <f t="shared" si="242"/>
        <v>3.7840500000000001E-4</v>
      </c>
      <c r="E7774" s="6">
        <f t="shared" si="243"/>
        <v>8.180599955579999E-3</v>
      </c>
    </row>
    <row r="7775" spans="1:5" x14ac:dyDescent="0.25">
      <c r="A7775" s="5">
        <v>43879.75</v>
      </c>
      <c r="B7775" s="2">
        <v>22.899744999999999</v>
      </c>
      <c r="C7775">
        <v>0</v>
      </c>
      <c r="D7775">
        <f t="shared" si="242"/>
        <v>0</v>
      </c>
      <c r="E7775" s="6">
        <f t="shared" si="243"/>
        <v>0</v>
      </c>
    </row>
    <row r="7776" spans="1:5" x14ac:dyDescent="0.25">
      <c r="A7776" s="5">
        <v>43879.791666666664</v>
      </c>
      <c r="B7776" s="2">
        <v>21.566371</v>
      </c>
      <c r="C7776">
        <v>0</v>
      </c>
      <c r="D7776">
        <f t="shared" si="242"/>
        <v>0</v>
      </c>
      <c r="E7776" s="6">
        <f t="shared" si="243"/>
        <v>0</v>
      </c>
    </row>
    <row r="7777" spans="1:5" x14ac:dyDescent="0.25">
      <c r="A7777" s="5">
        <v>43879.833333333336</v>
      </c>
      <c r="B7777" s="2">
        <v>21.473134000000002</v>
      </c>
      <c r="C7777">
        <v>0</v>
      </c>
      <c r="D7777">
        <f t="shared" si="242"/>
        <v>0</v>
      </c>
      <c r="E7777" s="6">
        <f t="shared" si="243"/>
        <v>0</v>
      </c>
    </row>
    <row r="7778" spans="1:5" x14ac:dyDescent="0.25">
      <c r="A7778" s="5">
        <v>43879.875</v>
      </c>
      <c r="B7778" s="2">
        <v>19.871251000000001</v>
      </c>
      <c r="C7778">
        <v>0</v>
      </c>
      <c r="D7778">
        <f t="shared" si="242"/>
        <v>0</v>
      </c>
      <c r="E7778" s="6">
        <f t="shared" si="243"/>
        <v>0</v>
      </c>
    </row>
    <row r="7779" spans="1:5" x14ac:dyDescent="0.25">
      <c r="A7779" s="5">
        <v>43879.916666666664</v>
      </c>
      <c r="B7779" s="2">
        <v>18.409998000000002</v>
      </c>
      <c r="C7779">
        <v>0</v>
      </c>
      <c r="D7779">
        <f t="shared" si="242"/>
        <v>0</v>
      </c>
      <c r="E7779" s="6">
        <f t="shared" si="243"/>
        <v>0</v>
      </c>
    </row>
    <row r="7780" spans="1:5" x14ac:dyDescent="0.25">
      <c r="A7780" s="5">
        <v>43879.958333333336</v>
      </c>
      <c r="B7780" s="2">
        <v>16.726203000000002</v>
      </c>
      <c r="C7780">
        <v>0</v>
      </c>
      <c r="D7780">
        <f t="shared" si="242"/>
        <v>0</v>
      </c>
      <c r="E7780" s="6">
        <f t="shared" si="243"/>
        <v>0</v>
      </c>
    </row>
    <row r="7781" spans="1:5" x14ac:dyDescent="0.25">
      <c r="A7781" s="5">
        <v>43880</v>
      </c>
      <c r="B7781" s="2">
        <v>15.595806</v>
      </c>
      <c r="C7781">
        <v>0</v>
      </c>
      <c r="D7781">
        <f t="shared" si="242"/>
        <v>0</v>
      </c>
      <c r="E7781" s="6">
        <f t="shared" si="243"/>
        <v>0</v>
      </c>
    </row>
    <row r="7782" spans="1:5" x14ac:dyDescent="0.25">
      <c r="A7782" s="5">
        <v>43880.041666666664</v>
      </c>
      <c r="B7782" s="2">
        <v>15.641757</v>
      </c>
      <c r="C7782">
        <v>0</v>
      </c>
      <c r="D7782">
        <f t="shared" si="242"/>
        <v>0</v>
      </c>
      <c r="E7782" s="6">
        <f t="shared" si="243"/>
        <v>0</v>
      </c>
    </row>
    <row r="7783" spans="1:5" x14ac:dyDescent="0.25">
      <c r="A7783" s="5">
        <v>43880.083333333336</v>
      </c>
      <c r="B7783" s="2">
        <v>15.275760999999999</v>
      </c>
      <c r="C7783">
        <v>0</v>
      </c>
      <c r="D7783">
        <f t="shared" si="242"/>
        <v>0</v>
      </c>
      <c r="E7783" s="6">
        <f t="shared" si="243"/>
        <v>0</v>
      </c>
    </row>
    <row r="7784" spans="1:5" x14ac:dyDescent="0.25">
      <c r="A7784" s="5">
        <v>43880.125</v>
      </c>
      <c r="B7784" s="2">
        <v>15.610929</v>
      </c>
      <c r="C7784">
        <v>0</v>
      </c>
      <c r="D7784">
        <f t="shared" si="242"/>
        <v>0</v>
      </c>
      <c r="E7784" s="6">
        <f t="shared" si="243"/>
        <v>0</v>
      </c>
    </row>
    <row r="7785" spans="1:5" x14ac:dyDescent="0.25">
      <c r="A7785" s="5">
        <v>43880.166666666664</v>
      </c>
      <c r="B7785" s="2">
        <v>15.352283</v>
      </c>
      <c r="C7785">
        <v>0</v>
      </c>
      <c r="D7785">
        <f t="shared" si="242"/>
        <v>0</v>
      </c>
      <c r="E7785" s="6">
        <f t="shared" si="243"/>
        <v>0</v>
      </c>
    </row>
    <row r="7786" spans="1:5" x14ac:dyDescent="0.25">
      <c r="A7786" s="5">
        <v>43880.208333333336</v>
      </c>
      <c r="B7786" s="2">
        <v>18.747022000000001</v>
      </c>
      <c r="C7786">
        <v>0</v>
      </c>
      <c r="D7786">
        <f t="shared" si="242"/>
        <v>0</v>
      </c>
      <c r="E7786" s="6">
        <f t="shared" si="243"/>
        <v>0</v>
      </c>
    </row>
    <row r="7787" spans="1:5" x14ac:dyDescent="0.25">
      <c r="A7787" s="5">
        <v>43880.25</v>
      </c>
      <c r="B7787" s="2">
        <v>25.605567000000001</v>
      </c>
      <c r="C7787">
        <v>0</v>
      </c>
      <c r="D7787">
        <f t="shared" si="242"/>
        <v>0</v>
      </c>
      <c r="E7787" s="6">
        <f t="shared" si="243"/>
        <v>0</v>
      </c>
    </row>
    <row r="7788" spans="1:5" x14ac:dyDescent="0.25">
      <c r="A7788" s="5">
        <v>43880.291666666664</v>
      </c>
      <c r="B7788" s="2">
        <v>25.568652</v>
      </c>
      <c r="C7788">
        <v>0</v>
      </c>
      <c r="D7788">
        <f t="shared" si="242"/>
        <v>0</v>
      </c>
      <c r="E7788" s="6">
        <f t="shared" si="243"/>
        <v>0</v>
      </c>
    </row>
    <row r="7789" spans="1:5" x14ac:dyDescent="0.25">
      <c r="A7789" s="5">
        <v>43880.333333333336</v>
      </c>
      <c r="B7789" s="2">
        <v>22.434092</v>
      </c>
      <c r="C7789">
        <v>0.52583799999999992</v>
      </c>
      <c r="D7789">
        <f t="shared" si="242"/>
        <v>5.2583799999999993E-4</v>
      </c>
      <c r="E7789" s="6">
        <f t="shared" si="243"/>
        <v>1.1796698069095998E-2</v>
      </c>
    </row>
    <row r="7790" spans="1:5" x14ac:dyDescent="0.25">
      <c r="A7790" s="5">
        <v>43880.375</v>
      </c>
      <c r="B7790" s="2">
        <v>22.490955</v>
      </c>
      <c r="C7790">
        <v>1.3918459999999999</v>
      </c>
      <c r="D7790">
        <f t="shared" si="242"/>
        <v>1.391846E-3</v>
      </c>
      <c r="E7790" s="6">
        <f t="shared" si="243"/>
        <v>3.1303945752929996E-2</v>
      </c>
    </row>
    <row r="7791" spans="1:5" x14ac:dyDescent="0.25">
      <c r="A7791" s="5">
        <v>43880.416666666664</v>
      </c>
      <c r="B7791" s="2">
        <v>22.045121000000002</v>
      </c>
      <c r="C7791">
        <v>1.1807049999999999</v>
      </c>
      <c r="D7791">
        <f t="shared" si="242"/>
        <v>1.180705E-3</v>
      </c>
      <c r="E7791" s="6">
        <f t="shared" si="243"/>
        <v>2.6028784590305002E-2</v>
      </c>
    </row>
    <row r="7792" spans="1:5" x14ac:dyDescent="0.25">
      <c r="A7792" s="5">
        <v>43880.458333333336</v>
      </c>
      <c r="B7792" s="2">
        <v>20.879743999999999</v>
      </c>
      <c r="C7792">
        <v>0.770513</v>
      </c>
      <c r="D7792">
        <f t="shared" si="242"/>
        <v>7.7051300000000001E-4</v>
      </c>
      <c r="E7792" s="6">
        <f t="shared" si="243"/>
        <v>1.6088114188671999E-2</v>
      </c>
    </row>
    <row r="7793" spans="1:5" x14ac:dyDescent="0.25">
      <c r="A7793" s="5">
        <v>43880.5</v>
      </c>
      <c r="B7793" s="2">
        <v>20.347528000000001</v>
      </c>
      <c r="C7793">
        <v>1.1228099999999999</v>
      </c>
      <c r="D7793">
        <f t="shared" si="242"/>
        <v>1.1228099999999999E-3</v>
      </c>
      <c r="E7793" s="6">
        <f t="shared" si="243"/>
        <v>2.2846407913679999E-2</v>
      </c>
    </row>
    <row r="7794" spans="1:5" x14ac:dyDescent="0.25">
      <c r="A7794" s="5">
        <v>43880.541666666664</v>
      </c>
      <c r="B7794" s="2">
        <v>20.035345</v>
      </c>
      <c r="C7794">
        <v>0.75966600000000006</v>
      </c>
      <c r="D7794">
        <f t="shared" si="242"/>
        <v>7.596660000000001E-4</v>
      </c>
      <c r="E7794" s="6">
        <f t="shared" si="243"/>
        <v>1.5220170394770001E-2</v>
      </c>
    </row>
    <row r="7795" spans="1:5" x14ac:dyDescent="0.25">
      <c r="A7795" s="5">
        <v>43880.583333333336</v>
      </c>
      <c r="B7795" s="2">
        <v>19.649909999999998</v>
      </c>
      <c r="C7795">
        <v>1.6274900000000001</v>
      </c>
      <c r="D7795">
        <f t="shared" si="242"/>
        <v>1.6274900000000001E-3</v>
      </c>
      <c r="E7795" s="6">
        <f t="shared" si="243"/>
        <v>3.1980032025899996E-2</v>
      </c>
    </row>
    <row r="7796" spans="1:5" x14ac:dyDescent="0.25">
      <c r="A7796" s="5">
        <v>43880.625</v>
      </c>
      <c r="B7796" s="2">
        <v>19.458335000000002</v>
      </c>
      <c r="C7796">
        <v>1.3857999999999999</v>
      </c>
      <c r="D7796">
        <f t="shared" si="242"/>
        <v>1.3858E-3</v>
      </c>
      <c r="E7796" s="6">
        <f t="shared" si="243"/>
        <v>2.6965360643000001E-2</v>
      </c>
    </row>
    <row r="7797" spans="1:5" x14ac:dyDescent="0.25">
      <c r="A7797" s="5">
        <v>43880.666666666664</v>
      </c>
      <c r="B7797" s="2">
        <v>20.104229</v>
      </c>
      <c r="C7797">
        <v>0.57936500000000002</v>
      </c>
      <c r="D7797">
        <f t="shared" si="242"/>
        <v>5.7936499999999998E-4</v>
      </c>
      <c r="E7797" s="6">
        <f t="shared" si="243"/>
        <v>1.1647686634585E-2</v>
      </c>
    </row>
    <row r="7798" spans="1:5" x14ac:dyDescent="0.25">
      <c r="A7798" s="5">
        <v>43880.708333333336</v>
      </c>
      <c r="B7798" s="2">
        <v>22.780272</v>
      </c>
      <c r="C7798">
        <v>0.17579499999999998</v>
      </c>
      <c r="D7798">
        <f t="shared" si="242"/>
        <v>1.7579499999999997E-4</v>
      </c>
      <c r="E7798" s="6">
        <f t="shared" si="243"/>
        <v>4.0046579162399988E-3</v>
      </c>
    </row>
    <row r="7799" spans="1:5" x14ac:dyDescent="0.25">
      <c r="A7799" s="5">
        <v>43880.75</v>
      </c>
      <c r="B7799" s="2">
        <v>28.307013000000001</v>
      </c>
      <c r="C7799">
        <v>0</v>
      </c>
      <c r="D7799">
        <f t="shared" si="242"/>
        <v>0</v>
      </c>
      <c r="E7799" s="6">
        <f t="shared" si="243"/>
        <v>0</v>
      </c>
    </row>
    <row r="7800" spans="1:5" x14ac:dyDescent="0.25">
      <c r="A7800" s="5">
        <v>43880.791666666664</v>
      </c>
      <c r="B7800" s="2">
        <v>25.734286000000001</v>
      </c>
      <c r="C7800">
        <v>0</v>
      </c>
      <c r="D7800">
        <f t="shared" si="242"/>
        <v>0</v>
      </c>
      <c r="E7800" s="6">
        <f t="shared" si="243"/>
        <v>0</v>
      </c>
    </row>
    <row r="7801" spans="1:5" x14ac:dyDescent="0.25">
      <c r="A7801" s="5">
        <v>43880.833333333336</v>
      </c>
      <c r="B7801" s="2">
        <v>25.922335</v>
      </c>
      <c r="C7801">
        <v>0</v>
      </c>
      <c r="D7801">
        <f t="shared" si="242"/>
        <v>0</v>
      </c>
      <c r="E7801" s="6">
        <f t="shared" si="243"/>
        <v>0</v>
      </c>
    </row>
    <row r="7802" spans="1:5" x14ac:dyDescent="0.25">
      <c r="A7802" s="5">
        <v>43880.875</v>
      </c>
      <c r="B7802" s="2">
        <v>23.626334</v>
      </c>
      <c r="C7802">
        <v>0</v>
      </c>
      <c r="D7802">
        <f t="shared" si="242"/>
        <v>0</v>
      </c>
      <c r="E7802" s="6">
        <f t="shared" si="243"/>
        <v>0</v>
      </c>
    </row>
    <row r="7803" spans="1:5" x14ac:dyDescent="0.25">
      <c r="A7803" s="5">
        <v>43880.916666666664</v>
      </c>
      <c r="B7803" s="2">
        <v>22.382237</v>
      </c>
      <c r="C7803">
        <v>0</v>
      </c>
      <c r="D7803">
        <f t="shared" si="242"/>
        <v>0</v>
      </c>
      <c r="E7803" s="6">
        <f t="shared" si="243"/>
        <v>0</v>
      </c>
    </row>
    <row r="7804" spans="1:5" x14ac:dyDescent="0.25">
      <c r="A7804" s="5">
        <v>43880.958333333336</v>
      </c>
      <c r="B7804" s="2">
        <v>20.429089000000001</v>
      </c>
      <c r="C7804">
        <v>0</v>
      </c>
      <c r="D7804">
        <f t="shared" si="242"/>
        <v>0</v>
      </c>
      <c r="E7804" s="6">
        <f t="shared" si="243"/>
        <v>0</v>
      </c>
    </row>
    <row r="7805" spans="1:5" x14ac:dyDescent="0.25">
      <c r="A7805" s="5">
        <v>43881</v>
      </c>
      <c r="B7805" s="2">
        <v>18.802703000000001</v>
      </c>
      <c r="C7805">
        <v>0</v>
      </c>
      <c r="D7805">
        <f t="shared" si="242"/>
        <v>0</v>
      </c>
      <c r="E7805" s="6">
        <f t="shared" si="243"/>
        <v>0</v>
      </c>
    </row>
    <row r="7806" spans="1:5" x14ac:dyDescent="0.25">
      <c r="A7806" s="5">
        <v>43881.041666666664</v>
      </c>
      <c r="B7806" s="2">
        <v>18.785443000000001</v>
      </c>
      <c r="C7806">
        <v>0</v>
      </c>
      <c r="D7806">
        <f t="shared" si="242"/>
        <v>0</v>
      </c>
      <c r="E7806" s="6">
        <f t="shared" si="243"/>
        <v>0</v>
      </c>
    </row>
    <row r="7807" spans="1:5" x14ac:dyDescent="0.25">
      <c r="A7807" s="5">
        <v>43881.083333333336</v>
      </c>
      <c r="B7807" s="2">
        <v>18.716747999999999</v>
      </c>
      <c r="C7807">
        <v>0</v>
      </c>
      <c r="D7807">
        <f t="shared" si="242"/>
        <v>0</v>
      </c>
      <c r="E7807" s="6">
        <f t="shared" si="243"/>
        <v>0</v>
      </c>
    </row>
    <row r="7808" spans="1:5" x14ac:dyDescent="0.25">
      <c r="A7808" s="5">
        <v>43881.125</v>
      </c>
      <c r="B7808" s="2">
        <v>19.194386999999999</v>
      </c>
      <c r="C7808">
        <v>0</v>
      </c>
      <c r="D7808">
        <f t="shared" si="242"/>
        <v>0</v>
      </c>
      <c r="E7808" s="6">
        <f t="shared" si="243"/>
        <v>0</v>
      </c>
    </row>
    <row r="7809" spans="1:5" x14ac:dyDescent="0.25">
      <c r="A7809" s="5">
        <v>43881.166666666664</v>
      </c>
      <c r="B7809" s="2">
        <v>19.211724</v>
      </c>
      <c r="C7809">
        <v>0</v>
      </c>
      <c r="D7809">
        <f t="shared" si="242"/>
        <v>0</v>
      </c>
      <c r="E7809" s="6">
        <f t="shared" si="243"/>
        <v>0</v>
      </c>
    </row>
    <row r="7810" spans="1:5" x14ac:dyDescent="0.25">
      <c r="A7810" s="5">
        <v>43881.208333333336</v>
      </c>
      <c r="B7810" s="2">
        <v>20.840698</v>
      </c>
      <c r="C7810">
        <v>0</v>
      </c>
      <c r="D7810">
        <f t="shared" si="242"/>
        <v>0</v>
      </c>
      <c r="E7810" s="6">
        <f t="shared" si="243"/>
        <v>0</v>
      </c>
    </row>
    <row r="7811" spans="1:5" x14ac:dyDescent="0.25">
      <c r="A7811" s="5">
        <v>43881.25</v>
      </c>
      <c r="B7811" s="2">
        <v>28.116315</v>
      </c>
      <c r="C7811">
        <v>0</v>
      </c>
      <c r="D7811">
        <f t="shared" si="242"/>
        <v>0</v>
      </c>
      <c r="E7811" s="6">
        <f t="shared" si="243"/>
        <v>0</v>
      </c>
    </row>
    <row r="7812" spans="1:5" x14ac:dyDescent="0.25">
      <c r="A7812" s="5">
        <v>43881.291666666664</v>
      </c>
      <c r="B7812" s="2">
        <v>27.253786000000002</v>
      </c>
      <c r="C7812">
        <v>0.27823700000000001</v>
      </c>
      <c r="D7812">
        <f t="shared" si="242"/>
        <v>2.7823700000000003E-4</v>
      </c>
      <c r="E7812" s="6">
        <f t="shared" si="243"/>
        <v>7.5830116552820011E-3</v>
      </c>
    </row>
    <row r="7813" spans="1:5" x14ac:dyDescent="0.25">
      <c r="A7813" s="5">
        <v>43881.333333333336</v>
      </c>
      <c r="B7813" s="2">
        <v>25.678715</v>
      </c>
      <c r="C7813">
        <v>2.5541740000000002</v>
      </c>
      <c r="D7813">
        <f t="shared" si="242"/>
        <v>2.5541740000000002E-3</v>
      </c>
      <c r="E7813" s="6">
        <f t="shared" si="243"/>
        <v>6.5587906206410002E-2</v>
      </c>
    </row>
    <row r="7814" spans="1:5" x14ac:dyDescent="0.25">
      <c r="A7814" s="5">
        <v>43881.375</v>
      </c>
      <c r="B7814" s="2">
        <v>24.292102</v>
      </c>
      <c r="C7814">
        <v>1.9112309999999999</v>
      </c>
      <c r="D7814">
        <f t="shared" ref="D7814:D7877" si="244">C7814/1000</f>
        <v>1.911231E-3</v>
      </c>
      <c r="E7814" s="6">
        <f t="shared" ref="E7814:E7877" si="245">D7814*B7814</f>
        <v>4.6427818397562E-2</v>
      </c>
    </row>
    <row r="7815" spans="1:5" x14ac:dyDescent="0.25">
      <c r="A7815" s="5">
        <v>43881.416666666664</v>
      </c>
      <c r="B7815" s="2">
        <v>23.997975</v>
      </c>
      <c r="C7815">
        <v>2.958758</v>
      </c>
      <c r="D7815">
        <f t="shared" si="244"/>
        <v>2.9587580000000001E-3</v>
      </c>
      <c r="E7815" s="6">
        <f t="shared" si="245"/>
        <v>7.1004200515050006E-2</v>
      </c>
    </row>
    <row r="7816" spans="1:5" x14ac:dyDescent="0.25">
      <c r="A7816" s="5">
        <v>43881.458333333336</v>
      </c>
      <c r="B7816" s="2">
        <v>22.734038999999999</v>
      </c>
      <c r="C7816">
        <v>4.0261889999999996</v>
      </c>
      <c r="D7816">
        <f t="shared" si="244"/>
        <v>4.0261889999999995E-3</v>
      </c>
      <c r="E7816" s="6">
        <f t="shared" si="245"/>
        <v>9.1531537747370981E-2</v>
      </c>
    </row>
    <row r="7817" spans="1:5" x14ac:dyDescent="0.25">
      <c r="A7817" s="5">
        <v>43881.5</v>
      </c>
      <c r="B7817" s="2">
        <v>21.584033000000002</v>
      </c>
      <c r="C7817">
        <v>5.0798239999999995</v>
      </c>
      <c r="D7817">
        <f t="shared" si="244"/>
        <v>5.0798239999999993E-3</v>
      </c>
      <c r="E7817" s="6">
        <f t="shared" si="245"/>
        <v>0.10964308885019199</v>
      </c>
    </row>
    <row r="7818" spans="1:5" x14ac:dyDescent="0.25">
      <c r="A7818" s="5">
        <v>43881.541666666664</v>
      </c>
      <c r="B7818" s="2">
        <v>20.959330000000001</v>
      </c>
      <c r="C7818">
        <v>6.3183340000000001</v>
      </c>
      <c r="D7818">
        <f t="shared" si="244"/>
        <v>6.3183340000000001E-3</v>
      </c>
      <c r="E7818" s="6">
        <f t="shared" si="245"/>
        <v>0.13242804735622002</v>
      </c>
    </row>
    <row r="7819" spans="1:5" x14ac:dyDescent="0.25">
      <c r="A7819" s="5">
        <v>43881.583333333336</v>
      </c>
      <c r="B7819" s="2">
        <v>20.632474999999999</v>
      </c>
      <c r="C7819">
        <v>7.170369</v>
      </c>
      <c r="D7819">
        <f t="shared" si="244"/>
        <v>7.1703690000000002E-3</v>
      </c>
      <c r="E7819" s="6">
        <f t="shared" si="245"/>
        <v>0.147942459133275</v>
      </c>
    </row>
    <row r="7820" spans="1:5" x14ac:dyDescent="0.25">
      <c r="A7820" s="5">
        <v>43881.625</v>
      </c>
      <c r="B7820" s="2">
        <v>20.783660000000001</v>
      </c>
      <c r="C7820">
        <v>5.7880370000000001</v>
      </c>
      <c r="D7820">
        <f t="shared" si="244"/>
        <v>5.7880370000000002E-3</v>
      </c>
      <c r="E7820" s="6">
        <f t="shared" si="245"/>
        <v>0.12029659307542001</v>
      </c>
    </row>
    <row r="7821" spans="1:5" x14ac:dyDescent="0.25">
      <c r="A7821" s="5">
        <v>43881.666666666664</v>
      </c>
      <c r="B7821" s="2">
        <v>21.67295</v>
      </c>
      <c r="C7821">
        <v>3.831569</v>
      </c>
      <c r="D7821">
        <f t="shared" si="244"/>
        <v>3.8315689999999999E-3</v>
      </c>
      <c r="E7821" s="6">
        <f t="shared" si="245"/>
        <v>8.3041403358549995E-2</v>
      </c>
    </row>
    <row r="7822" spans="1:5" x14ac:dyDescent="0.25">
      <c r="A7822" s="5">
        <v>43881.708333333336</v>
      </c>
      <c r="B7822" s="2">
        <v>24.526174000000001</v>
      </c>
      <c r="C7822">
        <v>1.4367829999999999</v>
      </c>
      <c r="D7822">
        <f t="shared" si="244"/>
        <v>1.4367829999999999E-3</v>
      </c>
      <c r="E7822" s="6">
        <f t="shared" si="245"/>
        <v>3.5238789858241998E-2</v>
      </c>
    </row>
    <row r="7823" spans="1:5" x14ac:dyDescent="0.25">
      <c r="A7823" s="5">
        <v>43881.75</v>
      </c>
      <c r="B7823" s="2">
        <v>27.356317000000001</v>
      </c>
      <c r="C7823">
        <v>0</v>
      </c>
      <c r="D7823">
        <f t="shared" si="244"/>
        <v>0</v>
      </c>
      <c r="E7823" s="6">
        <f t="shared" si="245"/>
        <v>0</v>
      </c>
    </row>
    <row r="7824" spans="1:5" x14ac:dyDescent="0.25">
      <c r="A7824" s="5">
        <v>43881.791666666664</v>
      </c>
      <c r="B7824" s="2">
        <v>26.073460000000001</v>
      </c>
      <c r="C7824">
        <v>0</v>
      </c>
      <c r="D7824">
        <f t="shared" si="244"/>
        <v>0</v>
      </c>
      <c r="E7824" s="6">
        <f t="shared" si="245"/>
        <v>0</v>
      </c>
    </row>
    <row r="7825" spans="1:5" x14ac:dyDescent="0.25">
      <c r="A7825" s="5">
        <v>43881.833333333336</v>
      </c>
      <c r="B7825" s="2">
        <v>25.807808999999999</v>
      </c>
      <c r="C7825">
        <v>0</v>
      </c>
      <c r="D7825">
        <f t="shared" si="244"/>
        <v>0</v>
      </c>
      <c r="E7825" s="6">
        <f t="shared" si="245"/>
        <v>0</v>
      </c>
    </row>
    <row r="7826" spans="1:5" x14ac:dyDescent="0.25">
      <c r="A7826" s="5">
        <v>43881.875</v>
      </c>
      <c r="B7826" s="2">
        <v>24.289038999999999</v>
      </c>
      <c r="C7826">
        <v>0</v>
      </c>
      <c r="D7826">
        <f t="shared" si="244"/>
        <v>0</v>
      </c>
      <c r="E7826" s="6">
        <f t="shared" si="245"/>
        <v>0</v>
      </c>
    </row>
    <row r="7827" spans="1:5" x14ac:dyDescent="0.25">
      <c r="A7827" s="5">
        <v>43881.916666666664</v>
      </c>
      <c r="B7827" s="2">
        <v>22.574919000000001</v>
      </c>
      <c r="C7827">
        <v>0</v>
      </c>
      <c r="D7827">
        <f t="shared" si="244"/>
        <v>0</v>
      </c>
      <c r="E7827" s="6">
        <f t="shared" si="245"/>
        <v>0</v>
      </c>
    </row>
    <row r="7828" spans="1:5" x14ac:dyDescent="0.25">
      <c r="A7828" s="5">
        <v>43881.958333333336</v>
      </c>
      <c r="B7828" s="2">
        <v>21.238583999999999</v>
      </c>
      <c r="C7828">
        <v>0</v>
      </c>
      <c r="D7828">
        <f t="shared" si="244"/>
        <v>0</v>
      </c>
      <c r="E7828" s="6">
        <f t="shared" si="245"/>
        <v>0</v>
      </c>
    </row>
    <row r="7829" spans="1:5" x14ac:dyDescent="0.25">
      <c r="A7829" s="5">
        <v>43882</v>
      </c>
      <c r="B7829" s="2">
        <v>20.750105999999999</v>
      </c>
      <c r="C7829">
        <v>0</v>
      </c>
      <c r="D7829">
        <f t="shared" si="244"/>
        <v>0</v>
      </c>
      <c r="E7829" s="6">
        <f t="shared" si="245"/>
        <v>0</v>
      </c>
    </row>
    <row r="7830" spans="1:5" x14ac:dyDescent="0.25">
      <c r="A7830" s="5">
        <v>43882.041666666664</v>
      </c>
      <c r="B7830" s="2">
        <v>20.521218999999999</v>
      </c>
      <c r="C7830">
        <v>0</v>
      </c>
      <c r="D7830">
        <f t="shared" si="244"/>
        <v>0</v>
      </c>
      <c r="E7830" s="6">
        <f t="shared" si="245"/>
        <v>0</v>
      </c>
    </row>
    <row r="7831" spans="1:5" x14ac:dyDescent="0.25">
      <c r="A7831" s="5">
        <v>43882.083333333336</v>
      </c>
      <c r="B7831" s="2">
        <v>20.393647000000001</v>
      </c>
      <c r="C7831">
        <v>0</v>
      </c>
      <c r="D7831">
        <f t="shared" si="244"/>
        <v>0</v>
      </c>
      <c r="E7831" s="6">
        <f t="shared" si="245"/>
        <v>0</v>
      </c>
    </row>
    <row r="7832" spans="1:5" x14ac:dyDescent="0.25">
      <c r="A7832" s="5">
        <v>43882.125</v>
      </c>
      <c r="B7832" s="2">
        <v>20.740928</v>
      </c>
      <c r="C7832">
        <v>0</v>
      </c>
      <c r="D7832">
        <f t="shared" si="244"/>
        <v>0</v>
      </c>
      <c r="E7832" s="6">
        <f t="shared" si="245"/>
        <v>0</v>
      </c>
    </row>
    <row r="7833" spans="1:5" x14ac:dyDescent="0.25">
      <c r="A7833" s="5">
        <v>43882.166666666664</v>
      </c>
      <c r="B7833" s="2">
        <v>21.248111999999999</v>
      </c>
      <c r="C7833">
        <v>0</v>
      </c>
      <c r="D7833">
        <f t="shared" si="244"/>
        <v>0</v>
      </c>
      <c r="E7833" s="6">
        <f t="shared" si="245"/>
        <v>0</v>
      </c>
    </row>
    <row r="7834" spans="1:5" x14ac:dyDescent="0.25">
      <c r="A7834" s="5">
        <v>43882.208333333336</v>
      </c>
      <c r="B7834" s="2">
        <v>24.882239999999999</v>
      </c>
      <c r="C7834">
        <v>0</v>
      </c>
      <c r="D7834">
        <f t="shared" si="244"/>
        <v>0</v>
      </c>
      <c r="E7834" s="6">
        <f t="shared" si="245"/>
        <v>0</v>
      </c>
    </row>
    <row r="7835" spans="1:5" x14ac:dyDescent="0.25">
      <c r="A7835" s="5">
        <v>43882.25</v>
      </c>
      <c r="B7835" s="2">
        <v>35.773636000000003</v>
      </c>
      <c r="C7835">
        <v>0</v>
      </c>
      <c r="D7835">
        <f t="shared" si="244"/>
        <v>0</v>
      </c>
      <c r="E7835" s="6">
        <f t="shared" si="245"/>
        <v>0</v>
      </c>
    </row>
    <row r="7836" spans="1:5" x14ac:dyDescent="0.25">
      <c r="A7836" s="5">
        <v>43882.291666666664</v>
      </c>
      <c r="B7836" s="2">
        <v>45.700766999999999</v>
      </c>
      <c r="C7836">
        <v>0.117868</v>
      </c>
      <c r="D7836">
        <f t="shared" si="244"/>
        <v>1.17868E-4</v>
      </c>
      <c r="E7836" s="6">
        <f t="shared" si="245"/>
        <v>5.3866580047560002E-3</v>
      </c>
    </row>
    <row r="7837" spans="1:5" x14ac:dyDescent="0.25">
      <c r="A7837" s="5">
        <v>43882.333333333336</v>
      </c>
      <c r="B7837" s="2">
        <v>27.673874999999999</v>
      </c>
      <c r="C7837">
        <v>2.2374009999999998</v>
      </c>
      <c r="D7837">
        <f t="shared" si="244"/>
        <v>2.2374009999999995E-3</v>
      </c>
      <c r="E7837" s="6">
        <f t="shared" si="245"/>
        <v>6.1917555598874983E-2</v>
      </c>
    </row>
    <row r="7838" spans="1:5" x14ac:dyDescent="0.25">
      <c r="A7838" s="5">
        <v>43882.375</v>
      </c>
      <c r="B7838" s="2">
        <v>24.733726000000001</v>
      </c>
      <c r="C7838">
        <v>1.778292</v>
      </c>
      <c r="D7838">
        <f t="shared" si="244"/>
        <v>1.7782919999999999E-3</v>
      </c>
      <c r="E7838" s="6">
        <f t="shared" si="245"/>
        <v>4.3983787075992001E-2</v>
      </c>
    </row>
    <row r="7839" spans="1:5" x14ac:dyDescent="0.25">
      <c r="A7839" s="5">
        <v>43882.416666666664</v>
      </c>
      <c r="B7839" s="2">
        <v>23.489668000000002</v>
      </c>
      <c r="C7839">
        <v>4.9977079999999994</v>
      </c>
      <c r="D7839">
        <f t="shared" si="244"/>
        <v>4.9977079999999991E-3</v>
      </c>
      <c r="E7839" s="6">
        <f t="shared" si="245"/>
        <v>0.11739450168094399</v>
      </c>
    </row>
    <row r="7840" spans="1:5" x14ac:dyDescent="0.25">
      <c r="A7840" s="5">
        <v>43882.458333333336</v>
      </c>
      <c r="B7840" s="2">
        <v>21.268011999999999</v>
      </c>
      <c r="C7840">
        <v>5.679513</v>
      </c>
      <c r="D7840">
        <f t="shared" si="244"/>
        <v>5.6795129999999997E-3</v>
      </c>
      <c r="E7840" s="6">
        <f t="shared" si="245"/>
        <v>0.12079195063815598</v>
      </c>
    </row>
    <row r="7841" spans="1:5" x14ac:dyDescent="0.25">
      <c r="A7841" s="5">
        <v>43882.5</v>
      </c>
      <c r="B7841" s="2">
        <v>20.361077000000002</v>
      </c>
      <c r="C7841">
        <v>6.6082190000000001</v>
      </c>
      <c r="D7841">
        <f t="shared" si="244"/>
        <v>6.6082190000000002E-3</v>
      </c>
      <c r="E7841" s="6">
        <f t="shared" si="245"/>
        <v>0.13455045589186301</v>
      </c>
    </row>
    <row r="7842" spans="1:5" x14ac:dyDescent="0.25">
      <c r="A7842" s="5">
        <v>43882.541666666664</v>
      </c>
      <c r="B7842" s="2">
        <v>19.819420999999998</v>
      </c>
      <c r="C7842">
        <v>5.6789849999999999</v>
      </c>
      <c r="D7842">
        <f t="shared" si="244"/>
        <v>5.6789850000000001E-3</v>
      </c>
      <c r="E7842" s="6">
        <f t="shared" si="245"/>
        <v>0.11255419456768499</v>
      </c>
    </row>
    <row r="7843" spans="1:5" x14ac:dyDescent="0.25">
      <c r="A7843" s="5">
        <v>43882.583333333336</v>
      </c>
      <c r="B7843" s="2">
        <v>19.51277</v>
      </c>
      <c r="C7843">
        <v>4.3249019999999998</v>
      </c>
      <c r="D7843">
        <f t="shared" si="244"/>
        <v>4.3249019999999994E-3</v>
      </c>
      <c r="E7843" s="6">
        <f t="shared" si="245"/>
        <v>8.4390817998539994E-2</v>
      </c>
    </row>
    <row r="7844" spans="1:5" x14ac:dyDescent="0.25">
      <c r="A7844" s="5">
        <v>43882.625</v>
      </c>
      <c r="B7844" s="2">
        <v>19.264451000000001</v>
      </c>
      <c r="C7844">
        <v>3.220253</v>
      </c>
      <c r="D7844">
        <f t="shared" si="244"/>
        <v>3.2202530000000002E-3</v>
      </c>
      <c r="E7844" s="6">
        <f t="shared" si="245"/>
        <v>6.2036406126103005E-2</v>
      </c>
    </row>
    <row r="7845" spans="1:5" x14ac:dyDescent="0.25">
      <c r="A7845" s="5">
        <v>43882.666666666664</v>
      </c>
      <c r="B7845" s="2">
        <v>19.497225</v>
      </c>
      <c r="C7845">
        <v>1.2803879999999999</v>
      </c>
      <c r="D7845">
        <f t="shared" si="244"/>
        <v>1.2803879999999999E-3</v>
      </c>
      <c r="E7845" s="6">
        <f t="shared" si="245"/>
        <v>2.49640129233E-2</v>
      </c>
    </row>
    <row r="7846" spans="1:5" x14ac:dyDescent="0.25">
      <c r="A7846" s="5">
        <v>43882.708333333336</v>
      </c>
      <c r="B7846" s="2">
        <v>20.869340999999999</v>
      </c>
      <c r="C7846">
        <v>1.21201</v>
      </c>
      <c r="D7846">
        <f t="shared" si="244"/>
        <v>1.2120100000000001E-3</v>
      </c>
      <c r="E7846" s="6">
        <f t="shared" si="245"/>
        <v>2.529384998541E-2</v>
      </c>
    </row>
    <row r="7847" spans="1:5" x14ac:dyDescent="0.25">
      <c r="A7847" s="5">
        <v>43882.75</v>
      </c>
      <c r="B7847" s="2">
        <v>23.679697000000001</v>
      </c>
      <c r="C7847">
        <v>0</v>
      </c>
      <c r="D7847">
        <f t="shared" si="244"/>
        <v>0</v>
      </c>
      <c r="E7847" s="6">
        <f t="shared" si="245"/>
        <v>0</v>
      </c>
    </row>
    <row r="7848" spans="1:5" x14ac:dyDescent="0.25">
      <c r="A7848" s="5">
        <v>43882.791666666664</v>
      </c>
      <c r="B7848" s="2">
        <v>23.020201</v>
      </c>
      <c r="C7848">
        <v>0</v>
      </c>
      <c r="D7848">
        <f t="shared" si="244"/>
        <v>0</v>
      </c>
      <c r="E7848" s="6">
        <f t="shared" si="245"/>
        <v>0</v>
      </c>
    </row>
    <row r="7849" spans="1:5" x14ac:dyDescent="0.25">
      <c r="A7849" s="5">
        <v>43882.833333333336</v>
      </c>
      <c r="B7849" s="2">
        <v>21.750589000000002</v>
      </c>
      <c r="C7849">
        <v>0</v>
      </c>
      <c r="D7849">
        <f t="shared" si="244"/>
        <v>0</v>
      </c>
      <c r="E7849" s="6">
        <f t="shared" si="245"/>
        <v>0</v>
      </c>
    </row>
    <row r="7850" spans="1:5" x14ac:dyDescent="0.25">
      <c r="A7850" s="5">
        <v>43882.875</v>
      </c>
      <c r="B7850" s="2">
        <v>20.97673</v>
      </c>
      <c r="C7850">
        <v>0</v>
      </c>
      <c r="D7850">
        <f t="shared" si="244"/>
        <v>0</v>
      </c>
      <c r="E7850" s="6">
        <f t="shared" si="245"/>
        <v>0</v>
      </c>
    </row>
    <row r="7851" spans="1:5" x14ac:dyDescent="0.25">
      <c r="A7851" s="5">
        <v>43882.916666666664</v>
      </c>
      <c r="B7851" s="2">
        <v>20.733574000000001</v>
      </c>
      <c r="C7851">
        <v>0</v>
      </c>
      <c r="D7851">
        <f t="shared" si="244"/>
        <v>0</v>
      </c>
      <c r="E7851" s="6">
        <f t="shared" si="245"/>
        <v>0</v>
      </c>
    </row>
    <row r="7852" spans="1:5" x14ac:dyDescent="0.25">
      <c r="A7852" s="5">
        <v>43882.958333333336</v>
      </c>
      <c r="B7852" s="2">
        <v>19.676987</v>
      </c>
      <c r="C7852">
        <v>0</v>
      </c>
      <c r="D7852">
        <f t="shared" si="244"/>
        <v>0</v>
      </c>
      <c r="E7852" s="6">
        <f t="shared" si="245"/>
        <v>0</v>
      </c>
    </row>
    <row r="7853" spans="1:5" x14ac:dyDescent="0.25">
      <c r="A7853" s="5">
        <v>43883</v>
      </c>
      <c r="B7853" s="2">
        <v>20.820598</v>
      </c>
      <c r="C7853">
        <v>0</v>
      </c>
      <c r="D7853">
        <f t="shared" si="244"/>
        <v>0</v>
      </c>
      <c r="E7853" s="6">
        <f t="shared" si="245"/>
        <v>0</v>
      </c>
    </row>
    <row r="7854" spans="1:5" x14ac:dyDescent="0.25">
      <c r="A7854" s="5">
        <v>43883.041666666664</v>
      </c>
      <c r="B7854" s="2">
        <v>20.553768000000002</v>
      </c>
      <c r="C7854">
        <v>0</v>
      </c>
      <c r="D7854">
        <f t="shared" si="244"/>
        <v>0</v>
      </c>
      <c r="E7854" s="6">
        <f t="shared" si="245"/>
        <v>0</v>
      </c>
    </row>
    <row r="7855" spans="1:5" x14ac:dyDescent="0.25">
      <c r="A7855" s="5">
        <v>43883.083333333336</v>
      </c>
      <c r="B7855" s="2">
        <v>20.483376</v>
      </c>
      <c r="C7855">
        <v>0</v>
      </c>
      <c r="D7855">
        <f t="shared" si="244"/>
        <v>0</v>
      </c>
      <c r="E7855" s="6">
        <f t="shared" si="245"/>
        <v>0</v>
      </c>
    </row>
    <row r="7856" spans="1:5" x14ac:dyDescent="0.25">
      <c r="A7856" s="5">
        <v>43883.125</v>
      </c>
      <c r="B7856" s="2">
        <v>20.655031000000001</v>
      </c>
      <c r="C7856">
        <v>0</v>
      </c>
      <c r="D7856">
        <f t="shared" si="244"/>
        <v>0</v>
      </c>
      <c r="E7856" s="6">
        <f t="shared" si="245"/>
        <v>0</v>
      </c>
    </row>
    <row r="7857" spans="1:5" x14ac:dyDescent="0.25">
      <c r="A7857" s="5">
        <v>43883.166666666664</v>
      </c>
      <c r="B7857" s="2">
        <v>20.784592</v>
      </c>
      <c r="C7857">
        <v>0</v>
      </c>
      <c r="D7857">
        <f t="shared" si="244"/>
        <v>0</v>
      </c>
      <c r="E7857" s="6">
        <f t="shared" si="245"/>
        <v>0</v>
      </c>
    </row>
    <row r="7858" spans="1:5" x14ac:dyDescent="0.25">
      <c r="A7858" s="5">
        <v>43883.208333333336</v>
      </c>
      <c r="B7858" s="2">
        <v>21.564802</v>
      </c>
      <c r="C7858">
        <v>0</v>
      </c>
      <c r="D7858">
        <f t="shared" si="244"/>
        <v>0</v>
      </c>
      <c r="E7858" s="6">
        <f t="shared" si="245"/>
        <v>0</v>
      </c>
    </row>
    <row r="7859" spans="1:5" x14ac:dyDescent="0.25">
      <c r="A7859" s="5">
        <v>43883.25</v>
      </c>
      <c r="B7859" s="2">
        <v>28.834809</v>
      </c>
      <c r="C7859">
        <v>0</v>
      </c>
      <c r="D7859">
        <f t="shared" si="244"/>
        <v>0</v>
      </c>
      <c r="E7859" s="6">
        <f t="shared" si="245"/>
        <v>0</v>
      </c>
    </row>
    <row r="7860" spans="1:5" x14ac:dyDescent="0.25">
      <c r="A7860" s="5">
        <v>43883.291666666664</v>
      </c>
      <c r="B7860" s="2">
        <v>27.952311000000002</v>
      </c>
      <c r="C7860">
        <v>0.16698199999999999</v>
      </c>
      <c r="D7860">
        <f t="shared" si="244"/>
        <v>1.6698199999999998E-4</v>
      </c>
      <c r="E7860" s="6">
        <f t="shared" si="245"/>
        <v>4.6675327954019998E-3</v>
      </c>
    </row>
    <row r="7861" spans="1:5" x14ac:dyDescent="0.25">
      <c r="A7861" s="5">
        <v>43883.333333333336</v>
      </c>
      <c r="B7861" s="2">
        <v>23.950907999999998</v>
      </c>
      <c r="C7861">
        <v>2.3360720000000001</v>
      </c>
      <c r="D7861">
        <f t="shared" si="244"/>
        <v>2.3360720000000002E-3</v>
      </c>
      <c r="E7861" s="6">
        <f t="shared" si="245"/>
        <v>5.5951045553376003E-2</v>
      </c>
    </row>
    <row r="7862" spans="1:5" x14ac:dyDescent="0.25">
      <c r="A7862" s="5">
        <v>43883.375</v>
      </c>
      <c r="B7862" s="2">
        <v>20.803325999999998</v>
      </c>
      <c r="C7862">
        <v>2.0545270000000002</v>
      </c>
      <c r="D7862">
        <f t="shared" si="244"/>
        <v>2.054527E-3</v>
      </c>
      <c r="E7862" s="6">
        <f t="shared" si="245"/>
        <v>4.2740994956801996E-2</v>
      </c>
    </row>
    <row r="7863" spans="1:5" x14ac:dyDescent="0.25">
      <c r="A7863" s="5">
        <v>43883.416666666664</v>
      </c>
      <c r="B7863" s="2">
        <v>19.888210000000001</v>
      </c>
      <c r="C7863">
        <v>1.6015820000000001</v>
      </c>
      <c r="D7863">
        <f t="shared" si="244"/>
        <v>1.601582E-3</v>
      </c>
      <c r="E7863" s="6">
        <f t="shared" si="245"/>
        <v>3.1852599148220001E-2</v>
      </c>
    </row>
    <row r="7864" spans="1:5" x14ac:dyDescent="0.25">
      <c r="A7864" s="5">
        <v>43883.458333333336</v>
      </c>
      <c r="B7864" s="2">
        <v>18.555745000000002</v>
      </c>
      <c r="C7864">
        <v>4.0967960000000003</v>
      </c>
      <c r="D7864">
        <f t="shared" si="244"/>
        <v>4.0967960000000006E-3</v>
      </c>
      <c r="E7864" s="6">
        <f t="shared" si="245"/>
        <v>7.6019101893020025E-2</v>
      </c>
    </row>
    <row r="7865" spans="1:5" x14ac:dyDescent="0.25">
      <c r="A7865" s="5">
        <v>43883.5</v>
      </c>
      <c r="B7865" s="2">
        <v>16.748267999999999</v>
      </c>
      <c r="C7865">
        <v>5.9003920000000001</v>
      </c>
      <c r="D7865">
        <f t="shared" si="244"/>
        <v>5.900392E-3</v>
      </c>
      <c r="E7865" s="6">
        <f t="shared" si="245"/>
        <v>9.8821346521055994E-2</v>
      </c>
    </row>
    <row r="7866" spans="1:5" x14ac:dyDescent="0.25">
      <c r="A7866" s="5">
        <v>43883.541666666664</v>
      </c>
      <c r="B7866" s="2">
        <v>16.447770999999999</v>
      </c>
      <c r="C7866">
        <v>0.61056699999999997</v>
      </c>
      <c r="D7866">
        <f t="shared" si="244"/>
        <v>6.1056700000000001E-4</v>
      </c>
      <c r="E7866" s="6">
        <f t="shared" si="245"/>
        <v>1.0042466196157E-2</v>
      </c>
    </row>
    <row r="7867" spans="1:5" x14ac:dyDescent="0.25">
      <c r="A7867" s="5">
        <v>43883.583333333336</v>
      </c>
      <c r="B7867" s="2">
        <v>15.210101999999999</v>
      </c>
      <c r="C7867">
        <v>1.8846050000000001</v>
      </c>
      <c r="D7867">
        <f t="shared" si="244"/>
        <v>1.8846050000000001E-3</v>
      </c>
      <c r="E7867" s="6">
        <f t="shared" si="245"/>
        <v>2.8665034279710001E-2</v>
      </c>
    </row>
    <row r="7868" spans="1:5" x14ac:dyDescent="0.25">
      <c r="A7868" s="5">
        <v>43883.625</v>
      </c>
      <c r="B7868" s="2">
        <v>15.068042</v>
      </c>
      <c r="C7868">
        <v>4.1391299999999998</v>
      </c>
      <c r="D7868">
        <f t="shared" si="244"/>
        <v>4.1391299999999995E-3</v>
      </c>
      <c r="E7868" s="6">
        <f t="shared" si="245"/>
        <v>6.2368584683459995E-2</v>
      </c>
    </row>
    <row r="7869" spans="1:5" x14ac:dyDescent="0.25">
      <c r="A7869" s="5">
        <v>43883.666666666664</v>
      </c>
      <c r="B7869" s="2">
        <v>16.095548000000001</v>
      </c>
      <c r="C7869">
        <v>1.029798</v>
      </c>
      <c r="D7869">
        <f t="shared" si="244"/>
        <v>1.029798E-3</v>
      </c>
      <c r="E7869" s="6">
        <f t="shared" si="245"/>
        <v>1.6575163139303999E-2</v>
      </c>
    </row>
    <row r="7870" spans="1:5" x14ac:dyDescent="0.25">
      <c r="A7870" s="5">
        <v>43883.708333333336</v>
      </c>
      <c r="B7870" s="2">
        <v>17.771878999999998</v>
      </c>
      <c r="C7870">
        <v>0.50964399999999999</v>
      </c>
      <c r="D7870">
        <f t="shared" si="244"/>
        <v>5.0964399999999996E-4</v>
      </c>
      <c r="E7870" s="6">
        <f t="shared" si="245"/>
        <v>9.0573315010759985E-3</v>
      </c>
    </row>
    <row r="7871" spans="1:5" x14ac:dyDescent="0.25">
      <c r="A7871" s="5">
        <v>43883.75</v>
      </c>
      <c r="B7871" s="2">
        <v>21.806139000000002</v>
      </c>
      <c r="C7871">
        <v>0</v>
      </c>
      <c r="D7871">
        <f t="shared" si="244"/>
        <v>0</v>
      </c>
      <c r="E7871" s="6">
        <f t="shared" si="245"/>
        <v>0</v>
      </c>
    </row>
    <row r="7872" spans="1:5" x14ac:dyDescent="0.25">
      <c r="A7872" s="5">
        <v>43883.791666666664</v>
      </c>
      <c r="B7872" s="2">
        <v>20.603888999999999</v>
      </c>
      <c r="C7872">
        <v>0</v>
      </c>
      <c r="D7872">
        <f t="shared" si="244"/>
        <v>0</v>
      </c>
      <c r="E7872" s="6">
        <f t="shared" si="245"/>
        <v>0</v>
      </c>
    </row>
    <row r="7873" spans="1:5" x14ac:dyDescent="0.25">
      <c r="A7873" s="5">
        <v>43883.833333333336</v>
      </c>
      <c r="B7873" s="2">
        <v>19.622547000000001</v>
      </c>
      <c r="C7873">
        <v>0</v>
      </c>
      <c r="D7873">
        <f t="shared" si="244"/>
        <v>0</v>
      </c>
      <c r="E7873" s="6">
        <f t="shared" si="245"/>
        <v>0</v>
      </c>
    </row>
    <row r="7874" spans="1:5" x14ac:dyDescent="0.25">
      <c r="A7874" s="5">
        <v>43883.875</v>
      </c>
      <c r="B7874" s="2">
        <v>19.037286999999999</v>
      </c>
      <c r="C7874">
        <v>0</v>
      </c>
      <c r="D7874">
        <f t="shared" si="244"/>
        <v>0</v>
      </c>
      <c r="E7874" s="6">
        <f t="shared" si="245"/>
        <v>0</v>
      </c>
    </row>
    <row r="7875" spans="1:5" x14ac:dyDescent="0.25">
      <c r="A7875" s="5">
        <v>43883.916666666664</v>
      </c>
      <c r="B7875" s="2">
        <v>17.965831000000001</v>
      </c>
      <c r="C7875">
        <v>0</v>
      </c>
      <c r="D7875">
        <f t="shared" si="244"/>
        <v>0</v>
      </c>
      <c r="E7875" s="6">
        <f t="shared" si="245"/>
        <v>0</v>
      </c>
    </row>
    <row r="7876" spans="1:5" x14ac:dyDescent="0.25">
      <c r="A7876" s="5">
        <v>43883.958333333336</v>
      </c>
      <c r="B7876" s="2">
        <v>17.107294</v>
      </c>
      <c r="C7876">
        <v>0</v>
      </c>
      <c r="D7876">
        <f t="shared" si="244"/>
        <v>0</v>
      </c>
      <c r="E7876" s="6">
        <f t="shared" si="245"/>
        <v>0</v>
      </c>
    </row>
    <row r="7877" spans="1:5" x14ac:dyDescent="0.25">
      <c r="A7877" s="5">
        <v>43884</v>
      </c>
      <c r="B7877" s="2">
        <v>18.617743999999998</v>
      </c>
      <c r="C7877">
        <v>0</v>
      </c>
      <c r="D7877">
        <f t="shared" si="244"/>
        <v>0</v>
      </c>
      <c r="E7877" s="6">
        <f t="shared" si="245"/>
        <v>0</v>
      </c>
    </row>
    <row r="7878" spans="1:5" x14ac:dyDescent="0.25">
      <c r="A7878" s="5">
        <v>43884.041666666664</v>
      </c>
      <c r="B7878" s="2">
        <v>18.374257</v>
      </c>
      <c r="C7878">
        <v>0</v>
      </c>
      <c r="D7878">
        <f t="shared" ref="D7878:D7941" si="246">C7878/1000</f>
        <v>0</v>
      </c>
      <c r="E7878" s="6">
        <f t="shared" ref="E7878:E7941" si="247">D7878*B7878</f>
        <v>0</v>
      </c>
    </row>
    <row r="7879" spans="1:5" x14ac:dyDescent="0.25">
      <c r="A7879" s="5">
        <v>43884.083333333336</v>
      </c>
      <c r="B7879" s="2">
        <v>18.183510999999999</v>
      </c>
      <c r="C7879">
        <v>0</v>
      </c>
      <c r="D7879">
        <f t="shared" si="246"/>
        <v>0</v>
      </c>
      <c r="E7879" s="6">
        <f t="shared" si="247"/>
        <v>0</v>
      </c>
    </row>
    <row r="7880" spans="1:5" x14ac:dyDescent="0.25">
      <c r="A7880" s="5">
        <v>43884.125</v>
      </c>
      <c r="B7880" s="2">
        <v>18.37537</v>
      </c>
      <c r="C7880">
        <v>0</v>
      </c>
      <c r="D7880">
        <f t="shared" si="246"/>
        <v>0</v>
      </c>
      <c r="E7880" s="6">
        <f t="shared" si="247"/>
        <v>0</v>
      </c>
    </row>
    <row r="7881" spans="1:5" x14ac:dyDescent="0.25">
      <c r="A7881" s="5">
        <v>43884.166666666664</v>
      </c>
      <c r="B7881" s="2">
        <v>18.908681999999999</v>
      </c>
      <c r="C7881">
        <v>0</v>
      </c>
      <c r="D7881">
        <f t="shared" si="246"/>
        <v>0</v>
      </c>
      <c r="E7881" s="6">
        <f t="shared" si="247"/>
        <v>0</v>
      </c>
    </row>
    <row r="7882" spans="1:5" x14ac:dyDescent="0.25">
      <c r="A7882" s="5">
        <v>43884.208333333336</v>
      </c>
      <c r="B7882" s="2">
        <v>19.522500999999998</v>
      </c>
      <c r="C7882">
        <v>0</v>
      </c>
      <c r="D7882">
        <f t="shared" si="246"/>
        <v>0</v>
      </c>
      <c r="E7882" s="6">
        <f t="shared" si="247"/>
        <v>0</v>
      </c>
    </row>
    <row r="7883" spans="1:5" x14ac:dyDescent="0.25">
      <c r="A7883" s="5">
        <v>43884.25</v>
      </c>
      <c r="B7883" s="2">
        <v>20.54899</v>
      </c>
      <c r="C7883">
        <v>0</v>
      </c>
      <c r="D7883">
        <f t="shared" si="246"/>
        <v>0</v>
      </c>
      <c r="E7883" s="6">
        <f t="shared" si="247"/>
        <v>0</v>
      </c>
    </row>
    <row r="7884" spans="1:5" x14ac:dyDescent="0.25">
      <c r="A7884" s="5">
        <v>43884.291666666664</v>
      </c>
      <c r="B7884" s="2">
        <v>20.514512</v>
      </c>
      <c r="C7884">
        <v>2.0282000000000001E-2</v>
      </c>
      <c r="D7884">
        <f t="shared" si="246"/>
        <v>2.0282E-5</v>
      </c>
      <c r="E7884" s="6">
        <f t="shared" si="247"/>
        <v>4.1607533238400001E-4</v>
      </c>
    </row>
    <row r="7885" spans="1:5" x14ac:dyDescent="0.25">
      <c r="A7885" s="5">
        <v>43884.333333333336</v>
      </c>
      <c r="B7885" s="2">
        <v>20.053167999999999</v>
      </c>
      <c r="C7885">
        <v>0.63708000000000009</v>
      </c>
      <c r="D7885">
        <f t="shared" si="246"/>
        <v>6.3708000000000005E-4</v>
      </c>
      <c r="E7885" s="6">
        <f t="shared" si="247"/>
        <v>1.2775472269440001E-2</v>
      </c>
    </row>
    <row r="7886" spans="1:5" x14ac:dyDescent="0.25">
      <c r="A7886" s="5">
        <v>43884.375</v>
      </c>
      <c r="B7886" s="2">
        <v>18.521863</v>
      </c>
      <c r="C7886">
        <v>4.2135069999999999</v>
      </c>
      <c r="D7886">
        <f t="shared" si="246"/>
        <v>4.213507E-3</v>
      </c>
      <c r="E7886" s="6">
        <f t="shared" si="247"/>
        <v>7.8041999403540993E-2</v>
      </c>
    </row>
    <row r="7887" spans="1:5" x14ac:dyDescent="0.25">
      <c r="A7887" s="5">
        <v>43884.416666666664</v>
      </c>
      <c r="B7887" s="2">
        <v>17.218252</v>
      </c>
      <c r="C7887">
        <v>4.2471079999999999</v>
      </c>
      <c r="D7887">
        <f t="shared" si="246"/>
        <v>4.2471080000000003E-3</v>
      </c>
      <c r="E7887" s="6">
        <f t="shared" si="247"/>
        <v>7.3127775815215998E-2</v>
      </c>
    </row>
    <row r="7888" spans="1:5" x14ac:dyDescent="0.25">
      <c r="A7888" s="5">
        <v>43884.458333333336</v>
      </c>
      <c r="B7888" s="2">
        <v>16.424955000000001</v>
      </c>
      <c r="C7888">
        <v>6.6431400000000007</v>
      </c>
      <c r="D7888">
        <f t="shared" si="246"/>
        <v>6.6431400000000005E-3</v>
      </c>
      <c r="E7888" s="6">
        <f t="shared" si="247"/>
        <v>0.10911327555870001</v>
      </c>
    </row>
    <row r="7889" spans="1:5" x14ac:dyDescent="0.25">
      <c r="A7889" s="5">
        <v>43884.5</v>
      </c>
      <c r="B7889" s="2">
        <v>16.452863000000001</v>
      </c>
      <c r="C7889">
        <v>6.0080600000000004</v>
      </c>
      <c r="D7889">
        <f t="shared" si="246"/>
        <v>6.0080600000000008E-3</v>
      </c>
      <c r="E7889" s="6">
        <f t="shared" si="247"/>
        <v>9.8849788075780015E-2</v>
      </c>
    </row>
    <row r="7890" spans="1:5" x14ac:dyDescent="0.25">
      <c r="A7890" s="5">
        <v>43884.541666666664</v>
      </c>
      <c r="B7890" s="2">
        <v>15.617993999999999</v>
      </c>
      <c r="C7890">
        <v>6.8962579999999996</v>
      </c>
      <c r="D7890">
        <f t="shared" si="246"/>
        <v>6.8962579999999997E-3</v>
      </c>
      <c r="E7890" s="6">
        <f t="shared" si="247"/>
        <v>0.10770571606645199</v>
      </c>
    </row>
    <row r="7891" spans="1:5" x14ac:dyDescent="0.25">
      <c r="A7891" s="5">
        <v>43884.583333333336</v>
      </c>
      <c r="B7891" s="2">
        <v>14.736052000000001</v>
      </c>
      <c r="C7891">
        <v>5.7039359999999997</v>
      </c>
      <c r="D7891">
        <f t="shared" si="246"/>
        <v>5.7039359999999997E-3</v>
      </c>
      <c r="E7891" s="6">
        <f t="shared" si="247"/>
        <v>8.4053497500671995E-2</v>
      </c>
    </row>
    <row r="7892" spans="1:5" x14ac:dyDescent="0.25">
      <c r="A7892" s="5">
        <v>43884.625</v>
      </c>
      <c r="B7892" s="2">
        <v>14.648182</v>
      </c>
      <c r="C7892">
        <v>4.4748530000000004</v>
      </c>
      <c r="D7892">
        <f t="shared" si="246"/>
        <v>4.474853E-3</v>
      </c>
      <c r="E7892" s="6">
        <f t="shared" si="247"/>
        <v>6.5548461167245997E-2</v>
      </c>
    </row>
    <row r="7893" spans="1:5" x14ac:dyDescent="0.25">
      <c r="A7893" s="5">
        <v>43884.666666666664</v>
      </c>
      <c r="B7893" s="2">
        <v>15.64198</v>
      </c>
      <c r="C7893">
        <v>3.2252179999999999</v>
      </c>
      <c r="D7893">
        <f t="shared" si="246"/>
        <v>3.2252179999999997E-3</v>
      </c>
      <c r="E7893" s="6">
        <f t="shared" si="247"/>
        <v>5.0448795451639994E-2</v>
      </c>
    </row>
    <row r="7894" spans="1:5" x14ac:dyDescent="0.25">
      <c r="A7894" s="5">
        <v>43884.708333333336</v>
      </c>
      <c r="B7894" s="2">
        <v>18.190016</v>
      </c>
      <c r="C7894">
        <v>1.1817029999999999</v>
      </c>
      <c r="D7894">
        <f t="shared" si="246"/>
        <v>1.1817029999999999E-3</v>
      </c>
      <c r="E7894" s="6">
        <f t="shared" si="247"/>
        <v>2.1495196477247999E-2</v>
      </c>
    </row>
    <row r="7895" spans="1:5" x14ac:dyDescent="0.25">
      <c r="A7895" s="5">
        <v>43884.75</v>
      </c>
      <c r="B7895" s="2">
        <v>23.277386</v>
      </c>
      <c r="C7895">
        <v>0</v>
      </c>
      <c r="D7895">
        <f t="shared" si="246"/>
        <v>0</v>
      </c>
      <c r="E7895" s="6">
        <f t="shared" si="247"/>
        <v>0</v>
      </c>
    </row>
    <row r="7896" spans="1:5" x14ac:dyDescent="0.25">
      <c r="A7896" s="5">
        <v>43884.791666666664</v>
      </c>
      <c r="B7896" s="2">
        <v>20.418343</v>
      </c>
      <c r="C7896">
        <v>0</v>
      </c>
      <c r="D7896">
        <f t="shared" si="246"/>
        <v>0</v>
      </c>
      <c r="E7896" s="6">
        <f t="shared" si="247"/>
        <v>0</v>
      </c>
    </row>
    <row r="7897" spans="1:5" x14ac:dyDescent="0.25">
      <c r="A7897" s="5">
        <v>43884.833333333336</v>
      </c>
      <c r="B7897" s="2">
        <v>20.154990000000002</v>
      </c>
      <c r="C7897">
        <v>0</v>
      </c>
      <c r="D7897">
        <f t="shared" si="246"/>
        <v>0</v>
      </c>
      <c r="E7897" s="6">
        <f t="shared" si="247"/>
        <v>0</v>
      </c>
    </row>
    <row r="7898" spans="1:5" x14ac:dyDescent="0.25">
      <c r="A7898" s="5">
        <v>43884.875</v>
      </c>
      <c r="B7898" s="2">
        <v>19.202302</v>
      </c>
      <c r="C7898">
        <v>0</v>
      </c>
      <c r="D7898">
        <f t="shared" si="246"/>
        <v>0</v>
      </c>
      <c r="E7898" s="6">
        <f t="shared" si="247"/>
        <v>0</v>
      </c>
    </row>
    <row r="7899" spans="1:5" x14ac:dyDescent="0.25">
      <c r="A7899" s="5">
        <v>43884.916666666664</v>
      </c>
      <c r="B7899" s="2">
        <v>17.528095</v>
      </c>
      <c r="C7899">
        <v>0</v>
      </c>
      <c r="D7899">
        <f t="shared" si="246"/>
        <v>0</v>
      </c>
      <c r="E7899" s="6">
        <f t="shared" si="247"/>
        <v>0</v>
      </c>
    </row>
    <row r="7900" spans="1:5" x14ac:dyDescent="0.25">
      <c r="A7900" s="5">
        <v>43884.958333333336</v>
      </c>
      <c r="B7900" s="2">
        <v>16.76089</v>
      </c>
      <c r="C7900">
        <v>0</v>
      </c>
      <c r="D7900">
        <f t="shared" si="246"/>
        <v>0</v>
      </c>
      <c r="E7900" s="6">
        <f t="shared" si="247"/>
        <v>0</v>
      </c>
    </row>
    <row r="7901" spans="1:5" x14ac:dyDescent="0.25">
      <c r="A7901" s="5">
        <v>43885</v>
      </c>
      <c r="B7901" s="2">
        <v>16.198944999999998</v>
      </c>
      <c r="C7901">
        <v>0</v>
      </c>
      <c r="D7901">
        <f t="shared" si="246"/>
        <v>0</v>
      </c>
      <c r="E7901" s="6">
        <f t="shared" si="247"/>
        <v>0</v>
      </c>
    </row>
    <row r="7902" spans="1:5" x14ac:dyDescent="0.25">
      <c r="A7902" s="5">
        <v>43885.041666666664</v>
      </c>
      <c r="B7902" s="2">
        <v>16.368963000000001</v>
      </c>
      <c r="C7902">
        <v>0</v>
      </c>
      <c r="D7902">
        <f t="shared" si="246"/>
        <v>0</v>
      </c>
      <c r="E7902" s="6">
        <f t="shared" si="247"/>
        <v>0</v>
      </c>
    </row>
    <row r="7903" spans="1:5" x14ac:dyDescent="0.25">
      <c r="A7903" s="5">
        <v>43885.083333333336</v>
      </c>
      <c r="B7903" s="2">
        <v>16.245768999999999</v>
      </c>
      <c r="C7903">
        <v>0</v>
      </c>
      <c r="D7903">
        <f t="shared" si="246"/>
        <v>0</v>
      </c>
      <c r="E7903" s="6">
        <f t="shared" si="247"/>
        <v>0</v>
      </c>
    </row>
    <row r="7904" spans="1:5" x14ac:dyDescent="0.25">
      <c r="A7904" s="5">
        <v>43885.125</v>
      </c>
      <c r="B7904" s="2">
        <v>16.967088</v>
      </c>
      <c r="C7904">
        <v>0</v>
      </c>
      <c r="D7904">
        <f t="shared" si="246"/>
        <v>0</v>
      </c>
      <c r="E7904" s="6">
        <f t="shared" si="247"/>
        <v>0</v>
      </c>
    </row>
    <row r="7905" spans="1:5" x14ac:dyDescent="0.25">
      <c r="A7905" s="5">
        <v>43885.166666666664</v>
      </c>
      <c r="B7905" s="2">
        <v>17.310469999999999</v>
      </c>
      <c r="C7905">
        <v>0</v>
      </c>
      <c r="D7905">
        <f t="shared" si="246"/>
        <v>0</v>
      </c>
      <c r="E7905" s="6">
        <f t="shared" si="247"/>
        <v>0</v>
      </c>
    </row>
    <row r="7906" spans="1:5" x14ac:dyDescent="0.25">
      <c r="A7906" s="5">
        <v>43885.208333333336</v>
      </c>
      <c r="B7906" s="2">
        <v>19.256798</v>
      </c>
      <c r="C7906">
        <v>0</v>
      </c>
      <c r="D7906">
        <f t="shared" si="246"/>
        <v>0</v>
      </c>
      <c r="E7906" s="6">
        <f t="shared" si="247"/>
        <v>0</v>
      </c>
    </row>
    <row r="7907" spans="1:5" x14ac:dyDescent="0.25">
      <c r="A7907" s="5">
        <v>43885.25</v>
      </c>
      <c r="B7907" s="2">
        <v>26.087040999999999</v>
      </c>
      <c r="C7907">
        <v>0</v>
      </c>
      <c r="D7907">
        <f t="shared" si="246"/>
        <v>0</v>
      </c>
      <c r="E7907" s="6">
        <f t="shared" si="247"/>
        <v>0</v>
      </c>
    </row>
    <row r="7908" spans="1:5" x14ac:dyDescent="0.25">
      <c r="A7908" s="5">
        <v>43885.291666666664</v>
      </c>
      <c r="B7908" s="2">
        <v>23.545532000000001</v>
      </c>
      <c r="C7908">
        <v>0</v>
      </c>
      <c r="D7908">
        <f t="shared" si="246"/>
        <v>0</v>
      </c>
      <c r="E7908" s="6">
        <f t="shared" si="247"/>
        <v>0</v>
      </c>
    </row>
    <row r="7909" spans="1:5" x14ac:dyDescent="0.25">
      <c r="A7909" s="5">
        <v>43885.333333333336</v>
      </c>
      <c r="B7909" s="2">
        <v>21.736701</v>
      </c>
      <c r="C7909">
        <v>9.6499999999999993E-4</v>
      </c>
      <c r="D7909">
        <f t="shared" si="246"/>
        <v>9.6499999999999987E-7</v>
      </c>
      <c r="E7909" s="6">
        <f t="shared" si="247"/>
        <v>2.0975916464999998E-5</v>
      </c>
    </row>
    <row r="7910" spans="1:5" x14ac:dyDescent="0.25">
      <c r="A7910" s="5">
        <v>43885.375</v>
      </c>
      <c r="B7910" s="2">
        <v>21.426897</v>
      </c>
      <c r="C7910">
        <v>0.25840800000000003</v>
      </c>
      <c r="D7910">
        <f t="shared" si="246"/>
        <v>2.5840800000000001E-4</v>
      </c>
      <c r="E7910" s="6">
        <f t="shared" si="247"/>
        <v>5.5368815999759999E-3</v>
      </c>
    </row>
    <row r="7911" spans="1:5" x14ac:dyDescent="0.25">
      <c r="A7911" s="5">
        <v>43885.416666666664</v>
      </c>
      <c r="B7911" s="2">
        <v>21.649982999999999</v>
      </c>
      <c r="C7911">
        <v>1.1122780000000001</v>
      </c>
      <c r="D7911">
        <f t="shared" si="246"/>
        <v>1.1122780000000002E-3</v>
      </c>
      <c r="E7911" s="6">
        <f t="shared" si="247"/>
        <v>2.4080799791274001E-2</v>
      </c>
    </row>
    <row r="7912" spans="1:5" x14ac:dyDescent="0.25">
      <c r="A7912" s="5">
        <v>43885.458333333336</v>
      </c>
      <c r="B7912" s="2">
        <v>21.411570999999999</v>
      </c>
      <c r="C7912">
        <v>1.4025429999999999</v>
      </c>
      <c r="D7912">
        <f t="shared" si="246"/>
        <v>1.4025429999999998E-3</v>
      </c>
      <c r="E7912" s="6">
        <f t="shared" si="247"/>
        <v>3.0030649025052994E-2</v>
      </c>
    </row>
    <row r="7913" spans="1:5" x14ac:dyDescent="0.25">
      <c r="A7913" s="5">
        <v>43885.5</v>
      </c>
      <c r="B7913" s="2">
        <v>20.92783</v>
      </c>
      <c r="C7913">
        <v>2.6691739999999999</v>
      </c>
      <c r="D7913">
        <f t="shared" si="246"/>
        <v>2.6691739999999999E-3</v>
      </c>
      <c r="E7913" s="6">
        <f t="shared" si="247"/>
        <v>5.5860019712419995E-2</v>
      </c>
    </row>
    <row r="7914" spans="1:5" x14ac:dyDescent="0.25">
      <c r="A7914" s="5">
        <v>43885.541666666664</v>
      </c>
      <c r="B7914" s="2">
        <v>20.678930000000001</v>
      </c>
      <c r="C7914">
        <v>0.323353</v>
      </c>
      <c r="D7914">
        <f t="shared" si="246"/>
        <v>3.2335300000000002E-4</v>
      </c>
      <c r="E7914" s="6">
        <f t="shared" si="247"/>
        <v>6.686594052290001E-3</v>
      </c>
    </row>
    <row r="7915" spans="1:5" x14ac:dyDescent="0.25">
      <c r="A7915" s="5">
        <v>43885.583333333336</v>
      </c>
      <c r="B7915" s="2">
        <v>20.007850000000001</v>
      </c>
      <c r="C7915">
        <v>4.9827700000000004</v>
      </c>
      <c r="D7915">
        <f t="shared" si="246"/>
        <v>4.9827700000000001E-3</v>
      </c>
      <c r="E7915" s="6">
        <f t="shared" si="247"/>
        <v>9.9694514744500001E-2</v>
      </c>
    </row>
    <row r="7916" spans="1:5" x14ac:dyDescent="0.25">
      <c r="A7916" s="5">
        <v>43885.625</v>
      </c>
      <c r="B7916" s="2">
        <v>19.749611999999999</v>
      </c>
      <c r="C7916">
        <v>1.0264390000000001</v>
      </c>
      <c r="D7916">
        <f t="shared" si="246"/>
        <v>1.0264390000000001E-3</v>
      </c>
      <c r="E7916" s="6">
        <f t="shared" si="247"/>
        <v>2.0271771991668002E-2</v>
      </c>
    </row>
    <row r="7917" spans="1:5" x14ac:dyDescent="0.25">
      <c r="A7917" s="5">
        <v>43885.666666666664</v>
      </c>
      <c r="B7917" s="2">
        <v>19.854621999999999</v>
      </c>
      <c r="C7917">
        <v>6.7993999999999999E-2</v>
      </c>
      <c r="D7917">
        <f t="shared" si="246"/>
        <v>6.7994E-5</v>
      </c>
      <c r="E7917" s="6">
        <f t="shared" si="247"/>
        <v>1.3499951682679999E-3</v>
      </c>
    </row>
    <row r="7918" spans="1:5" x14ac:dyDescent="0.25">
      <c r="A7918" s="5">
        <v>43885.708333333336</v>
      </c>
      <c r="B7918" s="2">
        <v>22.778155000000002</v>
      </c>
      <c r="C7918">
        <v>0</v>
      </c>
      <c r="D7918">
        <f t="shared" si="246"/>
        <v>0</v>
      </c>
      <c r="E7918" s="6">
        <f t="shared" si="247"/>
        <v>0</v>
      </c>
    </row>
    <row r="7919" spans="1:5" x14ac:dyDescent="0.25">
      <c r="A7919" s="5">
        <v>43885.75</v>
      </c>
      <c r="B7919" s="2">
        <v>23.388024000000001</v>
      </c>
      <c r="C7919">
        <v>0</v>
      </c>
      <c r="D7919">
        <f t="shared" si="246"/>
        <v>0</v>
      </c>
      <c r="E7919" s="6">
        <f t="shared" si="247"/>
        <v>0</v>
      </c>
    </row>
    <row r="7920" spans="1:5" x14ac:dyDescent="0.25">
      <c r="A7920" s="5">
        <v>43885.791666666664</v>
      </c>
      <c r="B7920" s="2">
        <v>21.377915000000002</v>
      </c>
      <c r="C7920">
        <v>0</v>
      </c>
      <c r="D7920">
        <f t="shared" si="246"/>
        <v>0</v>
      </c>
      <c r="E7920" s="6">
        <f t="shared" si="247"/>
        <v>0</v>
      </c>
    </row>
    <row r="7921" spans="1:5" x14ac:dyDescent="0.25">
      <c r="A7921" s="5">
        <v>43885.833333333336</v>
      </c>
      <c r="B7921" s="2">
        <v>21.099565999999999</v>
      </c>
      <c r="C7921">
        <v>0</v>
      </c>
      <c r="D7921">
        <f t="shared" si="246"/>
        <v>0</v>
      </c>
      <c r="E7921" s="6">
        <f t="shared" si="247"/>
        <v>0</v>
      </c>
    </row>
    <row r="7922" spans="1:5" x14ac:dyDescent="0.25">
      <c r="A7922" s="5">
        <v>43885.875</v>
      </c>
      <c r="B7922" s="2">
        <v>19.588453999999999</v>
      </c>
      <c r="C7922">
        <v>0</v>
      </c>
      <c r="D7922">
        <f t="shared" si="246"/>
        <v>0</v>
      </c>
      <c r="E7922" s="6">
        <f t="shared" si="247"/>
        <v>0</v>
      </c>
    </row>
    <row r="7923" spans="1:5" x14ac:dyDescent="0.25">
      <c r="A7923" s="5">
        <v>43885.916666666664</v>
      </c>
      <c r="B7923" s="2">
        <v>18.169794</v>
      </c>
      <c r="C7923">
        <v>0</v>
      </c>
      <c r="D7923">
        <f t="shared" si="246"/>
        <v>0</v>
      </c>
      <c r="E7923" s="6">
        <f t="shared" si="247"/>
        <v>0</v>
      </c>
    </row>
    <row r="7924" spans="1:5" x14ac:dyDescent="0.25">
      <c r="A7924" s="5">
        <v>43885.958333333336</v>
      </c>
      <c r="B7924" s="2">
        <v>16.800160000000002</v>
      </c>
      <c r="C7924">
        <v>0</v>
      </c>
      <c r="D7924">
        <f t="shared" si="246"/>
        <v>0</v>
      </c>
      <c r="E7924" s="6">
        <f t="shared" si="247"/>
        <v>0</v>
      </c>
    </row>
    <row r="7925" spans="1:5" x14ac:dyDescent="0.25">
      <c r="A7925" s="5">
        <v>43886</v>
      </c>
      <c r="B7925" s="2">
        <v>15.807651999999999</v>
      </c>
      <c r="C7925">
        <v>0</v>
      </c>
      <c r="D7925">
        <f t="shared" si="246"/>
        <v>0</v>
      </c>
      <c r="E7925" s="6">
        <f t="shared" si="247"/>
        <v>0</v>
      </c>
    </row>
    <row r="7926" spans="1:5" x14ac:dyDescent="0.25">
      <c r="A7926" s="5">
        <v>43886.041666666664</v>
      </c>
      <c r="B7926" s="2">
        <v>15.617099</v>
      </c>
      <c r="C7926">
        <v>0</v>
      </c>
      <c r="D7926">
        <f t="shared" si="246"/>
        <v>0</v>
      </c>
      <c r="E7926" s="6">
        <f t="shared" si="247"/>
        <v>0</v>
      </c>
    </row>
    <row r="7927" spans="1:5" x14ac:dyDescent="0.25">
      <c r="A7927" s="5">
        <v>43886.083333333336</v>
      </c>
      <c r="B7927" s="2">
        <v>14.521352</v>
      </c>
      <c r="C7927">
        <v>0</v>
      </c>
      <c r="D7927">
        <f t="shared" si="246"/>
        <v>0</v>
      </c>
      <c r="E7927" s="6">
        <f t="shared" si="247"/>
        <v>0</v>
      </c>
    </row>
    <row r="7928" spans="1:5" x14ac:dyDescent="0.25">
      <c r="A7928" s="5">
        <v>43886.125</v>
      </c>
      <c r="B7928" s="2">
        <v>14.520511000000001</v>
      </c>
      <c r="C7928">
        <v>0</v>
      </c>
      <c r="D7928">
        <f t="shared" si="246"/>
        <v>0</v>
      </c>
      <c r="E7928" s="6">
        <f t="shared" si="247"/>
        <v>0</v>
      </c>
    </row>
    <row r="7929" spans="1:5" x14ac:dyDescent="0.25">
      <c r="A7929" s="5">
        <v>43886.166666666664</v>
      </c>
      <c r="B7929" s="2">
        <v>15.201407</v>
      </c>
      <c r="C7929">
        <v>0</v>
      </c>
      <c r="D7929">
        <f t="shared" si="246"/>
        <v>0</v>
      </c>
      <c r="E7929" s="6">
        <f t="shared" si="247"/>
        <v>0</v>
      </c>
    </row>
    <row r="7930" spans="1:5" x14ac:dyDescent="0.25">
      <c r="A7930" s="5">
        <v>43886.208333333336</v>
      </c>
      <c r="B7930" s="2">
        <v>16.876671999999999</v>
      </c>
      <c r="C7930">
        <v>0</v>
      </c>
      <c r="D7930">
        <f t="shared" si="246"/>
        <v>0</v>
      </c>
      <c r="E7930" s="6">
        <f t="shared" si="247"/>
        <v>0</v>
      </c>
    </row>
    <row r="7931" spans="1:5" x14ac:dyDescent="0.25">
      <c r="A7931" s="5">
        <v>43886.25</v>
      </c>
      <c r="B7931" s="2">
        <v>22.082557000000001</v>
      </c>
      <c r="C7931">
        <v>0</v>
      </c>
      <c r="D7931">
        <f t="shared" si="246"/>
        <v>0</v>
      </c>
      <c r="E7931" s="6">
        <f t="shared" si="247"/>
        <v>0</v>
      </c>
    </row>
    <row r="7932" spans="1:5" x14ac:dyDescent="0.25">
      <c r="A7932" s="5">
        <v>43886.291666666664</v>
      </c>
      <c r="B7932" s="2">
        <v>21.226016000000001</v>
      </c>
      <c r="C7932">
        <v>0.39766699999999999</v>
      </c>
      <c r="D7932">
        <f t="shared" si="246"/>
        <v>3.9766699999999999E-4</v>
      </c>
      <c r="E7932" s="6">
        <f t="shared" si="247"/>
        <v>8.4408861046720001E-3</v>
      </c>
    </row>
    <row r="7933" spans="1:5" x14ac:dyDescent="0.25">
      <c r="A7933" s="5">
        <v>43886.333333333336</v>
      </c>
      <c r="B7933" s="2">
        <v>21.188158999999999</v>
      </c>
      <c r="C7933">
        <v>1.157796</v>
      </c>
      <c r="D7933">
        <f t="shared" si="246"/>
        <v>1.157796E-3</v>
      </c>
      <c r="E7933" s="6">
        <f t="shared" si="247"/>
        <v>2.4531565737563998E-2</v>
      </c>
    </row>
    <row r="7934" spans="1:5" x14ac:dyDescent="0.25">
      <c r="A7934" s="5">
        <v>43886.375</v>
      </c>
      <c r="B7934" s="2">
        <v>21.009328</v>
      </c>
      <c r="C7934">
        <v>1.271827</v>
      </c>
      <c r="D7934">
        <f t="shared" si="246"/>
        <v>1.2718270000000001E-3</v>
      </c>
      <c r="E7934" s="6">
        <f t="shared" si="247"/>
        <v>2.6720230602256003E-2</v>
      </c>
    </row>
    <row r="7935" spans="1:5" x14ac:dyDescent="0.25">
      <c r="A7935" s="5">
        <v>43886.416666666664</v>
      </c>
      <c r="B7935" s="2">
        <v>21.154267000000001</v>
      </c>
      <c r="C7935">
        <v>1.288448</v>
      </c>
      <c r="D7935">
        <f t="shared" si="246"/>
        <v>1.288448E-3</v>
      </c>
      <c r="E7935" s="6">
        <f t="shared" si="247"/>
        <v>2.7256173007616E-2</v>
      </c>
    </row>
    <row r="7936" spans="1:5" x14ac:dyDescent="0.25">
      <c r="A7936" s="5">
        <v>43886.458333333336</v>
      </c>
      <c r="B7936" s="2">
        <v>20.836129</v>
      </c>
      <c r="C7936">
        <v>1.2366250000000001</v>
      </c>
      <c r="D7936">
        <f t="shared" si="246"/>
        <v>1.2366250000000001E-3</v>
      </c>
      <c r="E7936" s="6">
        <f t="shared" si="247"/>
        <v>2.5766478024625002E-2</v>
      </c>
    </row>
    <row r="7937" spans="1:5" x14ac:dyDescent="0.25">
      <c r="A7937" s="5">
        <v>43886.5</v>
      </c>
      <c r="B7937" s="2">
        <v>19.921109999999999</v>
      </c>
      <c r="C7937">
        <v>1.5104659999999999</v>
      </c>
      <c r="D7937">
        <f t="shared" si="246"/>
        <v>1.5104659999999998E-3</v>
      </c>
      <c r="E7937" s="6">
        <f t="shared" si="247"/>
        <v>3.0090159337259996E-2</v>
      </c>
    </row>
    <row r="7938" spans="1:5" x14ac:dyDescent="0.25">
      <c r="A7938" s="5">
        <v>43886.541666666664</v>
      </c>
      <c r="B7938" s="2">
        <v>19.83813</v>
      </c>
      <c r="C7938">
        <v>2.394962</v>
      </c>
      <c r="D7938">
        <f t="shared" si="246"/>
        <v>2.394962E-3</v>
      </c>
      <c r="E7938" s="6">
        <f t="shared" si="247"/>
        <v>4.7511567501059997E-2</v>
      </c>
    </row>
    <row r="7939" spans="1:5" x14ac:dyDescent="0.25">
      <c r="A7939" s="5">
        <v>43886.583333333336</v>
      </c>
      <c r="B7939" s="2">
        <v>19.118903</v>
      </c>
      <c r="C7939">
        <v>1.792894</v>
      </c>
      <c r="D7939">
        <f t="shared" si="246"/>
        <v>1.792894E-3</v>
      </c>
      <c r="E7939" s="6">
        <f t="shared" si="247"/>
        <v>3.4278166475282E-2</v>
      </c>
    </row>
    <row r="7940" spans="1:5" x14ac:dyDescent="0.25">
      <c r="A7940" s="5">
        <v>43886.625</v>
      </c>
      <c r="B7940" s="2">
        <v>19.146339999999999</v>
      </c>
      <c r="C7940">
        <v>0.65712000000000004</v>
      </c>
      <c r="D7940">
        <f t="shared" si="246"/>
        <v>6.5712000000000008E-4</v>
      </c>
      <c r="E7940" s="6">
        <f t="shared" si="247"/>
        <v>1.25814429408E-2</v>
      </c>
    </row>
    <row r="7941" spans="1:5" x14ac:dyDescent="0.25">
      <c r="A7941" s="5">
        <v>43886.666666666664</v>
      </c>
      <c r="B7941" s="2">
        <v>19.424398</v>
      </c>
      <c r="C7941">
        <v>1.7884409999999999</v>
      </c>
      <c r="D7941">
        <f t="shared" si="246"/>
        <v>1.788441E-3</v>
      </c>
      <c r="E7941" s="6">
        <f t="shared" si="247"/>
        <v>3.4739389783518003E-2</v>
      </c>
    </row>
    <row r="7942" spans="1:5" x14ac:dyDescent="0.25">
      <c r="A7942" s="5">
        <v>43886.708333333336</v>
      </c>
      <c r="B7942" s="2">
        <v>20.964880000000001</v>
      </c>
      <c r="C7942">
        <v>1.4544349999999999</v>
      </c>
      <c r="D7942">
        <f t="shared" ref="D7942:D8005" si="248">C7942/1000</f>
        <v>1.454435E-3</v>
      </c>
      <c r="E7942" s="6">
        <f t="shared" ref="E7942:E8005" si="249">D7942*B7942</f>
        <v>3.0492055242800003E-2</v>
      </c>
    </row>
    <row r="7943" spans="1:5" x14ac:dyDescent="0.25">
      <c r="A7943" s="5">
        <v>43886.75</v>
      </c>
      <c r="B7943" s="2">
        <v>22.366333000000001</v>
      </c>
      <c r="C7943">
        <v>0</v>
      </c>
      <c r="D7943">
        <f t="shared" si="248"/>
        <v>0</v>
      </c>
      <c r="E7943" s="6">
        <f t="shared" si="249"/>
        <v>0</v>
      </c>
    </row>
    <row r="7944" spans="1:5" x14ac:dyDescent="0.25">
      <c r="A7944" s="5">
        <v>43886.791666666664</v>
      </c>
      <c r="B7944" s="2">
        <v>21.169879999999999</v>
      </c>
      <c r="C7944">
        <v>0</v>
      </c>
      <c r="D7944">
        <f t="shared" si="248"/>
        <v>0</v>
      </c>
      <c r="E7944" s="6">
        <f t="shared" si="249"/>
        <v>0</v>
      </c>
    </row>
    <row r="7945" spans="1:5" x14ac:dyDescent="0.25">
      <c r="A7945" s="5">
        <v>43886.833333333336</v>
      </c>
      <c r="B7945" s="2">
        <v>20.360679999999999</v>
      </c>
      <c r="C7945">
        <v>0</v>
      </c>
      <c r="D7945">
        <f t="shared" si="248"/>
        <v>0</v>
      </c>
      <c r="E7945" s="6">
        <f t="shared" si="249"/>
        <v>0</v>
      </c>
    </row>
    <row r="7946" spans="1:5" x14ac:dyDescent="0.25">
      <c r="A7946" s="5">
        <v>43886.875</v>
      </c>
      <c r="B7946" s="2">
        <v>18.925972000000002</v>
      </c>
      <c r="C7946">
        <v>0</v>
      </c>
      <c r="D7946">
        <f t="shared" si="248"/>
        <v>0</v>
      </c>
      <c r="E7946" s="6">
        <f t="shared" si="249"/>
        <v>0</v>
      </c>
    </row>
    <row r="7947" spans="1:5" x14ac:dyDescent="0.25">
      <c r="A7947" s="5">
        <v>43886.916666666664</v>
      </c>
      <c r="B7947" s="2">
        <v>17.386333</v>
      </c>
      <c r="C7947">
        <v>0</v>
      </c>
      <c r="D7947">
        <f t="shared" si="248"/>
        <v>0</v>
      </c>
      <c r="E7947" s="6">
        <f t="shared" si="249"/>
        <v>0</v>
      </c>
    </row>
    <row r="7948" spans="1:5" x14ac:dyDescent="0.25">
      <c r="A7948" s="5">
        <v>43886.958333333336</v>
      </c>
      <c r="B7948" s="2">
        <v>15.179169999999999</v>
      </c>
      <c r="C7948">
        <v>0</v>
      </c>
      <c r="D7948">
        <f t="shared" si="248"/>
        <v>0</v>
      </c>
      <c r="E7948" s="6">
        <f t="shared" si="249"/>
        <v>0</v>
      </c>
    </row>
    <row r="7949" spans="1:5" x14ac:dyDescent="0.25">
      <c r="A7949" s="5">
        <v>43887</v>
      </c>
      <c r="B7949" s="2">
        <v>14.140230000000001</v>
      </c>
      <c r="C7949">
        <v>0</v>
      </c>
      <c r="D7949">
        <f t="shared" si="248"/>
        <v>0</v>
      </c>
      <c r="E7949" s="6">
        <f t="shared" si="249"/>
        <v>0</v>
      </c>
    </row>
    <row r="7950" spans="1:5" x14ac:dyDescent="0.25">
      <c r="A7950" s="5">
        <v>43887.041666666664</v>
      </c>
      <c r="B7950" s="2">
        <v>13.87312</v>
      </c>
      <c r="C7950">
        <v>0</v>
      </c>
      <c r="D7950">
        <f t="shared" si="248"/>
        <v>0</v>
      </c>
      <c r="E7950" s="6">
        <f t="shared" si="249"/>
        <v>0</v>
      </c>
    </row>
    <row r="7951" spans="1:5" x14ac:dyDescent="0.25">
      <c r="A7951" s="5">
        <v>43887.083333333336</v>
      </c>
      <c r="B7951" s="2">
        <v>13.398771</v>
      </c>
      <c r="C7951">
        <v>0</v>
      </c>
      <c r="D7951">
        <f t="shared" si="248"/>
        <v>0</v>
      </c>
      <c r="E7951" s="6">
        <f t="shared" si="249"/>
        <v>0</v>
      </c>
    </row>
    <row r="7952" spans="1:5" x14ac:dyDescent="0.25">
      <c r="A7952" s="5">
        <v>43887.125</v>
      </c>
      <c r="B7952" s="2">
        <v>13.503740000000001</v>
      </c>
      <c r="C7952">
        <v>0</v>
      </c>
      <c r="D7952">
        <f t="shared" si="248"/>
        <v>0</v>
      </c>
      <c r="E7952" s="6">
        <f t="shared" si="249"/>
        <v>0</v>
      </c>
    </row>
    <row r="7953" spans="1:5" x14ac:dyDescent="0.25">
      <c r="A7953" s="5">
        <v>43887.166666666664</v>
      </c>
      <c r="B7953" s="2">
        <v>14.568949</v>
      </c>
      <c r="C7953">
        <v>0</v>
      </c>
      <c r="D7953">
        <f t="shared" si="248"/>
        <v>0</v>
      </c>
      <c r="E7953" s="6">
        <f t="shared" si="249"/>
        <v>0</v>
      </c>
    </row>
    <row r="7954" spans="1:5" x14ac:dyDescent="0.25">
      <c r="A7954" s="5">
        <v>43887.208333333336</v>
      </c>
      <c r="B7954" s="2">
        <v>15.830684</v>
      </c>
      <c r="C7954">
        <v>0</v>
      </c>
      <c r="D7954">
        <f t="shared" si="248"/>
        <v>0</v>
      </c>
      <c r="E7954" s="6">
        <f t="shared" si="249"/>
        <v>0</v>
      </c>
    </row>
    <row r="7955" spans="1:5" x14ac:dyDescent="0.25">
      <c r="A7955" s="5">
        <v>43887.25</v>
      </c>
      <c r="B7955" s="2">
        <v>20.970610000000001</v>
      </c>
      <c r="C7955">
        <v>0</v>
      </c>
      <c r="D7955">
        <f t="shared" si="248"/>
        <v>0</v>
      </c>
      <c r="E7955" s="6">
        <f t="shared" si="249"/>
        <v>0</v>
      </c>
    </row>
    <row r="7956" spans="1:5" x14ac:dyDescent="0.25">
      <c r="A7956" s="5">
        <v>43887.291666666664</v>
      </c>
      <c r="B7956" s="2">
        <v>21.385164</v>
      </c>
      <c r="C7956">
        <v>0.509293</v>
      </c>
      <c r="D7956">
        <f t="shared" si="248"/>
        <v>5.0929299999999996E-4</v>
      </c>
      <c r="E7956" s="6">
        <f t="shared" si="249"/>
        <v>1.0891314329051998E-2</v>
      </c>
    </row>
    <row r="7957" spans="1:5" x14ac:dyDescent="0.25">
      <c r="A7957" s="5">
        <v>43887.333333333336</v>
      </c>
      <c r="B7957" s="2">
        <v>20.978611999999998</v>
      </c>
      <c r="C7957">
        <v>2.7483439999999999</v>
      </c>
      <c r="D7957">
        <f t="shared" si="248"/>
        <v>2.7483439999999998E-3</v>
      </c>
      <c r="E7957" s="6">
        <f t="shared" si="249"/>
        <v>5.7656442418527992E-2</v>
      </c>
    </row>
    <row r="7958" spans="1:5" x14ac:dyDescent="0.25">
      <c r="A7958" s="5">
        <v>43887.375</v>
      </c>
      <c r="B7958" s="2">
        <v>20.401319999999998</v>
      </c>
      <c r="C7958">
        <v>4.9593320000000007</v>
      </c>
      <c r="D7958">
        <f t="shared" si="248"/>
        <v>4.9593320000000003E-3</v>
      </c>
      <c r="E7958" s="6">
        <f t="shared" si="249"/>
        <v>0.10117691911824001</v>
      </c>
    </row>
    <row r="7959" spans="1:5" x14ac:dyDescent="0.25">
      <c r="A7959" s="5">
        <v>43887.416666666664</v>
      </c>
      <c r="B7959" s="2">
        <v>20.872485999999999</v>
      </c>
      <c r="C7959">
        <v>6.5095150000000004</v>
      </c>
      <c r="D7959">
        <f t="shared" si="248"/>
        <v>6.5095150000000004E-3</v>
      </c>
      <c r="E7959" s="6">
        <f t="shared" si="249"/>
        <v>0.13586976070428999</v>
      </c>
    </row>
    <row r="7960" spans="1:5" x14ac:dyDescent="0.25">
      <c r="A7960" s="5">
        <v>43887.458333333336</v>
      </c>
      <c r="B7960" s="2">
        <v>20.930785</v>
      </c>
      <c r="C7960">
        <v>7.4154629999999999</v>
      </c>
      <c r="D7960">
        <f t="shared" si="248"/>
        <v>7.4154629999999997E-3</v>
      </c>
      <c r="E7960" s="6">
        <f t="shared" si="249"/>
        <v>0.15521146172845499</v>
      </c>
    </row>
    <row r="7961" spans="1:5" x14ac:dyDescent="0.25">
      <c r="A7961" s="5">
        <v>43887.5</v>
      </c>
      <c r="B7961" s="2">
        <v>20.246925999999998</v>
      </c>
      <c r="C7961">
        <v>7.7673699999999997</v>
      </c>
      <c r="D7961">
        <f t="shared" si="248"/>
        <v>7.76737E-3</v>
      </c>
      <c r="E7961" s="6">
        <f t="shared" si="249"/>
        <v>0.15726536560461998</v>
      </c>
    </row>
    <row r="7962" spans="1:5" x14ac:dyDescent="0.25">
      <c r="A7962" s="5">
        <v>43887.541666666664</v>
      </c>
      <c r="B7962" s="2">
        <v>20.043755999999998</v>
      </c>
      <c r="C7962">
        <v>7.5848959999999996</v>
      </c>
      <c r="D7962">
        <f t="shared" si="248"/>
        <v>7.5848959999999998E-3</v>
      </c>
      <c r="E7962" s="6">
        <f t="shared" si="249"/>
        <v>0.15202980470937599</v>
      </c>
    </row>
    <row r="7963" spans="1:5" x14ac:dyDescent="0.25">
      <c r="A7963" s="5">
        <v>43887.583333333336</v>
      </c>
      <c r="B7963" s="2">
        <v>19.586058999999999</v>
      </c>
      <c r="C7963">
        <v>6.8802940000000001</v>
      </c>
      <c r="D7963">
        <f t="shared" si="248"/>
        <v>6.8802940000000003E-3</v>
      </c>
      <c r="E7963" s="6">
        <f t="shared" si="249"/>
        <v>0.13475784422134598</v>
      </c>
    </row>
    <row r="7964" spans="1:5" x14ac:dyDescent="0.25">
      <c r="A7964" s="5">
        <v>43887.625</v>
      </c>
      <c r="B7964" s="2">
        <v>19.472417</v>
      </c>
      <c r="C7964">
        <v>5.6036159999999997</v>
      </c>
      <c r="D7964">
        <f t="shared" si="248"/>
        <v>5.6036159999999996E-3</v>
      </c>
      <c r="E7964" s="6">
        <f t="shared" si="249"/>
        <v>0.10911594745987199</v>
      </c>
    </row>
    <row r="7965" spans="1:5" x14ac:dyDescent="0.25">
      <c r="A7965" s="5">
        <v>43887.666666666664</v>
      </c>
      <c r="B7965" s="2">
        <v>19.991478000000001</v>
      </c>
      <c r="C7965">
        <v>3.8123279999999999</v>
      </c>
      <c r="D7965">
        <f t="shared" si="248"/>
        <v>3.8123279999999998E-3</v>
      </c>
      <c r="E7965" s="6">
        <f t="shared" si="249"/>
        <v>7.6214071340783993E-2</v>
      </c>
    </row>
    <row r="7966" spans="1:5" x14ac:dyDescent="0.25">
      <c r="A7966" s="5">
        <v>43887.708333333336</v>
      </c>
      <c r="B7966" s="2">
        <v>21.359057</v>
      </c>
      <c r="C7966">
        <v>1.5356969999999999</v>
      </c>
      <c r="D7966">
        <f t="shared" si="248"/>
        <v>1.5356969999999999E-3</v>
      </c>
      <c r="E7966" s="6">
        <f t="shared" si="249"/>
        <v>3.2801039757729002E-2</v>
      </c>
    </row>
    <row r="7967" spans="1:5" x14ac:dyDescent="0.25">
      <c r="A7967" s="5">
        <v>43887.75</v>
      </c>
      <c r="B7967" s="2">
        <v>23.443763000000001</v>
      </c>
      <c r="C7967">
        <v>0</v>
      </c>
      <c r="D7967">
        <f t="shared" si="248"/>
        <v>0</v>
      </c>
      <c r="E7967" s="6">
        <f t="shared" si="249"/>
        <v>0</v>
      </c>
    </row>
    <row r="7968" spans="1:5" x14ac:dyDescent="0.25">
      <c r="A7968" s="5">
        <v>43887.791666666664</v>
      </c>
      <c r="B7968" s="2">
        <v>21.629065000000001</v>
      </c>
      <c r="C7968">
        <v>0</v>
      </c>
      <c r="D7968">
        <f t="shared" si="248"/>
        <v>0</v>
      </c>
      <c r="E7968" s="6">
        <f t="shared" si="249"/>
        <v>0</v>
      </c>
    </row>
    <row r="7969" spans="1:5" x14ac:dyDescent="0.25">
      <c r="A7969" s="5">
        <v>43887.833333333336</v>
      </c>
      <c r="B7969" s="2">
        <v>20.992744999999999</v>
      </c>
      <c r="C7969">
        <v>0</v>
      </c>
      <c r="D7969">
        <f t="shared" si="248"/>
        <v>0</v>
      </c>
      <c r="E7969" s="6">
        <f t="shared" si="249"/>
        <v>0</v>
      </c>
    </row>
    <row r="7970" spans="1:5" x14ac:dyDescent="0.25">
      <c r="A7970" s="5">
        <v>43887.875</v>
      </c>
      <c r="B7970" s="2">
        <v>20.195959999999999</v>
      </c>
      <c r="C7970">
        <v>0</v>
      </c>
      <c r="D7970">
        <f t="shared" si="248"/>
        <v>0</v>
      </c>
      <c r="E7970" s="6">
        <f t="shared" si="249"/>
        <v>0</v>
      </c>
    </row>
    <row r="7971" spans="1:5" x14ac:dyDescent="0.25">
      <c r="A7971" s="5">
        <v>43887.916666666664</v>
      </c>
      <c r="B7971" s="2">
        <v>18.648755999999999</v>
      </c>
      <c r="C7971">
        <v>0</v>
      </c>
      <c r="D7971">
        <f t="shared" si="248"/>
        <v>0</v>
      </c>
      <c r="E7971" s="6">
        <f t="shared" si="249"/>
        <v>0</v>
      </c>
    </row>
    <row r="7972" spans="1:5" x14ac:dyDescent="0.25">
      <c r="A7972" s="5">
        <v>43887.958333333336</v>
      </c>
      <c r="B7972" s="2">
        <v>17.000392999999999</v>
      </c>
      <c r="C7972">
        <v>0</v>
      </c>
      <c r="D7972">
        <f t="shared" si="248"/>
        <v>0</v>
      </c>
      <c r="E7972" s="6">
        <f t="shared" si="249"/>
        <v>0</v>
      </c>
    </row>
    <row r="7973" spans="1:5" x14ac:dyDescent="0.25">
      <c r="A7973" s="5">
        <v>43888</v>
      </c>
      <c r="B7973" s="2">
        <v>17.019836999999999</v>
      </c>
      <c r="C7973">
        <v>0</v>
      </c>
      <c r="D7973">
        <f t="shared" si="248"/>
        <v>0</v>
      </c>
      <c r="E7973" s="6">
        <f t="shared" si="249"/>
        <v>0</v>
      </c>
    </row>
    <row r="7974" spans="1:5" x14ac:dyDescent="0.25">
      <c r="A7974" s="5">
        <v>43888.041666666664</v>
      </c>
      <c r="B7974" s="2">
        <v>17.035274999999999</v>
      </c>
      <c r="C7974">
        <v>0</v>
      </c>
      <c r="D7974">
        <f t="shared" si="248"/>
        <v>0</v>
      </c>
      <c r="E7974" s="6">
        <f t="shared" si="249"/>
        <v>0</v>
      </c>
    </row>
    <row r="7975" spans="1:5" x14ac:dyDescent="0.25">
      <c r="A7975" s="5">
        <v>43888.083333333336</v>
      </c>
      <c r="B7975" s="2">
        <v>16.73451</v>
      </c>
      <c r="C7975">
        <v>0</v>
      </c>
      <c r="D7975">
        <f t="shared" si="248"/>
        <v>0</v>
      </c>
      <c r="E7975" s="6">
        <f t="shared" si="249"/>
        <v>0</v>
      </c>
    </row>
    <row r="7976" spans="1:5" x14ac:dyDescent="0.25">
      <c r="A7976" s="5">
        <v>43888.125</v>
      </c>
      <c r="B7976" s="2">
        <v>17.062245000000001</v>
      </c>
      <c r="C7976">
        <v>0</v>
      </c>
      <c r="D7976">
        <f t="shared" si="248"/>
        <v>0</v>
      </c>
      <c r="E7976" s="6">
        <f t="shared" si="249"/>
        <v>0</v>
      </c>
    </row>
    <row r="7977" spans="1:5" x14ac:dyDescent="0.25">
      <c r="A7977" s="5">
        <v>43888.166666666664</v>
      </c>
      <c r="B7977" s="2">
        <v>17.920303000000001</v>
      </c>
      <c r="C7977">
        <v>0</v>
      </c>
      <c r="D7977">
        <f t="shared" si="248"/>
        <v>0</v>
      </c>
      <c r="E7977" s="6">
        <f t="shared" si="249"/>
        <v>0</v>
      </c>
    </row>
    <row r="7978" spans="1:5" x14ac:dyDescent="0.25">
      <c r="A7978" s="5">
        <v>43888.208333333336</v>
      </c>
      <c r="B7978" s="2">
        <v>19.866975</v>
      </c>
      <c r="C7978">
        <v>0</v>
      </c>
      <c r="D7978">
        <f t="shared" si="248"/>
        <v>0</v>
      </c>
      <c r="E7978" s="6">
        <f t="shared" si="249"/>
        <v>0</v>
      </c>
    </row>
    <row r="7979" spans="1:5" x14ac:dyDescent="0.25">
      <c r="A7979" s="5">
        <v>43888.25</v>
      </c>
      <c r="B7979" s="2">
        <v>28.312275</v>
      </c>
      <c r="C7979">
        <v>0</v>
      </c>
      <c r="D7979">
        <f t="shared" si="248"/>
        <v>0</v>
      </c>
      <c r="E7979" s="6">
        <f t="shared" si="249"/>
        <v>0</v>
      </c>
    </row>
    <row r="7980" spans="1:5" x14ac:dyDescent="0.25">
      <c r="A7980" s="5">
        <v>43888.291666666664</v>
      </c>
      <c r="B7980" s="2">
        <v>27.633223999999998</v>
      </c>
      <c r="C7980">
        <v>3.1689999999999999E-3</v>
      </c>
      <c r="D7980">
        <f t="shared" si="248"/>
        <v>3.1690000000000001E-6</v>
      </c>
      <c r="E7980" s="6">
        <f t="shared" si="249"/>
        <v>8.7569686856000002E-5</v>
      </c>
    </row>
    <row r="7981" spans="1:5" x14ac:dyDescent="0.25">
      <c r="A7981" s="5">
        <v>43888.333333333336</v>
      </c>
      <c r="B7981" s="2">
        <v>24.526568999999999</v>
      </c>
      <c r="C7981">
        <v>0.838785</v>
      </c>
      <c r="D7981">
        <f t="shared" si="248"/>
        <v>8.3878499999999999E-4</v>
      </c>
      <c r="E7981" s="6">
        <f t="shared" si="249"/>
        <v>2.0572518178664997E-2</v>
      </c>
    </row>
    <row r="7982" spans="1:5" x14ac:dyDescent="0.25">
      <c r="A7982" s="5">
        <v>43888.375</v>
      </c>
      <c r="B7982" s="2">
        <v>23.311308</v>
      </c>
      <c r="C7982">
        <v>3.0391460000000001</v>
      </c>
      <c r="D7982">
        <f t="shared" si="248"/>
        <v>3.0391459999999999E-3</v>
      </c>
      <c r="E7982" s="6">
        <f t="shared" si="249"/>
        <v>7.0846468462967993E-2</v>
      </c>
    </row>
    <row r="7983" spans="1:5" x14ac:dyDescent="0.25">
      <c r="A7983" s="5">
        <v>43888.416666666664</v>
      </c>
      <c r="B7983" s="2">
        <v>22.940829000000001</v>
      </c>
      <c r="C7983">
        <v>6.0635150000000007</v>
      </c>
      <c r="D7983">
        <f t="shared" si="248"/>
        <v>6.0635150000000002E-3</v>
      </c>
      <c r="E7983" s="6">
        <f t="shared" si="249"/>
        <v>0.139102060753935</v>
      </c>
    </row>
    <row r="7984" spans="1:5" x14ac:dyDescent="0.25">
      <c r="A7984" s="5">
        <v>43888.458333333336</v>
      </c>
      <c r="B7984" s="2">
        <v>21.609638</v>
      </c>
      <c r="C7984">
        <v>6.8877430000000004</v>
      </c>
      <c r="D7984">
        <f t="shared" si="248"/>
        <v>6.887743E-3</v>
      </c>
      <c r="E7984" s="6">
        <f t="shared" si="249"/>
        <v>0.148841632867034</v>
      </c>
    </row>
    <row r="7985" spans="1:5" x14ac:dyDescent="0.25">
      <c r="A7985" s="5">
        <v>43888.5</v>
      </c>
      <c r="B7985" s="2">
        <v>21.072682</v>
      </c>
      <c r="C7985">
        <v>7.2267160000000006</v>
      </c>
      <c r="D7985">
        <f t="shared" si="248"/>
        <v>7.2267160000000002E-3</v>
      </c>
      <c r="E7985" s="6">
        <f t="shared" si="249"/>
        <v>0.15228628817231202</v>
      </c>
    </row>
    <row r="7986" spans="1:5" x14ac:dyDescent="0.25">
      <c r="A7986" s="5">
        <v>43888.541666666664</v>
      </c>
      <c r="B7986" s="2">
        <v>20.561934999999998</v>
      </c>
      <c r="C7986">
        <v>7.0460569999999993</v>
      </c>
      <c r="D7986">
        <f t="shared" si="248"/>
        <v>7.0460569999999997E-3</v>
      </c>
      <c r="E7986" s="6">
        <f t="shared" si="249"/>
        <v>0.14488056604029498</v>
      </c>
    </row>
    <row r="7987" spans="1:5" x14ac:dyDescent="0.25">
      <c r="A7987" s="5">
        <v>43888.583333333336</v>
      </c>
      <c r="B7987" s="2">
        <v>20.030612999999999</v>
      </c>
      <c r="C7987">
        <v>6.357367</v>
      </c>
      <c r="D7987">
        <f t="shared" si="248"/>
        <v>6.3573670000000001E-3</v>
      </c>
      <c r="E7987" s="6">
        <f t="shared" si="249"/>
        <v>0.12734195807597098</v>
      </c>
    </row>
    <row r="7988" spans="1:5" x14ac:dyDescent="0.25">
      <c r="A7988" s="5">
        <v>43888.625</v>
      </c>
      <c r="B7988" s="2">
        <v>20.215675999999998</v>
      </c>
      <c r="C7988">
        <v>5.1317749999999993</v>
      </c>
      <c r="D7988">
        <f t="shared" si="248"/>
        <v>5.131774999999999E-3</v>
      </c>
      <c r="E7988" s="6">
        <f t="shared" si="249"/>
        <v>0.10374230070489997</v>
      </c>
    </row>
    <row r="7989" spans="1:5" x14ac:dyDescent="0.25">
      <c r="A7989" s="5">
        <v>43888.666666666664</v>
      </c>
      <c r="B7989" s="2">
        <v>20.650414999999999</v>
      </c>
      <c r="C7989">
        <v>3.3274679999999996</v>
      </c>
      <c r="D7989">
        <f t="shared" si="248"/>
        <v>3.3274679999999997E-3</v>
      </c>
      <c r="E7989" s="6">
        <f t="shared" si="249"/>
        <v>6.8713595099219996E-2</v>
      </c>
    </row>
    <row r="7990" spans="1:5" x14ac:dyDescent="0.25">
      <c r="A7990" s="5">
        <v>43888.708333333336</v>
      </c>
      <c r="B7990" s="2">
        <v>23.183437999999999</v>
      </c>
      <c r="C7990">
        <v>1.2487360000000001</v>
      </c>
      <c r="D7990">
        <f t="shared" si="248"/>
        <v>1.2487360000000001E-3</v>
      </c>
      <c r="E7990" s="6">
        <f t="shared" si="249"/>
        <v>2.8949993634367999E-2</v>
      </c>
    </row>
    <row r="7991" spans="1:5" x14ac:dyDescent="0.25">
      <c r="A7991" s="5">
        <v>43888.75</v>
      </c>
      <c r="B7991" s="2">
        <v>28.320716000000001</v>
      </c>
      <c r="C7991">
        <v>0</v>
      </c>
      <c r="D7991">
        <f t="shared" si="248"/>
        <v>0</v>
      </c>
      <c r="E7991" s="6">
        <f t="shared" si="249"/>
        <v>0</v>
      </c>
    </row>
    <row r="7992" spans="1:5" x14ac:dyDescent="0.25">
      <c r="A7992" s="5">
        <v>43888.791666666664</v>
      </c>
      <c r="B7992" s="2">
        <v>26.970690000000001</v>
      </c>
      <c r="C7992">
        <v>0</v>
      </c>
      <c r="D7992">
        <f t="shared" si="248"/>
        <v>0</v>
      </c>
      <c r="E7992" s="6">
        <f t="shared" si="249"/>
        <v>0</v>
      </c>
    </row>
    <row r="7993" spans="1:5" x14ac:dyDescent="0.25">
      <c r="A7993" s="5">
        <v>43888.833333333336</v>
      </c>
      <c r="B7993" s="2">
        <v>27.170438000000001</v>
      </c>
      <c r="C7993">
        <v>0</v>
      </c>
      <c r="D7993">
        <f t="shared" si="248"/>
        <v>0</v>
      </c>
      <c r="E7993" s="6">
        <f t="shared" si="249"/>
        <v>0</v>
      </c>
    </row>
    <row r="7994" spans="1:5" x14ac:dyDescent="0.25">
      <c r="A7994" s="5">
        <v>43888.875</v>
      </c>
      <c r="B7994" s="2">
        <v>24.805313000000002</v>
      </c>
      <c r="C7994">
        <v>0</v>
      </c>
      <c r="D7994">
        <f t="shared" si="248"/>
        <v>0</v>
      </c>
      <c r="E7994" s="6">
        <f t="shared" si="249"/>
        <v>0</v>
      </c>
    </row>
    <row r="7995" spans="1:5" x14ac:dyDescent="0.25">
      <c r="A7995" s="5">
        <v>43888.916666666664</v>
      </c>
      <c r="B7995" s="2">
        <v>22.258831000000001</v>
      </c>
      <c r="C7995">
        <v>0</v>
      </c>
      <c r="D7995">
        <f t="shared" si="248"/>
        <v>0</v>
      </c>
      <c r="E7995" s="6">
        <f t="shared" si="249"/>
        <v>0</v>
      </c>
    </row>
    <row r="7996" spans="1:5" x14ac:dyDescent="0.25">
      <c r="A7996" s="5">
        <v>43888.958333333336</v>
      </c>
      <c r="B7996" s="2">
        <v>20.587662000000002</v>
      </c>
      <c r="C7996">
        <v>0</v>
      </c>
      <c r="D7996">
        <f t="shared" si="248"/>
        <v>0</v>
      </c>
      <c r="E7996" s="6">
        <f t="shared" si="249"/>
        <v>0</v>
      </c>
    </row>
    <row r="7997" spans="1:5" x14ac:dyDescent="0.25">
      <c r="A7997" s="5">
        <v>43889</v>
      </c>
      <c r="B7997" s="2">
        <v>19.641323</v>
      </c>
      <c r="C7997">
        <v>0</v>
      </c>
      <c r="D7997">
        <f t="shared" si="248"/>
        <v>0</v>
      </c>
      <c r="E7997" s="6">
        <f t="shared" si="249"/>
        <v>0</v>
      </c>
    </row>
    <row r="7998" spans="1:5" x14ac:dyDescent="0.25">
      <c r="A7998" s="5">
        <v>43889.041666666664</v>
      </c>
      <c r="B7998" s="2">
        <v>19.313355999999999</v>
      </c>
      <c r="C7998">
        <v>0</v>
      </c>
      <c r="D7998">
        <f t="shared" si="248"/>
        <v>0</v>
      </c>
      <c r="E7998" s="6">
        <f t="shared" si="249"/>
        <v>0</v>
      </c>
    </row>
    <row r="7999" spans="1:5" x14ac:dyDescent="0.25">
      <c r="A7999" s="5">
        <v>43889.083333333336</v>
      </c>
      <c r="B7999" s="2">
        <v>19.013686</v>
      </c>
      <c r="C7999">
        <v>0</v>
      </c>
      <c r="D7999">
        <f t="shared" si="248"/>
        <v>0</v>
      </c>
      <c r="E7999" s="6">
        <f t="shared" si="249"/>
        <v>0</v>
      </c>
    </row>
    <row r="8000" spans="1:5" x14ac:dyDescent="0.25">
      <c r="A8000" s="5">
        <v>43889.125</v>
      </c>
      <c r="B8000" s="2">
        <v>19.059847999999999</v>
      </c>
      <c r="C8000">
        <v>0</v>
      </c>
      <c r="D8000">
        <f t="shared" si="248"/>
        <v>0</v>
      </c>
      <c r="E8000" s="6">
        <f t="shared" si="249"/>
        <v>0</v>
      </c>
    </row>
    <row r="8001" spans="1:5" x14ac:dyDescent="0.25">
      <c r="A8001" s="5">
        <v>43889.166666666664</v>
      </c>
      <c r="B8001" s="2">
        <v>19.490134999999999</v>
      </c>
      <c r="C8001">
        <v>0</v>
      </c>
      <c r="D8001">
        <f t="shared" si="248"/>
        <v>0</v>
      </c>
      <c r="E8001" s="6">
        <f t="shared" si="249"/>
        <v>0</v>
      </c>
    </row>
    <row r="8002" spans="1:5" x14ac:dyDescent="0.25">
      <c r="A8002" s="5">
        <v>43889.208333333336</v>
      </c>
      <c r="B8002" s="2">
        <v>21.086615999999999</v>
      </c>
      <c r="C8002">
        <v>0</v>
      </c>
      <c r="D8002">
        <f t="shared" si="248"/>
        <v>0</v>
      </c>
      <c r="E8002" s="6">
        <f t="shared" si="249"/>
        <v>0</v>
      </c>
    </row>
    <row r="8003" spans="1:5" x14ac:dyDescent="0.25">
      <c r="A8003" s="5">
        <v>43889.25</v>
      </c>
      <c r="B8003" s="2">
        <v>29.362317999999998</v>
      </c>
      <c r="C8003">
        <v>0</v>
      </c>
      <c r="D8003">
        <f t="shared" si="248"/>
        <v>0</v>
      </c>
      <c r="E8003" s="6">
        <f t="shared" si="249"/>
        <v>0</v>
      </c>
    </row>
    <row r="8004" spans="1:5" x14ac:dyDescent="0.25">
      <c r="A8004" s="5">
        <v>43889.291666666664</v>
      </c>
      <c r="B8004" s="2">
        <v>28.085912</v>
      </c>
      <c r="C8004">
        <v>0.45802499999999996</v>
      </c>
      <c r="D8004">
        <f t="shared" si="248"/>
        <v>4.5802499999999998E-4</v>
      </c>
      <c r="E8004" s="6">
        <f t="shared" si="249"/>
        <v>1.2864049843799999E-2</v>
      </c>
    </row>
    <row r="8005" spans="1:5" x14ac:dyDescent="0.25">
      <c r="A8005" s="5">
        <v>43889.333333333336</v>
      </c>
      <c r="B8005" s="2">
        <v>23.415102999999998</v>
      </c>
      <c r="C8005">
        <v>2.5469810000000002</v>
      </c>
      <c r="D8005">
        <f t="shared" si="248"/>
        <v>2.5469810000000002E-3</v>
      </c>
      <c r="E8005" s="6">
        <f t="shared" si="249"/>
        <v>5.9637822454043005E-2</v>
      </c>
    </row>
    <row r="8006" spans="1:5" x14ac:dyDescent="0.25">
      <c r="A8006" s="5">
        <v>43889.375</v>
      </c>
      <c r="B8006" s="2">
        <v>22.886537000000001</v>
      </c>
      <c r="C8006">
        <v>4.606668</v>
      </c>
      <c r="D8006">
        <f t="shared" ref="D8006:D8069" si="250">C8006/1000</f>
        <v>4.6066680000000004E-3</v>
      </c>
      <c r="E8006" s="6">
        <f t="shared" ref="E8006:E8069" si="251">D8006*B8006</f>
        <v>0.10543067762871601</v>
      </c>
    </row>
    <row r="8007" spans="1:5" x14ac:dyDescent="0.25">
      <c r="A8007" s="5">
        <v>43889.416666666664</v>
      </c>
      <c r="B8007" s="2">
        <v>22.045432000000002</v>
      </c>
      <c r="C8007">
        <v>6.0786490000000004</v>
      </c>
      <c r="D8007">
        <f t="shared" si="250"/>
        <v>6.0786490000000002E-3</v>
      </c>
      <c r="E8007" s="6">
        <f t="shared" si="251"/>
        <v>0.13400644318136801</v>
      </c>
    </row>
    <row r="8008" spans="1:5" x14ac:dyDescent="0.25">
      <c r="A8008" s="5">
        <v>43889.458333333336</v>
      </c>
      <c r="B8008" s="2">
        <v>20.930243000000001</v>
      </c>
      <c r="C8008">
        <v>6.9223940000000006</v>
      </c>
      <c r="D8008">
        <f t="shared" si="250"/>
        <v>6.922394000000001E-3</v>
      </c>
      <c r="E8008" s="6">
        <f t="shared" si="251"/>
        <v>0.14488738856174202</v>
      </c>
    </row>
    <row r="8009" spans="1:5" x14ac:dyDescent="0.25">
      <c r="A8009" s="5">
        <v>43889.5</v>
      </c>
      <c r="B8009" s="2">
        <v>20.096537000000001</v>
      </c>
      <c r="C8009">
        <v>7.2098699999999996</v>
      </c>
      <c r="D8009">
        <f t="shared" si="250"/>
        <v>7.2098699999999993E-3</v>
      </c>
      <c r="E8009" s="6">
        <f t="shared" si="251"/>
        <v>0.14489341922019</v>
      </c>
    </row>
    <row r="8010" spans="1:5" x14ac:dyDescent="0.25">
      <c r="A8010" s="5">
        <v>43889.541666666664</v>
      </c>
      <c r="B8010" s="2">
        <v>19.496276999999999</v>
      </c>
      <c r="C8010">
        <v>7.0059390000000006</v>
      </c>
      <c r="D8010">
        <f t="shared" si="250"/>
        <v>7.005939000000001E-3</v>
      </c>
      <c r="E8010" s="6">
        <f t="shared" si="251"/>
        <v>0.13658972738910302</v>
      </c>
    </row>
    <row r="8011" spans="1:5" x14ac:dyDescent="0.25">
      <c r="A8011" s="5">
        <v>43889.583333333336</v>
      </c>
      <c r="B8011" s="2">
        <v>18.900780999999998</v>
      </c>
      <c r="C8011">
        <v>6.3685870000000007</v>
      </c>
      <c r="D8011">
        <f t="shared" si="250"/>
        <v>6.3685870000000011E-3</v>
      </c>
      <c r="E8011" s="6">
        <f t="shared" si="251"/>
        <v>0.12037126816644701</v>
      </c>
    </row>
    <row r="8012" spans="1:5" x14ac:dyDescent="0.25">
      <c r="A8012" s="5">
        <v>43889.625</v>
      </c>
      <c r="B8012" s="2">
        <v>18.68488</v>
      </c>
      <c r="C8012">
        <v>5.156345</v>
      </c>
      <c r="D8012">
        <f t="shared" si="250"/>
        <v>5.1563449999999997E-3</v>
      </c>
      <c r="E8012" s="6">
        <f t="shared" si="251"/>
        <v>9.6345687563599999E-2</v>
      </c>
    </row>
    <row r="8013" spans="1:5" x14ac:dyDescent="0.25">
      <c r="A8013" s="5">
        <v>43889.666666666664</v>
      </c>
      <c r="B8013" s="2">
        <v>19.180713000000001</v>
      </c>
      <c r="C8013">
        <v>3.4142399999999999</v>
      </c>
      <c r="D8013">
        <f t="shared" si="250"/>
        <v>3.4142399999999998E-3</v>
      </c>
      <c r="E8013" s="6">
        <f t="shared" si="251"/>
        <v>6.5487557553119996E-2</v>
      </c>
    </row>
    <row r="8014" spans="1:5" x14ac:dyDescent="0.25">
      <c r="A8014" s="5">
        <v>43889.708333333336</v>
      </c>
      <c r="B8014" s="2">
        <v>20.852789000000001</v>
      </c>
      <c r="C8014">
        <v>1.3343689999999999</v>
      </c>
      <c r="D8014">
        <f t="shared" si="250"/>
        <v>1.334369E-3</v>
      </c>
      <c r="E8014" s="6">
        <f t="shared" si="251"/>
        <v>2.7825315205141001E-2</v>
      </c>
    </row>
    <row r="8015" spans="1:5" x14ac:dyDescent="0.25">
      <c r="A8015" s="5">
        <v>43889.75</v>
      </c>
      <c r="B8015" s="2">
        <v>23.764475999999998</v>
      </c>
      <c r="C8015">
        <v>0</v>
      </c>
      <c r="D8015">
        <f t="shared" si="250"/>
        <v>0</v>
      </c>
      <c r="E8015" s="6">
        <f t="shared" si="251"/>
        <v>0</v>
      </c>
    </row>
    <row r="8016" spans="1:5" x14ac:dyDescent="0.25">
      <c r="A8016" s="5">
        <v>43889.791666666664</v>
      </c>
      <c r="B8016" s="2">
        <v>23.363334999999999</v>
      </c>
      <c r="C8016">
        <v>0</v>
      </c>
      <c r="D8016">
        <f t="shared" si="250"/>
        <v>0</v>
      </c>
      <c r="E8016" s="6">
        <f t="shared" si="251"/>
        <v>0</v>
      </c>
    </row>
    <row r="8017" spans="1:5" x14ac:dyDescent="0.25">
      <c r="A8017" s="5">
        <v>43889.833333333336</v>
      </c>
      <c r="B8017" s="2">
        <v>23.289134000000001</v>
      </c>
      <c r="C8017">
        <v>0</v>
      </c>
      <c r="D8017">
        <f t="shared" si="250"/>
        <v>0</v>
      </c>
      <c r="E8017" s="6">
        <f t="shared" si="251"/>
        <v>0</v>
      </c>
    </row>
    <row r="8018" spans="1:5" x14ac:dyDescent="0.25">
      <c r="A8018" s="5">
        <v>43889.875</v>
      </c>
      <c r="B8018" s="2">
        <v>21.074843999999999</v>
      </c>
      <c r="C8018">
        <v>0</v>
      </c>
      <c r="D8018">
        <f t="shared" si="250"/>
        <v>0</v>
      </c>
      <c r="E8018" s="6">
        <f t="shared" si="251"/>
        <v>0</v>
      </c>
    </row>
    <row r="8019" spans="1:5" x14ac:dyDescent="0.25">
      <c r="A8019" s="5">
        <v>43889.916666666664</v>
      </c>
      <c r="B8019" s="2">
        <v>20.320851000000001</v>
      </c>
      <c r="C8019">
        <v>0</v>
      </c>
      <c r="D8019">
        <f t="shared" si="250"/>
        <v>0</v>
      </c>
      <c r="E8019" s="6">
        <f t="shared" si="251"/>
        <v>0</v>
      </c>
    </row>
    <row r="8020" spans="1:5" x14ac:dyDescent="0.25">
      <c r="A8020" s="5">
        <v>43889.958333333336</v>
      </c>
      <c r="B8020" s="2">
        <v>18.966792999999999</v>
      </c>
      <c r="C8020">
        <v>0</v>
      </c>
      <c r="D8020">
        <f t="shared" si="250"/>
        <v>0</v>
      </c>
      <c r="E8020" s="6">
        <f t="shared" si="251"/>
        <v>0</v>
      </c>
    </row>
    <row r="8021" spans="1:5" x14ac:dyDescent="0.25">
      <c r="A8021" s="5">
        <v>43890</v>
      </c>
      <c r="B8021" s="2">
        <v>19.218730999999998</v>
      </c>
      <c r="C8021">
        <v>0</v>
      </c>
      <c r="D8021">
        <f t="shared" si="250"/>
        <v>0</v>
      </c>
      <c r="E8021" s="6">
        <f t="shared" si="251"/>
        <v>0</v>
      </c>
    </row>
    <row r="8022" spans="1:5" x14ac:dyDescent="0.25">
      <c r="A8022" s="5">
        <v>43890.041666666664</v>
      </c>
      <c r="B8022" s="2">
        <v>18.751010999999998</v>
      </c>
      <c r="C8022">
        <v>0</v>
      </c>
      <c r="D8022">
        <f t="shared" si="250"/>
        <v>0</v>
      </c>
      <c r="E8022" s="6">
        <f t="shared" si="251"/>
        <v>0</v>
      </c>
    </row>
    <row r="8023" spans="1:5" x14ac:dyDescent="0.25">
      <c r="A8023" s="5">
        <v>43890.083333333336</v>
      </c>
      <c r="B8023" s="2">
        <v>18.421258999999999</v>
      </c>
      <c r="C8023">
        <v>0</v>
      </c>
      <c r="D8023">
        <f t="shared" si="250"/>
        <v>0</v>
      </c>
      <c r="E8023" s="6">
        <f t="shared" si="251"/>
        <v>0</v>
      </c>
    </row>
    <row r="8024" spans="1:5" x14ac:dyDescent="0.25">
      <c r="A8024" s="5">
        <v>43890.125</v>
      </c>
      <c r="B8024" s="2">
        <v>18.469262000000001</v>
      </c>
      <c r="C8024">
        <v>0</v>
      </c>
      <c r="D8024">
        <f t="shared" si="250"/>
        <v>0</v>
      </c>
      <c r="E8024" s="6">
        <f t="shared" si="251"/>
        <v>0</v>
      </c>
    </row>
    <row r="8025" spans="1:5" x14ac:dyDescent="0.25">
      <c r="A8025" s="5">
        <v>43890.166666666664</v>
      </c>
      <c r="B8025" s="2">
        <v>19.029658999999999</v>
      </c>
      <c r="C8025">
        <v>0</v>
      </c>
      <c r="D8025">
        <f t="shared" si="250"/>
        <v>0</v>
      </c>
      <c r="E8025" s="6">
        <f t="shared" si="251"/>
        <v>0</v>
      </c>
    </row>
    <row r="8026" spans="1:5" x14ac:dyDescent="0.25">
      <c r="A8026" s="5">
        <v>43890.208333333336</v>
      </c>
      <c r="B8026" s="2">
        <v>20.062419999999999</v>
      </c>
      <c r="C8026">
        <v>0</v>
      </c>
      <c r="D8026">
        <f t="shared" si="250"/>
        <v>0</v>
      </c>
      <c r="E8026" s="6">
        <f t="shared" si="251"/>
        <v>0</v>
      </c>
    </row>
    <row r="8027" spans="1:5" x14ac:dyDescent="0.25">
      <c r="A8027" s="5">
        <v>43890.25</v>
      </c>
      <c r="B8027" s="2">
        <v>22.615694999999999</v>
      </c>
      <c r="C8027">
        <v>0</v>
      </c>
      <c r="D8027">
        <f t="shared" si="250"/>
        <v>0</v>
      </c>
      <c r="E8027" s="6">
        <f t="shared" si="251"/>
        <v>0</v>
      </c>
    </row>
    <row r="8028" spans="1:5" x14ac:dyDescent="0.25">
      <c r="A8028" s="5">
        <v>43890.291666666664</v>
      </c>
      <c r="B8028" s="2">
        <v>23.264372000000002</v>
      </c>
      <c r="C8028">
        <v>7.0971000000000006E-2</v>
      </c>
      <c r="D8028">
        <f t="shared" si="250"/>
        <v>7.0971000000000009E-5</v>
      </c>
      <c r="E8028" s="6">
        <f t="shared" si="251"/>
        <v>1.6510957452120004E-3</v>
      </c>
    </row>
    <row r="8029" spans="1:5" x14ac:dyDescent="0.25">
      <c r="A8029" s="5">
        <v>43890.333333333336</v>
      </c>
      <c r="B8029" s="2">
        <v>23.030269000000001</v>
      </c>
      <c r="C8029">
        <v>0.73084500000000008</v>
      </c>
      <c r="D8029">
        <f t="shared" si="250"/>
        <v>7.3084500000000004E-4</v>
      </c>
      <c r="E8029" s="6">
        <f t="shared" si="251"/>
        <v>1.6831556947305003E-2</v>
      </c>
    </row>
    <row r="8030" spans="1:5" x14ac:dyDescent="0.25">
      <c r="A8030" s="5">
        <v>43890.375</v>
      </c>
      <c r="B8030" s="2">
        <v>21.983985000000001</v>
      </c>
      <c r="C8030">
        <v>0.59837499999999999</v>
      </c>
      <c r="D8030">
        <f t="shared" si="250"/>
        <v>5.9837499999999995E-4</v>
      </c>
      <c r="E8030" s="6">
        <f t="shared" si="251"/>
        <v>1.3154667024374999E-2</v>
      </c>
    </row>
    <row r="8031" spans="1:5" x14ac:dyDescent="0.25">
      <c r="A8031" s="5">
        <v>43890.416666666664</v>
      </c>
      <c r="B8031" s="2">
        <v>20.947998999999999</v>
      </c>
      <c r="C8031">
        <v>1.243995</v>
      </c>
      <c r="D8031">
        <f t="shared" si="250"/>
        <v>1.2439949999999999E-3</v>
      </c>
      <c r="E8031" s="6">
        <f t="shared" si="251"/>
        <v>2.6059206016004997E-2</v>
      </c>
    </row>
    <row r="8032" spans="1:5" x14ac:dyDescent="0.25">
      <c r="A8032" s="5">
        <v>43890.458333333336</v>
      </c>
      <c r="B8032" s="2">
        <v>20.159002000000001</v>
      </c>
      <c r="C8032">
        <v>1.3483699999999998</v>
      </c>
      <c r="D8032">
        <f t="shared" si="250"/>
        <v>1.3483699999999998E-3</v>
      </c>
      <c r="E8032" s="6">
        <f t="shared" si="251"/>
        <v>2.7181793526739998E-2</v>
      </c>
    </row>
    <row r="8033" spans="1:5" x14ac:dyDescent="0.25">
      <c r="A8033" s="5">
        <v>43890.5</v>
      </c>
      <c r="B8033" s="2">
        <v>19.017160000000001</v>
      </c>
      <c r="C8033">
        <v>1.74607</v>
      </c>
      <c r="D8033">
        <f t="shared" si="250"/>
        <v>1.74607E-3</v>
      </c>
      <c r="E8033" s="6">
        <f t="shared" si="251"/>
        <v>3.3205292561200001E-2</v>
      </c>
    </row>
    <row r="8034" spans="1:5" x14ac:dyDescent="0.25">
      <c r="A8034" s="5">
        <v>43890.541666666664</v>
      </c>
      <c r="B8034" s="2">
        <v>18.328717999999999</v>
      </c>
      <c r="C8034">
        <v>0.94270799999999999</v>
      </c>
      <c r="D8034">
        <f t="shared" si="250"/>
        <v>9.42708E-4</v>
      </c>
      <c r="E8034" s="6">
        <f t="shared" si="251"/>
        <v>1.7278629088343999E-2</v>
      </c>
    </row>
    <row r="8035" spans="1:5" x14ac:dyDescent="0.25">
      <c r="A8035" s="5">
        <v>43890.583333333336</v>
      </c>
      <c r="B8035" s="2">
        <v>17.603636999999999</v>
      </c>
      <c r="C8035">
        <v>1.7623250000000001</v>
      </c>
      <c r="D8035">
        <f t="shared" si="250"/>
        <v>1.7623250000000001E-3</v>
      </c>
      <c r="E8035" s="6">
        <f t="shared" si="251"/>
        <v>3.1023329576025001E-2</v>
      </c>
    </row>
    <row r="8036" spans="1:5" x14ac:dyDescent="0.25">
      <c r="A8036" s="5">
        <v>43890.625</v>
      </c>
      <c r="B8036" s="2">
        <v>17.407467</v>
      </c>
      <c r="C8036">
        <v>1.1744349999999999</v>
      </c>
      <c r="D8036">
        <f t="shared" si="250"/>
        <v>1.1744349999999999E-3</v>
      </c>
      <c r="E8036" s="6">
        <f t="shared" si="251"/>
        <v>2.0443938506144999E-2</v>
      </c>
    </row>
    <row r="8037" spans="1:5" x14ac:dyDescent="0.25">
      <c r="A8037" s="5">
        <v>43890.666666666664</v>
      </c>
      <c r="B8037" s="2">
        <v>18.024377999999999</v>
      </c>
      <c r="C8037">
        <v>0.48550199999999999</v>
      </c>
      <c r="D8037">
        <f t="shared" si="250"/>
        <v>4.8550200000000001E-4</v>
      </c>
      <c r="E8037" s="6">
        <f t="shared" si="251"/>
        <v>8.7508715677559988E-3</v>
      </c>
    </row>
    <row r="8038" spans="1:5" x14ac:dyDescent="0.25">
      <c r="A8038" s="5">
        <v>43890.708333333336</v>
      </c>
      <c r="B8038" s="2">
        <v>20.284742000000001</v>
      </c>
      <c r="C8038">
        <v>7.8453000000000009E-2</v>
      </c>
      <c r="D8038">
        <f t="shared" si="250"/>
        <v>7.8453000000000003E-5</v>
      </c>
      <c r="E8038" s="6">
        <f t="shared" si="251"/>
        <v>1.5913988641260001E-3</v>
      </c>
    </row>
    <row r="8039" spans="1:5" x14ac:dyDescent="0.25">
      <c r="A8039" s="5">
        <v>43890.75</v>
      </c>
      <c r="B8039" s="2">
        <v>24.955276999999999</v>
      </c>
      <c r="C8039">
        <v>0</v>
      </c>
      <c r="D8039">
        <f t="shared" si="250"/>
        <v>0</v>
      </c>
      <c r="E8039" s="6">
        <f t="shared" si="251"/>
        <v>0</v>
      </c>
    </row>
    <row r="8040" spans="1:5" x14ac:dyDescent="0.25">
      <c r="A8040" s="5">
        <v>43890.791666666664</v>
      </c>
      <c r="B8040" s="2">
        <v>21.937127</v>
      </c>
      <c r="C8040">
        <v>0</v>
      </c>
      <c r="D8040">
        <f t="shared" si="250"/>
        <v>0</v>
      </c>
      <c r="E8040" s="6">
        <f t="shared" si="251"/>
        <v>0</v>
      </c>
    </row>
    <row r="8041" spans="1:5" x14ac:dyDescent="0.25">
      <c r="A8041" s="5">
        <v>43890.833333333336</v>
      </c>
      <c r="B8041" s="2">
        <v>21.914126</v>
      </c>
      <c r="C8041">
        <v>0</v>
      </c>
      <c r="D8041">
        <f t="shared" si="250"/>
        <v>0</v>
      </c>
      <c r="E8041" s="6">
        <f t="shared" si="251"/>
        <v>0</v>
      </c>
    </row>
    <row r="8042" spans="1:5" x14ac:dyDescent="0.25">
      <c r="A8042" s="5">
        <v>43890.875</v>
      </c>
      <c r="B8042" s="2">
        <v>20.914992000000002</v>
      </c>
      <c r="C8042">
        <v>0</v>
      </c>
      <c r="D8042">
        <f t="shared" si="250"/>
        <v>0</v>
      </c>
      <c r="E8042" s="6">
        <f t="shared" si="251"/>
        <v>0</v>
      </c>
    </row>
    <row r="8043" spans="1:5" x14ac:dyDescent="0.25">
      <c r="A8043" s="5">
        <v>43890.916666666664</v>
      </c>
      <c r="B8043" s="2">
        <v>19.829018000000001</v>
      </c>
      <c r="C8043">
        <v>0</v>
      </c>
      <c r="D8043">
        <f t="shared" si="250"/>
        <v>0</v>
      </c>
      <c r="E8043" s="6">
        <f t="shared" si="251"/>
        <v>0</v>
      </c>
    </row>
    <row r="8044" spans="1:5" x14ac:dyDescent="0.25">
      <c r="A8044" s="5">
        <v>43890.958333333336</v>
      </c>
      <c r="B8044" s="2">
        <v>18.813680000000002</v>
      </c>
      <c r="C8044">
        <v>0</v>
      </c>
      <c r="D8044">
        <f t="shared" si="250"/>
        <v>0</v>
      </c>
      <c r="E8044" s="6">
        <f t="shared" si="251"/>
        <v>0</v>
      </c>
    </row>
    <row r="8045" spans="1:5" x14ac:dyDescent="0.25">
      <c r="A8045" s="5">
        <v>43891</v>
      </c>
      <c r="B8045" s="2">
        <v>19.23977</v>
      </c>
      <c r="C8045">
        <v>0</v>
      </c>
      <c r="D8045">
        <f t="shared" si="250"/>
        <v>0</v>
      </c>
      <c r="E8045" s="6">
        <f t="shared" si="251"/>
        <v>0</v>
      </c>
    </row>
    <row r="8046" spans="1:5" x14ac:dyDescent="0.25">
      <c r="A8046" s="5">
        <v>43891.041666666664</v>
      </c>
      <c r="B8046" s="2">
        <v>19.390124</v>
      </c>
      <c r="C8046">
        <v>0</v>
      </c>
      <c r="D8046">
        <f t="shared" si="250"/>
        <v>0</v>
      </c>
      <c r="E8046" s="6">
        <f t="shared" si="251"/>
        <v>0</v>
      </c>
    </row>
    <row r="8047" spans="1:5" x14ac:dyDescent="0.25">
      <c r="A8047" s="5">
        <v>43891.083333333336</v>
      </c>
      <c r="B8047" s="2">
        <v>18.737164</v>
      </c>
      <c r="C8047">
        <v>0</v>
      </c>
      <c r="D8047">
        <f t="shared" si="250"/>
        <v>0</v>
      </c>
      <c r="E8047" s="6">
        <f t="shared" si="251"/>
        <v>0</v>
      </c>
    </row>
    <row r="8048" spans="1:5" x14ac:dyDescent="0.25">
      <c r="A8048" s="5">
        <v>43891.125</v>
      </c>
      <c r="B8048" s="2">
        <v>18.759689999999999</v>
      </c>
      <c r="C8048">
        <v>0</v>
      </c>
      <c r="D8048">
        <f t="shared" si="250"/>
        <v>0</v>
      </c>
      <c r="E8048" s="6">
        <f t="shared" si="251"/>
        <v>0</v>
      </c>
    </row>
    <row r="8049" spans="1:5" x14ac:dyDescent="0.25">
      <c r="A8049" s="5">
        <v>43891.166666666664</v>
      </c>
      <c r="B8049" s="2">
        <v>19.255797999999999</v>
      </c>
      <c r="C8049">
        <v>0</v>
      </c>
      <c r="D8049">
        <f t="shared" si="250"/>
        <v>0</v>
      </c>
      <c r="E8049" s="6">
        <f t="shared" si="251"/>
        <v>0</v>
      </c>
    </row>
    <row r="8050" spans="1:5" x14ac:dyDescent="0.25">
      <c r="A8050" s="5">
        <v>43891.208333333336</v>
      </c>
      <c r="B8050" s="2">
        <v>20.321511999999998</v>
      </c>
      <c r="C8050">
        <v>0</v>
      </c>
      <c r="D8050">
        <f t="shared" si="250"/>
        <v>0</v>
      </c>
      <c r="E8050" s="6">
        <f t="shared" si="251"/>
        <v>0</v>
      </c>
    </row>
    <row r="8051" spans="1:5" x14ac:dyDescent="0.25">
      <c r="A8051" s="5">
        <v>43891.25</v>
      </c>
      <c r="B8051" s="2">
        <v>22.227136999999999</v>
      </c>
      <c r="C8051">
        <v>0</v>
      </c>
      <c r="D8051">
        <f t="shared" si="250"/>
        <v>0</v>
      </c>
      <c r="E8051" s="6">
        <f t="shared" si="251"/>
        <v>0</v>
      </c>
    </row>
    <row r="8052" spans="1:5" x14ac:dyDescent="0.25">
      <c r="A8052" s="5">
        <v>43891.291666666664</v>
      </c>
      <c r="B8052" s="2">
        <v>21.665165999999999</v>
      </c>
      <c r="C8052">
        <v>0.38994799999999996</v>
      </c>
      <c r="D8052">
        <f t="shared" si="250"/>
        <v>3.8994799999999999E-4</v>
      </c>
      <c r="E8052" s="6">
        <f t="shared" si="251"/>
        <v>8.4482881513679997E-3</v>
      </c>
    </row>
    <row r="8053" spans="1:5" x14ac:dyDescent="0.25">
      <c r="A8053" s="5">
        <v>43891.333333333336</v>
      </c>
      <c r="B8053" s="2">
        <v>21.098562999999999</v>
      </c>
      <c r="C8053">
        <v>2.4756370000000003</v>
      </c>
      <c r="D8053">
        <f t="shared" si="250"/>
        <v>2.4756370000000001E-3</v>
      </c>
      <c r="E8053" s="6">
        <f t="shared" si="251"/>
        <v>5.2232383209631E-2</v>
      </c>
    </row>
    <row r="8054" spans="1:5" x14ac:dyDescent="0.25">
      <c r="A8054" s="5">
        <v>43891.375</v>
      </c>
      <c r="B8054" s="2">
        <v>19.788709999999998</v>
      </c>
      <c r="C8054">
        <v>4.7738699999999996</v>
      </c>
      <c r="D8054">
        <f t="shared" si="250"/>
        <v>4.7738699999999995E-3</v>
      </c>
      <c r="E8054" s="6">
        <f t="shared" si="251"/>
        <v>9.4468729007699981E-2</v>
      </c>
    </row>
    <row r="8055" spans="1:5" x14ac:dyDescent="0.25">
      <c r="A8055" s="5">
        <v>43891.416666666664</v>
      </c>
      <c r="B8055" s="2">
        <v>17.614039999999999</v>
      </c>
      <c r="C8055">
        <v>4.8338909999999995</v>
      </c>
      <c r="D8055">
        <f t="shared" si="250"/>
        <v>4.8338909999999999E-3</v>
      </c>
      <c r="E8055" s="6">
        <f t="shared" si="251"/>
        <v>8.5144349429639998E-2</v>
      </c>
    </row>
    <row r="8056" spans="1:5" x14ac:dyDescent="0.25">
      <c r="A8056" s="5">
        <v>43891.458333333336</v>
      </c>
      <c r="B8056" s="2">
        <v>16.821051000000001</v>
      </c>
      <c r="C8056">
        <v>7.5659620000000007</v>
      </c>
      <c r="D8056">
        <f t="shared" si="250"/>
        <v>7.5659620000000007E-3</v>
      </c>
      <c r="E8056" s="6">
        <f t="shared" si="251"/>
        <v>0.12726743266606202</v>
      </c>
    </row>
    <row r="8057" spans="1:5" x14ac:dyDescent="0.25">
      <c r="A8057" s="5">
        <v>43891.5</v>
      </c>
      <c r="B8057" s="2">
        <v>15.974126</v>
      </c>
      <c r="C8057">
        <v>7.9094359999999995</v>
      </c>
      <c r="D8057">
        <f t="shared" si="250"/>
        <v>7.9094359999999989E-3</v>
      </c>
      <c r="E8057" s="6">
        <f t="shared" si="251"/>
        <v>0.12634632725293599</v>
      </c>
    </row>
    <row r="8058" spans="1:5" x14ac:dyDescent="0.25">
      <c r="A8058" s="5">
        <v>43891.541666666664</v>
      </c>
      <c r="B8058" s="2">
        <v>15.42604</v>
      </c>
      <c r="C8058">
        <v>7.6635980000000004</v>
      </c>
      <c r="D8058">
        <f t="shared" si="250"/>
        <v>7.6635980000000006E-3</v>
      </c>
      <c r="E8058" s="6">
        <f t="shared" si="251"/>
        <v>0.11821896929192001</v>
      </c>
    </row>
    <row r="8059" spans="1:5" x14ac:dyDescent="0.25">
      <c r="A8059" s="5">
        <v>43891.583333333336</v>
      </c>
      <c r="B8059" s="2">
        <v>14.299442000000001</v>
      </c>
      <c r="C8059">
        <v>6.9917920000000002</v>
      </c>
      <c r="D8059">
        <f t="shared" si="250"/>
        <v>6.9917920000000001E-3</v>
      </c>
      <c r="E8059" s="6">
        <f t="shared" si="251"/>
        <v>9.997872418006401E-2</v>
      </c>
    </row>
    <row r="8060" spans="1:5" x14ac:dyDescent="0.25">
      <c r="A8060" s="5">
        <v>43891.625</v>
      </c>
      <c r="B8060" s="2">
        <v>14.194198999999999</v>
      </c>
      <c r="C8060">
        <v>4.6100789999999998</v>
      </c>
      <c r="D8060">
        <f t="shared" si="250"/>
        <v>4.6100789999999996E-3</v>
      </c>
      <c r="E8060" s="6">
        <f t="shared" si="251"/>
        <v>6.5436378731720993E-2</v>
      </c>
    </row>
    <row r="8061" spans="1:5" x14ac:dyDescent="0.25">
      <c r="A8061" s="5">
        <v>43891.666666666664</v>
      </c>
      <c r="B8061" s="2">
        <v>14.928445999999999</v>
      </c>
      <c r="C8061">
        <v>3.254928</v>
      </c>
      <c r="D8061">
        <f t="shared" si="250"/>
        <v>3.2549280000000002E-3</v>
      </c>
      <c r="E8061" s="6">
        <f t="shared" si="251"/>
        <v>4.8591016881888001E-2</v>
      </c>
    </row>
    <row r="8062" spans="1:5" x14ac:dyDescent="0.25">
      <c r="A8062" s="5">
        <v>43891.708333333336</v>
      </c>
      <c r="B8062" s="2">
        <v>16.747565999999999</v>
      </c>
      <c r="C8062">
        <v>1.1238979999999998</v>
      </c>
      <c r="D8062">
        <f t="shared" si="250"/>
        <v>1.1238979999999999E-3</v>
      </c>
      <c r="E8062" s="6">
        <f t="shared" si="251"/>
        <v>1.8822555932267997E-2</v>
      </c>
    </row>
    <row r="8063" spans="1:5" x14ac:dyDescent="0.25">
      <c r="A8063" s="5">
        <v>43891.75</v>
      </c>
      <c r="B8063" s="2">
        <v>19.290430000000001</v>
      </c>
      <c r="C8063">
        <v>0</v>
      </c>
      <c r="D8063">
        <f t="shared" si="250"/>
        <v>0</v>
      </c>
      <c r="E8063" s="6">
        <f t="shared" si="251"/>
        <v>0</v>
      </c>
    </row>
    <row r="8064" spans="1:5" x14ac:dyDescent="0.25">
      <c r="A8064" s="5">
        <v>43891.791666666664</v>
      </c>
      <c r="B8064" s="2">
        <v>19.128063000000001</v>
      </c>
      <c r="C8064">
        <v>0</v>
      </c>
      <c r="D8064">
        <f t="shared" si="250"/>
        <v>0</v>
      </c>
      <c r="E8064" s="6">
        <f t="shared" si="251"/>
        <v>0</v>
      </c>
    </row>
    <row r="8065" spans="1:5" x14ac:dyDescent="0.25">
      <c r="A8065" s="5">
        <v>43891.833333333336</v>
      </c>
      <c r="B8065" s="2">
        <v>18.975739999999998</v>
      </c>
      <c r="C8065">
        <v>0</v>
      </c>
      <c r="D8065">
        <f t="shared" si="250"/>
        <v>0</v>
      </c>
      <c r="E8065" s="6">
        <f t="shared" si="251"/>
        <v>0</v>
      </c>
    </row>
    <row r="8066" spans="1:5" x14ac:dyDescent="0.25">
      <c r="A8066" s="5">
        <v>43891.875</v>
      </c>
      <c r="B8066" s="2">
        <v>17.403663000000002</v>
      </c>
      <c r="C8066">
        <v>0</v>
      </c>
      <c r="D8066">
        <f t="shared" si="250"/>
        <v>0</v>
      </c>
      <c r="E8066" s="6">
        <f t="shared" si="251"/>
        <v>0</v>
      </c>
    </row>
    <row r="8067" spans="1:5" x14ac:dyDescent="0.25">
      <c r="A8067" s="5">
        <v>43891.916666666664</v>
      </c>
      <c r="B8067" s="2">
        <v>15.58864</v>
      </c>
      <c r="C8067">
        <v>0</v>
      </c>
      <c r="D8067">
        <f t="shared" si="250"/>
        <v>0</v>
      </c>
      <c r="E8067" s="6">
        <f t="shared" si="251"/>
        <v>0</v>
      </c>
    </row>
    <row r="8068" spans="1:5" x14ac:dyDescent="0.25">
      <c r="A8068" s="5">
        <v>43891.958333333336</v>
      </c>
      <c r="B8068" s="2">
        <v>15.334599000000001</v>
      </c>
      <c r="C8068">
        <v>0</v>
      </c>
      <c r="D8068">
        <f t="shared" si="250"/>
        <v>0</v>
      </c>
      <c r="E8068" s="6">
        <f t="shared" si="251"/>
        <v>0</v>
      </c>
    </row>
    <row r="8069" spans="1:5" x14ac:dyDescent="0.25">
      <c r="A8069" s="5">
        <v>43892</v>
      </c>
      <c r="B8069" s="2">
        <v>15.897375</v>
      </c>
      <c r="C8069">
        <v>0</v>
      </c>
      <c r="D8069">
        <f t="shared" si="250"/>
        <v>0</v>
      </c>
      <c r="E8069" s="6">
        <f t="shared" si="251"/>
        <v>0</v>
      </c>
    </row>
    <row r="8070" spans="1:5" x14ac:dyDescent="0.25">
      <c r="A8070" s="5">
        <v>43892.041666666664</v>
      </c>
      <c r="B8070" s="2">
        <v>15.538791</v>
      </c>
      <c r="C8070">
        <v>0</v>
      </c>
      <c r="D8070">
        <f t="shared" ref="D8070:D8133" si="252">C8070/1000</f>
        <v>0</v>
      </c>
      <c r="E8070" s="6">
        <f t="shared" ref="E8070:E8133" si="253">D8070*B8070</f>
        <v>0</v>
      </c>
    </row>
    <row r="8071" spans="1:5" x14ac:dyDescent="0.25">
      <c r="A8071" s="5">
        <v>43892.083333333336</v>
      </c>
      <c r="B8071" s="2">
        <v>15.176551999999999</v>
      </c>
      <c r="C8071">
        <v>0</v>
      </c>
      <c r="D8071">
        <f t="shared" si="252"/>
        <v>0</v>
      </c>
      <c r="E8071" s="6">
        <f t="shared" si="253"/>
        <v>0</v>
      </c>
    </row>
    <row r="8072" spans="1:5" x14ac:dyDescent="0.25">
      <c r="A8072" s="5">
        <v>43892.125</v>
      </c>
      <c r="B8072" s="2">
        <v>15.778477000000001</v>
      </c>
      <c r="C8072">
        <v>0</v>
      </c>
      <c r="D8072">
        <f t="shared" si="252"/>
        <v>0</v>
      </c>
      <c r="E8072" s="6">
        <f t="shared" si="253"/>
        <v>0</v>
      </c>
    </row>
    <row r="8073" spans="1:5" x14ac:dyDescent="0.25">
      <c r="A8073" s="5">
        <v>43892.166666666664</v>
      </c>
      <c r="B8073" s="2">
        <v>17.437249999999999</v>
      </c>
      <c r="C8073">
        <v>0</v>
      </c>
      <c r="D8073">
        <f t="shared" si="252"/>
        <v>0</v>
      </c>
      <c r="E8073" s="6">
        <f t="shared" si="253"/>
        <v>0</v>
      </c>
    </row>
    <row r="8074" spans="1:5" x14ac:dyDescent="0.25">
      <c r="A8074" s="5">
        <v>43892.208333333336</v>
      </c>
      <c r="B8074" s="2">
        <v>19.606321999999999</v>
      </c>
      <c r="C8074">
        <v>0</v>
      </c>
      <c r="D8074">
        <f t="shared" si="252"/>
        <v>0</v>
      </c>
      <c r="E8074" s="6">
        <f t="shared" si="253"/>
        <v>0</v>
      </c>
    </row>
    <row r="8075" spans="1:5" x14ac:dyDescent="0.25">
      <c r="A8075" s="5">
        <v>43892.25</v>
      </c>
      <c r="B8075" s="2">
        <v>26.504439000000001</v>
      </c>
      <c r="C8075">
        <v>0</v>
      </c>
      <c r="D8075">
        <f t="shared" si="252"/>
        <v>0</v>
      </c>
      <c r="E8075" s="6">
        <f t="shared" si="253"/>
        <v>0</v>
      </c>
    </row>
    <row r="8076" spans="1:5" x14ac:dyDescent="0.25">
      <c r="A8076" s="5">
        <v>43892.291666666664</v>
      </c>
      <c r="B8076" s="2">
        <v>25.006494</v>
      </c>
      <c r="C8076">
        <v>0</v>
      </c>
      <c r="D8076">
        <f t="shared" si="252"/>
        <v>0</v>
      </c>
      <c r="E8076" s="6">
        <f t="shared" si="253"/>
        <v>0</v>
      </c>
    </row>
    <row r="8077" spans="1:5" x14ac:dyDescent="0.25">
      <c r="A8077" s="5">
        <v>43892.333333333336</v>
      </c>
      <c r="B8077" s="2">
        <v>23.795767999999999</v>
      </c>
      <c r="C8077">
        <v>0.51557000000000008</v>
      </c>
      <c r="D8077">
        <f t="shared" si="252"/>
        <v>5.1557000000000013E-4</v>
      </c>
      <c r="E8077" s="6">
        <f t="shared" si="253"/>
        <v>1.2268384107760003E-2</v>
      </c>
    </row>
    <row r="8078" spans="1:5" x14ac:dyDescent="0.25">
      <c r="A8078" s="5">
        <v>43892.375</v>
      </c>
      <c r="B8078" s="2">
        <v>23.202304999999999</v>
      </c>
      <c r="C8078">
        <v>0.63114599999999998</v>
      </c>
      <c r="D8078">
        <f t="shared" si="252"/>
        <v>6.3114599999999996E-4</v>
      </c>
      <c r="E8078" s="6">
        <f t="shared" si="253"/>
        <v>1.4644041991529999E-2</v>
      </c>
    </row>
    <row r="8079" spans="1:5" x14ac:dyDescent="0.25">
      <c r="A8079" s="5">
        <v>43892.416666666664</v>
      </c>
      <c r="B8079" s="2">
        <v>23.439033999999999</v>
      </c>
      <c r="C8079">
        <v>1.5579700000000001</v>
      </c>
      <c r="D8079">
        <f t="shared" si="252"/>
        <v>1.5579700000000001E-3</v>
      </c>
      <c r="E8079" s="6">
        <f t="shared" si="253"/>
        <v>3.6517311800980001E-2</v>
      </c>
    </row>
    <row r="8080" spans="1:5" x14ac:dyDescent="0.25">
      <c r="A8080" s="5">
        <v>43892.458333333336</v>
      </c>
      <c r="B8080" s="2">
        <v>23.055513000000001</v>
      </c>
      <c r="C8080">
        <v>1.5436639999999999</v>
      </c>
      <c r="D8080">
        <f t="shared" si="252"/>
        <v>1.5436639999999999E-3</v>
      </c>
      <c r="E8080" s="6">
        <f t="shared" si="253"/>
        <v>3.5589965419631997E-2</v>
      </c>
    </row>
    <row r="8081" spans="1:5" x14ac:dyDescent="0.25">
      <c r="A8081" s="5">
        <v>43892.5</v>
      </c>
      <c r="B8081" s="2">
        <v>21.466774000000001</v>
      </c>
      <c r="C8081">
        <v>2.410145</v>
      </c>
      <c r="D8081">
        <f t="shared" si="252"/>
        <v>2.4101449999999998E-3</v>
      </c>
      <c r="E8081" s="6">
        <f t="shared" si="253"/>
        <v>5.1738038022229996E-2</v>
      </c>
    </row>
    <row r="8082" spans="1:5" x14ac:dyDescent="0.25">
      <c r="A8082" s="5">
        <v>43892.541666666664</v>
      </c>
      <c r="B8082" s="2">
        <v>21.689167000000001</v>
      </c>
      <c r="C8082">
        <v>1.857194</v>
      </c>
      <c r="D8082">
        <f t="shared" si="252"/>
        <v>1.8571939999999999E-3</v>
      </c>
      <c r="E8082" s="6">
        <f t="shared" si="253"/>
        <v>4.0280990817397999E-2</v>
      </c>
    </row>
    <row r="8083" spans="1:5" x14ac:dyDescent="0.25">
      <c r="A8083" s="5">
        <v>43892.583333333336</v>
      </c>
      <c r="B8083" s="2">
        <v>21.344538</v>
      </c>
      <c r="C8083">
        <v>2.154989</v>
      </c>
      <c r="D8083">
        <f t="shared" si="252"/>
        <v>2.1549889999999999E-3</v>
      </c>
      <c r="E8083" s="6">
        <f t="shared" si="253"/>
        <v>4.5997244600081998E-2</v>
      </c>
    </row>
    <row r="8084" spans="1:5" x14ac:dyDescent="0.25">
      <c r="A8084" s="5">
        <v>43892.625</v>
      </c>
      <c r="B8084" s="2">
        <v>20.639181000000001</v>
      </c>
      <c r="C8084">
        <v>1.024192</v>
      </c>
      <c r="D8084">
        <f t="shared" si="252"/>
        <v>1.0241919999999999E-3</v>
      </c>
      <c r="E8084" s="6">
        <f t="shared" si="253"/>
        <v>2.1138484066751999E-2</v>
      </c>
    </row>
    <row r="8085" spans="1:5" x14ac:dyDescent="0.25">
      <c r="A8085" s="5">
        <v>43892.666666666664</v>
      </c>
      <c r="B8085" s="2">
        <v>20.514496000000001</v>
      </c>
      <c r="C8085">
        <v>0.97019699999999998</v>
      </c>
      <c r="D8085">
        <f t="shared" si="252"/>
        <v>9.7019700000000001E-4</v>
      </c>
      <c r="E8085" s="6">
        <f t="shared" si="253"/>
        <v>1.9903102475712E-2</v>
      </c>
    </row>
    <row r="8086" spans="1:5" x14ac:dyDescent="0.25">
      <c r="A8086" s="5">
        <v>43892.708333333336</v>
      </c>
      <c r="B8086" s="2">
        <v>22.904444000000002</v>
      </c>
      <c r="C8086">
        <v>2.7522999999999999E-2</v>
      </c>
      <c r="D8086">
        <f t="shared" si="252"/>
        <v>2.7522999999999997E-5</v>
      </c>
      <c r="E8086" s="6">
        <f t="shared" si="253"/>
        <v>6.3039901221199999E-4</v>
      </c>
    </row>
    <row r="8087" spans="1:5" x14ac:dyDescent="0.25">
      <c r="A8087" s="5">
        <v>43892.75</v>
      </c>
      <c r="B8087" s="2">
        <v>27.701765999999999</v>
      </c>
      <c r="C8087">
        <v>0</v>
      </c>
      <c r="D8087">
        <f t="shared" si="252"/>
        <v>0</v>
      </c>
      <c r="E8087" s="6">
        <f t="shared" si="253"/>
        <v>0</v>
      </c>
    </row>
    <row r="8088" spans="1:5" x14ac:dyDescent="0.25">
      <c r="A8088" s="5">
        <v>43892.791666666664</v>
      </c>
      <c r="B8088" s="2">
        <v>26.289567000000002</v>
      </c>
      <c r="C8088">
        <v>0</v>
      </c>
      <c r="D8088">
        <f t="shared" si="252"/>
        <v>0</v>
      </c>
      <c r="E8088" s="6">
        <f t="shared" si="253"/>
        <v>0</v>
      </c>
    </row>
    <row r="8089" spans="1:5" x14ac:dyDescent="0.25">
      <c r="A8089" s="5">
        <v>43892.833333333336</v>
      </c>
      <c r="B8089" s="2">
        <v>25.400400999999999</v>
      </c>
      <c r="C8089">
        <v>0</v>
      </c>
      <c r="D8089">
        <f t="shared" si="252"/>
        <v>0</v>
      </c>
      <c r="E8089" s="6">
        <f t="shared" si="253"/>
        <v>0</v>
      </c>
    </row>
    <row r="8090" spans="1:5" x14ac:dyDescent="0.25">
      <c r="A8090" s="5">
        <v>43892.875</v>
      </c>
      <c r="B8090" s="2">
        <v>21.649449000000001</v>
      </c>
      <c r="C8090">
        <v>0</v>
      </c>
      <c r="D8090">
        <f t="shared" si="252"/>
        <v>0</v>
      </c>
      <c r="E8090" s="6">
        <f t="shared" si="253"/>
        <v>0</v>
      </c>
    </row>
    <row r="8091" spans="1:5" x14ac:dyDescent="0.25">
      <c r="A8091" s="5">
        <v>43892.916666666664</v>
      </c>
      <c r="B8091" s="2">
        <v>19.172588000000001</v>
      </c>
      <c r="C8091">
        <v>0</v>
      </c>
      <c r="D8091">
        <f t="shared" si="252"/>
        <v>0</v>
      </c>
      <c r="E8091" s="6">
        <f t="shared" si="253"/>
        <v>0</v>
      </c>
    </row>
    <row r="8092" spans="1:5" x14ac:dyDescent="0.25">
      <c r="A8092" s="5">
        <v>43892.958333333336</v>
      </c>
      <c r="B8092" s="2">
        <v>17.758068999999999</v>
      </c>
      <c r="C8092">
        <v>0</v>
      </c>
      <c r="D8092">
        <f t="shared" si="252"/>
        <v>0</v>
      </c>
      <c r="E8092" s="6">
        <f t="shared" si="253"/>
        <v>0</v>
      </c>
    </row>
    <row r="8093" spans="1:5" x14ac:dyDescent="0.25">
      <c r="A8093" s="5">
        <v>43893</v>
      </c>
      <c r="B8093" s="2">
        <v>16.949148999999998</v>
      </c>
      <c r="C8093">
        <v>0</v>
      </c>
      <c r="D8093">
        <f t="shared" si="252"/>
        <v>0</v>
      </c>
      <c r="E8093" s="6">
        <f t="shared" si="253"/>
        <v>0</v>
      </c>
    </row>
    <row r="8094" spans="1:5" x14ac:dyDescent="0.25">
      <c r="A8094" s="5">
        <v>43893.041666666664</v>
      </c>
      <c r="B8094" s="2">
        <v>16.776475999999999</v>
      </c>
      <c r="C8094">
        <v>0</v>
      </c>
      <c r="D8094">
        <f t="shared" si="252"/>
        <v>0</v>
      </c>
      <c r="E8094" s="6">
        <f t="shared" si="253"/>
        <v>0</v>
      </c>
    </row>
    <row r="8095" spans="1:5" x14ac:dyDescent="0.25">
      <c r="A8095" s="5">
        <v>43893.083333333336</v>
      </c>
      <c r="B8095" s="2">
        <v>16.466322000000002</v>
      </c>
      <c r="C8095">
        <v>0</v>
      </c>
      <c r="D8095">
        <f t="shared" si="252"/>
        <v>0</v>
      </c>
      <c r="E8095" s="6">
        <f t="shared" si="253"/>
        <v>0</v>
      </c>
    </row>
    <row r="8096" spans="1:5" x14ac:dyDescent="0.25">
      <c r="A8096" s="5">
        <v>43893.125</v>
      </c>
      <c r="B8096" s="2">
        <v>16.600178</v>
      </c>
      <c r="C8096">
        <v>0</v>
      </c>
      <c r="D8096">
        <f t="shared" si="252"/>
        <v>0</v>
      </c>
      <c r="E8096" s="6">
        <f t="shared" si="253"/>
        <v>0</v>
      </c>
    </row>
    <row r="8097" spans="1:5" x14ac:dyDescent="0.25">
      <c r="A8097" s="5">
        <v>43893.166666666664</v>
      </c>
      <c r="B8097" s="2">
        <v>17.253504</v>
      </c>
      <c r="C8097">
        <v>0</v>
      </c>
      <c r="D8097">
        <f t="shared" si="252"/>
        <v>0</v>
      </c>
      <c r="E8097" s="6">
        <f t="shared" si="253"/>
        <v>0</v>
      </c>
    </row>
    <row r="8098" spans="1:5" x14ac:dyDescent="0.25">
      <c r="A8098" s="5">
        <v>43893.208333333336</v>
      </c>
      <c r="B8098" s="2">
        <v>18.767842999999999</v>
      </c>
      <c r="C8098">
        <v>0</v>
      </c>
      <c r="D8098">
        <f t="shared" si="252"/>
        <v>0</v>
      </c>
      <c r="E8098" s="6">
        <f t="shared" si="253"/>
        <v>0</v>
      </c>
    </row>
    <row r="8099" spans="1:5" x14ac:dyDescent="0.25">
      <c r="A8099" s="5">
        <v>43893.25</v>
      </c>
      <c r="B8099" s="2">
        <v>26.066241000000002</v>
      </c>
      <c r="C8099">
        <v>0</v>
      </c>
      <c r="D8099">
        <f t="shared" si="252"/>
        <v>0</v>
      </c>
      <c r="E8099" s="6">
        <f t="shared" si="253"/>
        <v>0</v>
      </c>
    </row>
    <row r="8100" spans="1:5" x14ac:dyDescent="0.25">
      <c r="A8100" s="5">
        <v>43893.291666666664</v>
      </c>
      <c r="B8100" s="2">
        <v>24.841294000000001</v>
      </c>
      <c r="C8100">
        <v>0</v>
      </c>
      <c r="D8100">
        <f t="shared" si="252"/>
        <v>0</v>
      </c>
      <c r="E8100" s="6">
        <f t="shared" si="253"/>
        <v>0</v>
      </c>
    </row>
    <row r="8101" spans="1:5" x14ac:dyDescent="0.25">
      <c r="A8101" s="5">
        <v>43893.333333333336</v>
      </c>
      <c r="B8101" s="2">
        <v>23.473597000000002</v>
      </c>
      <c r="C8101">
        <v>0.17802799999999999</v>
      </c>
      <c r="D8101">
        <f t="shared" si="252"/>
        <v>1.78028E-4</v>
      </c>
      <c r="E8101" s="6">
        <f t="shared" si="253"/>
        <v>4.1789575267160003E-3</v>
      </c>
    </row>
    <row r="8102" spans="1:5" x14ac:dyDescent="0.25">
      <c r="A8102" s="5">
        <v>43893.375</v>
      </c>
      <c r="B8102" s="2">
        <v>24.087513000000001</v>
      </c>
      <c r="C8102">
        <v>2.9257999999999999E-2</v>
      </c>
      <c r="D8102">
        <f t="shared" si="252"/>
        <v>2.9258E-5</v>
      </c>
      <c r="E8102" s="6">
        <f t="shared" si="253"/>
        <v>7.0475245535400006E-4</v>
      </c>
    </row>
    <row r="8103" spans="1:5" x14ac:dyDescent="0.25">
      <c r="A8103" s="5">
        <v>43893.416666666664</v>
      </c>
      <c r="B8103" s="2">
        <v>23.181092</v>
      </c>
      <c r="C8103">
        <v>0.121962</v>
      </c>
      <c r="D8103">
        <f t="shared" si="252"/>
        <v>1.21962E-4</v>
      </c>
      <c r="E8103" s="6">
        <f t="shared" si="253"/>
        <v>2.8272123425039999E-3</v>
      </c>
    </row>
    <row r="8104" spans="1:5" x14ac:dyDescent="0.25">
      <c r="A8104" s="5">
        <v>43893.458333333336</v>
      </c>
      <c r="B8104" s="2">
        <v>21.922539</v>
      </c>
      <c r="C8104">
        <v>1.3355219999999999</v>
      </c>
      <c r="D8104">
        <f t="shared" si="252"/>
        <v>1.3355219999999998E-3</v>
      </c>
      <c r="E8104" s="6">
        <f t="shared" si="253"/>
        <v>2.9278033130357997E-2</v>
      </c>
    </row>
    <row r="8105" spans="1:5" x14ac:dyDescent="0.25">
      <c r="A8105" s="5">
        <v>43893.5</v>
      </c>
      <c r="B8105" s="2">
        <v>19.940556000000001</v>
      </c>
      <c r="C8105">
        <v>0.25565899999999997</v>
      </c>
      <c r="D8105">
        <f t="shared" si="252"/>
        <v>2.5565899999999999E-4</v>
      </c>
      <c r="E8105" s="6">
        <f t="shared" si="253"/>
        <v>5.097982606404E-3</v>
      </c>
    </row>
    <row r="8106" spans="1:5" x14ac:dyDescent="0.25">
      <c r="A8106" s="5">
        <v>43893.541666666664</v>
      </c>
      <c r="B8106" s="2">
        <v>19.904890999999999</v>
      </c>
      <c r="C8106">
        <v>0.92155100000000001</v>
      </c>
      <c r="D8106">
        <f t="shared" si="252"/>
        <v>9.2155100000000005E-4</v>
      </c>
      <c r="E8106" s="6">
        <f t="shared" si="253"/>
        <v>1.8343372205941001E-2</v>
      </c>
    </row>
    <row r="8107" spans="1:5" x14ac:dyDescent="0.25">
      <c r="A8107" s="5">
        <v>43893.583333333336</v>
      </c>
      <c r="B8107" s="2">
        <v>19.691306000000001</v>
      </c>
      <c r="C8107">
        <v>1.0126440000000001</v>
      </c>
      <c r="D8107">
        <f t="shared" si="252"/>
        <v>1.012644E-3</v>
      </c>
      <c r="E8107" s="6">
        <f t="shared" si="253"/>
        <v>1.9940282873064003E-2</v>
      </c>
    </row>
    <row r="8108" spans="1:5" x14ac:dyDescent="0.25">
      <c r="A8108" s="5">
        <v>43893.625</v>
      </c>
      <c r="B8108" s="2">
        <v>19.518879999999999</v>
      </c>
      <c r="C8108">
        <v>0.470391</v>
      </c>
      <c r="D8108">
        <f t="shared" si="252"/>
        <v>4.7039100000000002E-4</v>
      </c>
      <c r="E8108" s="6">
        <f t="shared" si="253"/>
        <v>9.1815054820800004E-3</v>
      </c>
    </row>
    <row r="8109" spans="1:5" x14ac:dyDescent="0.25">
      <c r="A8109" s="5">
        <v>43893.666666666664</v>
      </c>
      <c r="B8109" s="2">
        <v>19.583006000000001</v>
      </c>
      <c r="C8109">
        <v>0.59078300000000006</v>
      </c>
      <c r="D8109">
        <f t="shared" si="252"/>
        <v>5.9078300000000011E-4</v>
      </c>
      <c r="E8109" s="6">
        <f t="shared" si="253"/>
        <v>1.1569307033698002E-2</v>
      </c>
    </row>
    <row r="8110" spans="1:5" x14ac:dyDescent="0.25">
      <c r="A8110" s="5">
        <v>43893.708333333336</v>
      </c>
      <c r="B8110" s="2">
        <v>20.928401000000001</v>
      </c>
      <c r="C8110">
        <v>9.7915000000000002E-2</v>
      </c>
      <c r="D8110">
        <f t="shared" si="252"/>
        <v>9.7915E-5</v>
      </c>
      <c r="E8110" s="6">
        <f t="shared" si="253"/>
        <v>2.0492043839150003E-3</v>
      </c>
    </row>
    <row r="8111" spans="1:5" x14ac:dyDescent="0.25">
      <c r="A8111" s="5">
        <v>43893.75</v>
      </c>
      <c r="B8111" s="2">
        <v>24.192074000000002</v>
      </c>
      <c r="C8111">
        <v>0</v>
      </c>
      <c r="D8111">
        <f t="shared" si="252"/>
        <v>0</v>
      </c>
      <c r="E8111" s="6">
        <f t="shared" si="253"/>
        <v>0</v>
      </c>
    </row>
    <row r="8112" spans="1:5" x14ac:dyDescent="0.25">
      <c r="A8112" s="5">
        <v>43893.791666666664</v>
      </c>
      <c r="B8112" s="2">
        <v>22.867881000000001</v>
      </c>
      <c r="C8112">
        <v>0</v>
      </c>
      <c r="D8112">
        <f t="shared" si="252"/>
        <v>0</v>
      </c>
      <c r="E8112" s="6">
        <f t="shared" si="253"/>
        <v>0</v>
      </c>
    </row>
    <row r="8113" spans="1:5" x14ac:dyDescent="0.25">
      <c r="A8113" s="5">
        <v>43893.833333333336</v>
      </c>
      <c r="B8113" s="2">
        <v>21.144434</v>
      </c>
      <c r="C8113">
        <v>0</v>
      </c>
      <c r="D8113">
        <f t="shared" si="252"/>
        <v>0</v>
      </c>
      <c r="E8113" s="6">
        <f t="shared" si="253"/>
        <v>0</v>
      </c>
    </row>
    <row r="8114" spans="1:5" x14ac:dyDescent="0.25">
      <c r="A8114" s="5">
        <v>43893.875</v>
      </c>
      <c r="B8114" s="2">
        <v>19.528034999999999</v>
      </c>
      <c r="C8114">
        <v>0</v>
      </c>
      <c r="D8114">
        <f t="shared" si="252"/>
        <v>0</v>
      </c>
      <c r="E8114" s="6">
        <f t="shared" si="253"/>
        <v>0</v>
      </c>
    </row>
    <row r="8115" spans="1:5" x14ac:dyDescent="0.25">
      <c r="A8115" s="5">
        <v>43893.916666666664</v>
      </c>
      <c r="B8115" s="2">
        <v>17.753083</v>
      </c>
      <c r="C8115">
        <v>0</v>
      </c>
      <c r="D8115">
        <f t="shared" si="252"/>
        <v>0</v>
      </c>
      <c r="E8115" s="6">
        <f t="shared" si="253"/>
        <v>0</v>
      </c>
    </row>
    <row r="8116" spans="1:5" x14ac:dyDescent="0.25">
      <c r="A8116" s="5">
        <v>43893.958333333336</v>
      </c>
      <c r="B8116" s="2">
        <v>15.338777</v>
      </c>
      <c r="C8116">
        <v>0</v>
      </c>
      <c r="D8116">
        <f t="shared" si="252"/>
        <v>0</v>
      </c>
      <c r="E8116" s="6">
        <f t="shared" si="253"/>
        <v>0</v>
      </c>
    </row>
    <row r="8117" spans="1:5" x14ac:dyDescent="0.25">
      <c r="A8117" s="5">
        <v>43894</v>
      </c>
      <c r="B8117" s="2">
        <v>14.152684000000001</v>
      </c>
      <c r="C8117">
        <v>0</v>
      </c>
      <c r="D8117">
        <f t="shared" si="252"/>
        <v>0</v>
      </c>
      <c r="E8117" s="6">
        <f t="shared" si="253"/>
        <v>0</v>
      </c>
    </row>
    <row r="8118" spans="1:5" x14ac:dyDescent="0.25">
      <c r="A8118" s="5">
        <v>43894.041666666664</v>
      </c>
      <c r="B8118" s="2">
        <v>13.662067</v>
      </c>
      <c r="C8118">
        <v>0</v>
      </c>
      <c r="D8118">
        <f t="shared" si="252"/>
        <v>0</v>
      </c>
      <c r="E8118" s="6">
        <f t="shared" si="253"/>
        <v>0</v>
      </c>
    </row>
    <row r="8119" spans="1:5" x14ac:dyDescent="0.25">
      <c r="A8119" s="5">
        <v>43894.083333333336</v>
      </c>
      <c r="B8119" s="2">
        <v>12.911825</v>
      </c>
      <c r="C8119">
        <v>0</v>
      </c>
      <c r="D8119">
        <f t="shared" si="252"/>
        <v>0</v>
      </c>
      <c r="E8119" s="6">
        <f t="shared" si="253"/>
        <v>0</v>
      </c>
    </row>
    <row r="8120" spans="1:5" x14ac:dyDescent="0.25">
      <c r="A8120" s="5">
        <v>43894.125</v>
      </c>
      <c r="B8120" s="2">
        <v>13.121188999999999</v>
      </c>
      <c r="C8120">
        <v>0</v>
      </c>
      <c r="D8120">
        <f t="shared" si="252"/>
        <v>0</v>
      </c>
      <c r="E8120" s="6">
        <f t="shared" si="253"/>
        <v>0</v>
      </c>
    </row>
    <row r="8121" spans="1:5" x14ac:dyDescent="0.25">
      <c r="A8121" s="5">
        <v>43894.166666666664</v>
      </c>
      <c r="B8121" s="2">
        <v>14.938097000000001</v>
      </c>
      <c r="C8121">
        <v>0</v>
      </c>
      <c r="D8121">
        <f t="shared" si="252"/>
        <v>0</v>
      </c>
      <c r="E8121" s="6">
        <f t="shared" si="253"/>
        <v>0</v>
      </c>
    </row>
    <row r="8122" spans="1:5" x14ac:dyDescent="0.25">
      <c r="A8122" s="5">
        <v>43894.208333333336</v>
      </c>
      <c r="B8122" s="2">
        <v>17.308958000000001</v>
      </c>
      <c r="C8122">
        <v>0</v>
      </c>
      <c r="D8122">
        <f t="shared" si="252"/>
        <v>0</v>
      </c>
      <c r="E8122" s="6">
        <f t="shared" si="253"/>
        <v>0</v>
      </c>
    </row>
    <row r="8123" spans="1:5" x14ac:dyDescent="0.25">
      <c r="A8123" s="5">
        <v>43894.25</v>
      </c>
      <c r="B8123" s="2">
        <v>25.100290999999999</v>
      </c>
      <c r="C8123">
        <v>0</v>
      </c>
      <c r="D8123">
        <f t="shared" si="252"/>
        <v>0</v>
      </c>
      <c r="E8123" s="6">
        <f t="shared" si="253"/>
        <v>0</v>
      </c>
    </row>
    <row r="8124" spans="1:5" x14ac:dyDescent="0.25">
      <c r="A8124" s="5">
        <v>43894.291666666664</v>
      </c>
      <c r="B8124" s="2">
        <v>23.572858</v>
      </c>
      <c r="C8124">
        <v>5.3999000000000005E-2</v>
      </c>
      <c r="D8124">
        <f t="shared" si="252"/>
        <v>5.3999000000000003E-5</v>
      </c>
      <c r="E8124" s="6">
        <f t="shared" si="253"/>
        <v>1.2729107591420001E-3</v>
      </c>
    </row>
    <row r="8125" spans="1:5" x14ac:dyDescent="0.25">
      <c r="A8125" s="5">
        <v>43894.333333333336</v>
      </c>
      <c r="B8125" s="2">
        <v>21.035961</v>
      </c>
      <c r="C8125">
        <v>0.43498000000000003</v>
      </c>
      <c r="D8125">
        <f t="shared" si="252"/>
        <v>4.3498000000000001E-4</v>
      </c>
      <c r="E8125" s="6">
        <f t="shared" si="253"/>
        <v>9.1502223157800006E-3</v>
      </c>
    </row>
    <row r="8126" spans="1:5" x14ac:dyDescent="0.25">
      <c r="A8126" s="5">
        <v>43894.375</v>
      </c>
      <c r="B8126" s="2">
        <v>20.656393000000001</v>
      </c>
      <c r="C8126">
        <v>1.7662470000000001</v>
      </c>
      <c r="D8126">
        <f t="shared" si="252"/>
        <v>1.7662470000000001E-3</v>
      </c>
      <c r="E8126" s="6">
        <f t="shared" si="253"/>
        <v>3.6484292167071004E-2</v>
      </c>
    </row>
    <row r="8127" spans="1:5" x14ac:dyDescent="0.25">
      <c r="A8127" s="5">
        <v>43894.416666666664</v>
      </c>
      <c r="B8127" s="2">
        <v>20.684041000000001</v>
      </c>
      <c r="C8127">
        <v>1.8646590000000001</v>
      </c>
      <c r="D8127">
        <f t="shared" si="252"/>
        <v>1.8646590000000001E-3</v>
      </c>
      <c r="E8127" s="6">
        <f t="shared" si="253"/>
        <v>3.8568683207019006E-2</v>
      </c>
    </row>
    <row r="8128" spans="1:5" x14ac:dyDescent="0.25">
      <c r="A8128" s="5">
        <v>43894.458333333336</v>
      </c>
      <c r="B8128" s="2">
        <v>19.869378999999999</v>
      </c>
      <c r="C8128">
        <v>1.624258</v>
      </c>
      <c r="D8128">
        <f t="shared" si="252"/>
        <v>1.624258E-3</v>
      </c>
      <c r="E8128" s="6">
        <f t="shared" si="253"/>
        <v>3.2272997795781994E-2</v>
      </c>
    </row>
    <row r="8129" spans="1:5" x14ac:dyDescent="0.25">
      <c r="A8129" s="5">
        <v>43894.5</v>
      </c>
      <c r="B8129" s="2">
        <v>19.356919999999999</v>
      </c>
      <c r="C8129">
        <v>1.540335</v>
      </c>
      <c r="D8129">
        <f t="shared" si="252"/>
        <v>1.5403350000000001E-3</v>
      </c>
      <c r="E8129" s="6">
        <f t="shared" si="253"/>
        <v>2.9816141368199999E-2</v>
      </c>
    </row>
    <row r="8130" spans="1:5" x14ac:dyDescent="0.25">
      <c r="A8130" s="5">
        <v>43894.541666666664</v>
      </c>
      <c r="B8130" s="2">
        <v>19.333725999999999</v>
      </c>
      <c r="C8130">
        <v>2.0606350000000004</v>
      </c>
      <c r="D8130">
        <f t="shared" si="252"/>
        <v>2.0606350000000003E-3</v>
      </c>
      <c r="E8130" s="6">
        <f t="shared" si="253"/>
        <v>3.9839752476010001E-2</v>
      </c>
    </row>
    <row r="8131" spans="1:5" x14ac:dyDescent="0.25">
      <c r="A8131" s="5">
        <v>43894.583333333336</v>
      </c>
      <c r="B8131" s="2">
        <v>18.820933</v>
      </c>
      <c r="C8131">
        <v>2.467349</v>
      </c>
      <c r="D8131">
        <f t="shared" si="252"/>
        <v>2.4673490000000002E-3</v>
      </c>
      <c r="E8131" s="6">
        <f t="shared" si="253"/>
        <v>4.6437810216617005E-2</v>
      </c>
    </row>
    <row r="8132" spans="1:5" x14ac:dyDescent="0.25">
      <c r="A8132" s="5">
        <v>43894.625</v>
      </c>
      <c r="B8132" s="2">
        <v>18.545497000000001</v>
      </c>
      <c r="C8132">
        <v>1.3077780000000001</v>
      </c>
      <c r="D8132">
        <f t="shared" si="252"/>
        <v>1.3077780000000001E-3</v>
      </c>
      <c r="E8132" s="6">
        <f t="shared" si="253"/>
        <v>2.4253392975666005E-2</v>
      </c>
    </row>
    <row r="8133" spans="1:5" x14ac:dyDescent="0.25">
      <c r="A8133" s="5">
        <v>43894.666666666664</v>
      </c>
      <c r="B8133" s="2">
        <v>19.076619000000001</v>
      </c>
      <c r="C8133">
        <v>1.1350129999999998</v>
      </c>
      <c r="D8133">
        <f t="shared" si="252"/>
        <v>1.1350129999999998E-3</v>
      </c>
      <c r="E8133" s="6">
        <f t="shared" si="253"/>
        <v>2.1652210561046999E-2</v>
      </c>
    </row>
    <row r="8134" spans="1:5" x14ac:dyDescent="0.25">
      <c r="A8134" s="5">
        <v>43894.708333333336</v>
      </c>
      <c r="B8134" s="2">
        <v>20.849498000000001</v>
      </c>
      <c r="C8134">
        <v>0.65833699999999995</v>
      </c>
      <c r="D8134">
        <f t="shared" ref="D8134:D8197" si="254">C8134/1000</f>
        <v>6.5833699999999994E-4</v>
      </c>
      <c r="E8134" s="6">
        <f t="shared" ref="E8134:E8197" si="255">D8134*B8134</f>
        <v>1.3725995964826E-2</v>
      </c>
    </row>
    <row r="8135" spans="1:5" x14ac:dyDescent="0.25">
      <c r="A8135" s="5">
        <v>43894.75</v>
      </c>
      <c r="B8135" s="2">
        <v>23.878388000000001</v>
      </c>
      <c r="C8135">
        <v>0</v>
      </c>
      <c r="D8135">
        <f t="shared" si="254"/>
        <v>0</v>
      </c>
      <c r="E8135" s="6">
        <f t="shared" si="255"/>
        <v>0</v>
      </c>
    </row>
    <row r="8136" spans="1:5" x14ac:dyDescent="0.25">
      <c r="A8136" s="5">
        <v>43894.791666666664</v>
      </c>
      <c r="B8136" s="2">
        <v>23.2883</v>
      </c>
      <c r="C8136">
        <v>0</v>
      </c>
      <c r="D8136">
        <f t="shared" si="254"/>
        <v>0</v>
      </c>
      <c r="E8136" s="6">
        <f t="shared" si="255"/>
        <v>0</v>
      </c>
    </row>
    <row r="8137" spans="1:5" x14ac:dyDescent="0.25">
      <c r="A8137" s="5">
        <v>43894.833333333336</v>
      </c>
      <c r="B8137" s="2">
        <v>22.916912</v>
      </c>
      <c r="C8137">
        <v>0</v>
      </c>
      <c r="D8137">
        <f t="shared" si="254"/>
        <v>0</v>
      </c>
      <c r="E8137" s="6">
        <f t="shared" si="255"/>
        <v>0</v>
      </c>
    </row>
    <row r="8138" spans="1:5" x14ac:dyDescent="0.25">
      <c r="A8138" s="5">
        <v>43894.875</v>
      </c>
      <c r="B8138" s="2">
        <v>21.158681999999999</v>
      </c>
      <c r="C8138">
        <v>0</v>
      </c>
      <c r="D8138">
        <f t="shared" si="254"/>
        <v>0</v>
      </c>
      <c r="E8138" s="6">
        <f t="shared" si="255"/>
        <v>0</v>
      </c>
    </row>
    <row r="8139" spans="1:5" x14ac:dyDescent="0.25">
      <c r="A8139" s="5">
        <v>43894.916666666664</v>
      </c>
      <c r="B8139" s="2">
        <v>19.164952</v>
      </c>
      <c r="C8139">
        <v>0</v>
      </c>
      <c r="D8139">
        <f t="shared" si="254"/>
        <v>0</v>
      </c>
      <c r="E8139" s="6">
        <f t="shared" si="255"/>
        <v>0</v>
      </c>
    </row>
    <row r="8140" spans="1:5" x14ac:dyDescent="0.25">
      <c r="A8140" s="5">
        <v>43894.958333333336</v>
      </c>
      <c r="B8140" s="2">
        <v>17.488249</v>
      </c>
      <c r="C8140">
        <v>0</v>
      </c>
      <c r="D8140">
        <f t="shared" si="254"/>
        <v>0</v>
      </c>
      <c r="E8140" s="6">
        <f t="shared" si="255"/>
        <v>0</v>
      </c>
    </row>
    <row r="8141" spans="1:5" x14ac:dyDescent="0.25">
      <c r="A8141" s="5">
        <v>43895</v>
      </c>
      <c r="B8141" s="2">
        <v>17.401789000000001</v>
      </c>
      <c r="C8141">
        <v>0</v>
      </c>
      <c r="D8141">
        <f t="shared" si="254"/>
        <v>0</v>
      </c>
      <c r="E8141" s="6">
        <f t="shared" si="255"/>
        <v>0</v>
      </c>
    </row>
    <row r="8142" spans="1:5" x14ac:dyDescent="0.25">
      <c r="A8142" s="5">
        <v>43895.041666666664</v>
      </c>
      <c r="B8142" s="2">
        <v>16.960794</v>
      </c>
      <c r="C8142">
        <v>0</v>
      </c>
      <c r="D8142">
        <f t="shared" si="254"/>
        <v>0</v>
      </c>
      <c r="E8142" s="6">
        <f t="shared" si="255"/>
        <v>0</v>
      </c>
    </row>
    <row r="8143" spans="1:5" x14ac:dyDescent="0.25">
      <c r="A8143" s="5">
        <v>43895.083333333336</v>
      </c>
      <c r="B8143" s="2">
        <v>16.511213000000001</v>
      </c>
      <c r="C8143">
        <v>0</v>
      </c>
      <c r="D8143">
        <f t="shared" si="254"/>
        <v>0</v>
      </c>
      <c r="E8143" s="6">
        <f t="shared" si="255"/>
        <v>0</v>
      </c>
    </row>
    <row r="8144" spans="1:5" x14ac:dyDescent="0.25">
      <c r="A8144" s="5">
        <v>43895.125</v>
      </c>
      <c r="B8144" s="2">
        <v>16.627234999999999</v>
      </c>
      <c r="C8144">
        <v>0</v>
      </c>
      <c r="D8144">
        <f t="shared" si="254"/>
        <v>0</v>
      </c>
      <c r="E8144" s="6">
        <f t="shared" si="255"/>
        <v>0</v>
      </c>
    </row>
    <row r="8145" spans="1:5" x14ac:dyDescent="0.25">
      <c r="A8145" s="5">
        <v>43895.166666666664</v>
      </c>
      <c r="B8145" s="2">
        <v>17.443828</v>
      </c>
      <c r="C8145">
        <v>0</v>
      </c>
      <c r="D8145">
        <f t="shared" si="254"/>
        <v>0</v>
      </c>
      <c r="E8145" s="6">
        <f t="shared" si="255"/>
        <v>0</v>
      </c>
    </row>
    <row r="8146" spans="1:5" x14ac:dyDescent="0.25">
      <c r="A8146" s="5">
        <v>43895.208333333336</v>
      </c>
      <c r="B8146" s="2">
        <v>19.418268999999999</v>
      </c>
      <c r="C8146">
        <v>0</v>
      </c>
      <c r="D8146">
        <f t="shared" si="254"/>
        <v>0</v>
      </c>
      <c r="E8146" s="6">
        <f t="shared" si="255"/>
        <v>0</v>
      </c>
    </row>
    <row r="8147" spans="1:5" x14ac:dyDescent="0.25">
      <c r="A8147" s="5">
        <v>43895.25</v>
      </c>
      <c r="B8147" s="2">
        <v>35.407249</v>
      </c>
      <c r="C8147">
        <v>0</v>
      </c>
      <c r="D8147">
        <f t="shared" si="254"/>
        <v>0</v>
      </c>
      <c r="E8147" s="6">
        <f t="shared" si="255"/>
        <v>0</v>
      </c>
    </row>
    <row r="8148" spans="1:5" x14ac:dyDescent="0.25">
      <c r="A8148" s="5">
        <v>43895.291666666664</v>
      </c>
      <c r="B8148" s="2">
        <v>31.634488000000001</v>
      </c>
      <c r="C8148">
        <v>0.85447299999999993</v>
      </c>
      <c r="D8148">
        <f t="shared" si="254"/>
        <v>8.5447299999999991E-4</v>
      </c>
      <c r="E8148" s="6">
        <f t="shared" si="255"/>
        <v>2.7030815864823997E-2</v>
      </c>
    </row>
    <row r="8149" spans="1:5" x14ac:dyDescent="0.25">
      <c r="A8149" s="5">
        <v>43895.333333333336</v>
      </c>
      <c r="B8149" s="2">
        <v>23.181764999999999</v>
      </c>
      <c r="C8149">
        <v>3.4876799999999997</v>
      </c>
      <c r="D8149">
        <f t="shared" si="254"/>
        <v>3.4876799999999995E-3</v>
      </c>
      <c r="E8149" s="6">
        <f t="shared" si="255"/>
        <v>8.0850578155199984E-2</v>
      </c>
    </row>
    <row r="8150" spans="1:5" x14ac:dyDescent="0.25">
      <c r="A8150" s="5">
        <v>43895.375</v>
      </c>
      <c r="B8150" s="2">
        <v>22.242092</v>
      </c>
      <c r="C8150">
        <v>5.8090489999999999</v>
      </c>
      <c r="D8150">
        <f t="shared" si="254"/>
        <v>5.8090490000000002E-3</v>
      </c>
      <c r="E8150" s="6">
        <f t="shared" si="255"/>
        <v>0.129205402290508</v>
      </c>
    </row>
    <row r="8151" spans="1:5" x14ac:dyDescent="0.25">
      <c r="A8151" s="5">
        <v>43895.416666666664</v>
      </c>
      <c r="B8151" s="2">
        <v>22.258434000000001</v>
      </c>
      <c r="C8151">
        <v>7.4500580000000003</v>
      </c>
      <c r="D8151">
        <f t="shared" si="254"/>
        <v>7.4500580000000007E-3</v>
      </c>
      <c r="E8151" s="6">
        <f t="shared" si="255"/>
        <v>0.16582662428917203</v>
      </c>
    </row>
    <row r="8152" spans="1:5" x14ac:dyDescent="0.25">
      <c r="A8152" s="5">
        <v>43895.458333333336</v>
      </c>
      <c r="B8152" s="2">
        <v>20.396643999999998</v>
      </c>
      <c r="C8152">
        <v>8.3891919999999995</v>
      </c>
      <c r="D8152">
        <f t="shared" si="254"/>
        <v>8.3891920000000002E-3</v>
      </c>
      <c r="E8152" s="6">
        <f t="shared" si="255"/>
        <v>0.171111362671648</v>
      </c>
    </row>
    <row r="8153" spans="1:5" x14ac:dyDescent="0.25">
      <c r="A8153" s="5">
        <v>43895.5</v>
      </c>
      <c r="B8153" s="2">
        <v>19.853069000000001</v>
      </c>
      <c r="C8153">
        <v>8.7106689999999993</v>
      </c>
      <c r="D8153">
        <f t="shared" si="254"/>
        <v>8.710668999999999E-3</v>
      </c>
      <c r="E8153" s="6">
        <f t="shared" si="255"/>
        <v>0.17293351269316098</v>
      </c>
    </row>
    <row r="8154" spans="1:5" x14ac:dyDescent="0.25">
      <c r="A8154" s="5">
        <v>43895.541666666664</v>
      </c>
      <c r="B8154" s="2">
        <v>19.445637999999999</v>
      </c>
      <c r="C8154">
        <v>8.485790999999999</v>
      </c>
      <c r="D8154">
        <f t="shared" si="254"/>
        <v>8.4857909999999995E-3</v>
      </c>
      <c r="E8154" s="6">
        <f t="shared" si="255"/>
        <v>0.16501161992965799</v>
      </c>
    </row>
    <row r="8155" spans="1:5" x14ac:dyDescent="0.25">
      <c r="A8155" s="5">
        <v>43895.583333333336</v>
      </c>
      <c r="B8155" s="2">
        <v>18.845445000000002</v>
      </c>
      <c r="C8155">
        <v>7.7004219999999997</v>
      </c>
      <c r="D8155">
        <f t="shared" si="254"/>
        <v>7.7004219999999993E-3</v>
      </c>
      <c r="E8155" s="6">
        <f t="shared" si="255"/>
        <v>0.14511787927778999</v>
      </c>
    </row>
    <row r="8156" spans="1:5" x14ac:dyDescent="0.25">
      <c r="A8156" s="5">
        <v>43895.625</v>
      </c>
      <c r="B8156" s="2">
        <v>18.596112999999999</v>
      </c>
      <c r="C8156">
        <v>6.3245429999999994</v>
      </c>
      <c r="D8156">
        <f t="shared" si="254"/>
        <v>6.3245429999999993E-3</v>
      </c>
      <c r="E8156" s="6">
        <f t="shared" si="255"/>
        <v>0.11761191630135898</v>
      </c>
    </row>
    <row r="8157" spans="1:5" x14ac:dyDescent="0.25">
      <c r="A8157" s="5">
        <v>43895.666666666664</v>
      </c>
      <c r="B8157" s="2">
        <v>19.128772000000001</v>
      </c>
      <c r="C8157">
        <v>4.2894120000000004</v>
      </c>
      <c r="D8157">
        <f t="shared" si="254"/>
        <v>4.2894120000000003E-3</v>
      </c>
      <c r="E8157" s="6">
        <f t="shared" si="255"/>
        <v>8.2051184162064014E-2</v>
      </c>
    </row>
    <row r="8158" spans="1:5" x14ac:dyDescent="0.25">
      <c r="A8158" s="5">
        <v>43895.708333333336</v>
      </c>
      <c r="B8158" s="2">
        <v>21.912763000000002</v>
      </c>
      <c r="C8158">
        <v>1.798135</v>
      </c>
      <c r="D8158">
        <f t="shared" si="254"/>
        <v>1.798135E-3</v>
      </c>
      <c r="E8158" s="6">
        <f t="shared" si="255"/>
        <v>3.9402106097005E-2</v>
      </c>
    </row>
    <row r="8159" spans="1:5" x14ac:dyDescent="0.25">
      <c r="A8159" s="5">
        <v>43895.75</v>
      </c>
      <c r="B8159" s="2">
        <v>28.222816999999999</v>
      </c>
      <c r="C8159">
        <v>0</v>
      </c>
      <c r="D8159">
        <f t="shared" si="254"/>
        <v>0</v>
      </c>
      <c r="E8159" s="6">
        <f t="shared" si="255"/>
        <v>0</v>
      </c>
    </row>
    <row r="8160" spans="1:5" x14ac:dyDescent="0.25">
      <c r="A8160" s="5">
        <v>43895.791666666664</v>
      </c>
      <c r="B8160" s="2">
        <v>24.979092999999999</v>
      </c>
      <c r="C8160">
        <v>0</v>
      </c>
      <c r="D8160">
        <f t="shared" si="254"/>
        <v>0</v>
      </c>
      <c r="E8160" s="6">
        <f t="shared" si="255"/>
        <v>0</v>
      </c>
    </row>
    <row r="8161" spans="1:5" x14ac:dyDescent="0.25">
      <c r="A8161" s="5">
        <v>43895.833333333336</v>
      </c>
      <c r="B8161" s="2">
        <v>21.817357000000001</v>
      </c>
      <c r="C8161">
        <v>0</v>
      </c>
      <c r="D8161">
        <f t="shared" si="254"/>
        <v>0</v>
      </c>
      <c r="E8161" s="6">
        <f t="shared" si="255"/>
        <v>0</v>
      </c>
    </row>
    <row r="8162" spans="1:5" x14ac:dyDescent="0.25">
      <c r="A8162" s="5">
        <v>43895.875</v>
      </c>
      <c r="B8162" s="2">
        <v>19.959329</v>
      </c>
      <c r="C8162">
        <v>0</v>
      </c>
      <c r="D8162">
        <f t="shared" si="254"/>
        <v>0</v>
      </c>
      <c r="E8162" s="6">
        <f t="shared" si="255"/>
        <v>0</v>
      </c>
    </row>
    <row r="8163" spans="1:5" x14ac:dyDescent="0.25">
      <c r="A8163" s="5">
        <v>43895.916666666664</v>
      </c>
      <c r="B8163" s="2">
        <v>18.549844</v>
      </c>
      <c r="C8163">
        <v>0</v>
      </c>
      <c r="D8163">
        <f t="shared" si="254"/>
        <v>0</v>
      </c>
      <c r="E8163" s="6">
        <f t="shared" si="255"/>
        <v>0</v>
      </c>
    </row>
    <row r="8164" spans="1:5" x14ac:dyDescent="0.25">
      <c r="A8164" s="5">
        <v>43895.958333333336</v>
      </c>
      <c r="B8164" s="2">
        <v>17.463868000000002</v>
      </c>
      <c r="C8164">
        <v>0</v>
      </c>
      <c r="D8164">
        <f t="shared" si="254"/>
        <v>0</v>
      </c>
      <c r="E8164" s="6">
        <f t="shared" si="255"/>
        <v>0</v>
      </c>
    </row>
    <row r="8165" spans="1:5" x14ac:dyDescent="0.25">
      <c r="A8165" s="5">
        <v>43896</v>
      </c>
      <c r="B8165" s="2">
        <v>17.280484999999999</v>
      </c>
      <c r="C8165">
        <v>0</v>
      </c>
      <c r="D8165">
        <f t="shared" si="254"/>
        <v>0</v>
      </c>
      <c r="E8165" s="6">
        <f t="shared" si="255"/>
        <v>0</v>
      </c>
    </row>
    <row r="8166" spans="1:5" x14ac:dyDescent="0.25">
      <c r="A8166" s="5">
        <v>43896.041666666664</v>
      </c>
      <c r="B8166" s="2">
        <v>16.645886000000001</v>
      </c>
      <c r="C8166">
        <v>0</v>
      </c>
      <c r="D8166">
        <f t="shared" si="254"/>
        <v>0</v>
      </c>
      <c r="E8166" s="6">
        <f t="shared" si="255"/>
        <v>0</v>
      </c>
    </row>
    <row r="8167" spans="1:5" x14ac:dyDescent="0.25">
      <c r="A8167" s="5">
        <v>43896.083333333336</v>
      </c>
      <c r="B8167" s="2">
        <v>15.906475</v>
      </c>
      <c r="C8167">
        <v>0</v>
      </c>
      <c r="D8167">
        <f t="shared" si="254"/>
        <v>0</v>
      </c>
      <c r="E8167" s="6">
        <f t="shared" si="255"/>
        <v>0</v>
      </c>
    </row>
    <row r="8168" spans="1:5" x14ac:dyDescent="0.25">
      <c r="A8168" s="5">
        <v>43896.125</v>
      </c>
      <c r="B8168" s="2">
        <v>16.879066999999999</v>
      </c>
      <c r="C8168">
        <v>0</v>
      </c>
      <c r="D8168">
        <f t="shared" si="254"/>
        <v>0</v>
      </c>
      <c r="E8168" s="6">
        <f t="shared" si="255"/>
        <v>0</v>
      </c>
    </row>
    <row r="8169" spans="1:5" x14ac:dyDescent="0.25">
      <c r="A8169" s="5">
        <v>43896.166666666664</v>
      </c>
      <c r="B8169" s="2">
        <v>19.050453000000001</v>
      </c>
      <c r="C8169">
        <v>0</v>
      </c>
      <c r="D8169">
        <f t="shared" si="254"/>
        <v>0</v>
      </c>
      <c r="E8169" s="6">
        <f t="shared" si="255"/>
        <v>0</v>
      </c>
    </row>
    <row r="8170" spans="1:5" x14ac:dyDescent="0.25">
      <c r="A8170" s="5">
        <v>43896.208333333336</v>
      </c>
      <c r="B8170" s="2">
        <v>19.859477999999999</v>
      </c>
      <c r="C8170">
        <v>0</v>
      </c>
      <c r="D8170">
        <f t="shared" si="254"/>
        <v>0</v>
      </c>
      <c r="E8170" s="6">
        <f t="shared" si="255"/>
        <v>0</v>
      </c>
    </row>
    <row r="8171" spans="1:5" x14ac:dyDescent="0.25">
      <c r="A8171" s="5">
        <v>43896.25</v>
      </c>
      <c r="B8171" s="2">
        <v>30.396699999999999</v>
      </c>
      <c r="C8171">
        <v>0</v>
      </c>
      <c r="D8171">
        <f t="shared" si="254"/>
        <v>0</v>
      </c>
      <c r="E8171" s="6">
        <f t="shared" si="255"/>
        <v>0</v>
      </c>
    </row>
    <row r="8172" spans="1:5" x14ac:dyDescent="0.25">
      <c r="A8172" s="5">
        <v>43896.291666666664</v>
      </c>
      <c r="B8172" s="2">
        <v>30.281488</v>
      </c>
      <c r="C8172">
        <v>0.76744600000000007</v>
      </c>
      <c r="D8172">
        <f t="shared" si="254"/>
        <v>7.6744600000000008E-4</v>
      </c>
      <c r="E8172" s="6">
        <f t="shared" si="255"/>
        <v>2.3239406839648001E-2</v>
      </c>
    </row>
    <row r="8173" spans="1:5" x14ac:dyDescent="0.25">
      <c r="A8173" s="5">
        <v>43896.333333333336</v>
      </c>
      <c r="B8173" s="2">
        <v>26.319101</v>
      </c>
      <c r="C8173">
        <v>3.1775169999999999</v>
      </c>
      <c r="D8173">
        <f t="shared" si="254"/>
        <v>3.1775169999999999E-3</v>
      </c>
      <c r="E8173" s="6">
        <f t="shared" si="255"/>
        <v>8.3629390852217003E-2</v>
      </c>
    </row>
    <row r="8174" spans="1:5" x14ac:dyDescent="0.25">
      <c r="A8174" s="5">
        <v>43896.375</v>
      </c>
      <c r="B8174" s="2">
        <v>25.425763</v>
      </c>
      <c r="C8174">
        <v>5.4009200000000002</v>
      </c>
      <c r="D8174">
        <f t="shared" si="254"/>
        <v>5.40092E-3</v>
      </c>
      <c r="E8174" s="6">
        <f t="shared" si="255"/>
        <v>0.13732251190195999</v>
      </c>
    </row>
    <row r="8175" spans="1:5" x14ac:dyDescent="0.25">
      <c r="A8175" s="5">
        <v>43896.416666666664</v>
      </c>
      <c r="B8175" s="2">
        <v>25.432725000000001</v>
      </c>
      <c r="C8175">
        <v>6.9860739999999995</v>
      </c>
      <c r="D8175">
        <f t="shared" si="254"/>
        <v>6.9860739999999992E-3</v>
      </c>
      <c r="E8175" s="6">
        <f t="shared" si="255"/>
        <v>0.17767489887165</v>
      </c>
    </row>
    <row r="8176" spans="1:5" x14ac:dyDescent="0.25">
      <c r="A8176" s="5">
        <v>43896.458333333336</v>
      </c>
      <c r="B8176" s="2">
        <v>25.126711</v>
      </c>
      <c r="C8176">
        <v>7.957986</v>
      </c>
      <c r="D8176">
        <f t="shared" si="254"/>
        <v>7.9579860000000002E-3</v>
      </c>
      <c r="E8176" s="6">
        <f t="shared" si="255"/>
        <v>0.19995801436404601</v>
      </c>
    </row>
    <row r="8177" spans="1:5" x14ac:dyDescent="0.25">
      <c r="A8177" s="5">
        <v>43896.5</v>
      </c>
      <c r="B8177" s="2">
        <v>23.542103000000001</v>
      </c>
      <c r="C8177">
        <v>8.3335360000000005</v>
      </c>
      <c r="D8177">
        <f t="shared" si="254"/>
        <v>8.3335360000000008E-3</v>
      </c>
      <c r="E8177" s="6">
        <f t="shared" si="255"/>
        <v>0.19618896286620802</v>
      </c>
    </row>
    <row r="8178" spans="1:5" x14ac:dyDescent="0.25">
      <c r="A8178" s="5">
        <v>43896.541666666664</v>
      </c>
      <c r="B8178" s="2">
        <v>22.749925000000001</v>
      </c>
      <c r="C8178">
        <v>8.124015</v>
      </c>
      <c r="D8178">
        <f t="shared" si="254"/>
        <v>8.1240150000000001E-3</v>
      </c>
      <c r="E8178" s="6">
        <f t="shared" si="255"/>
        <v>0.18482073194887502</v>
      </c>
    </row>
    <row r="8179" spans="1:5" x14ac:dyDescent="0.25">
      <c r="A8179" s="5">
        <v>43896.583333333336</v>
      </c>
      <c r="B8179" s="2">
        <v>21.673261</v>
      </c>
      <c r="C8179">
        <v>7.3465639999999999</v>
      </c>
      <c r="D8179">
        <f t="shared" si="254"/>
        <v>7.3465639999999999E-3</v>
      </c>
      <c r="E8179" s="6">
        <f t="shared" si="255"/>
        <v>0.15922399902520401</v>
      </c>
    </row>
    <row r="8180" spans="1:5" x14ac:dyDescent="0.25">
      <c r="A8180" s="5">
        <v>43896.625</v>
      </c>
      <c r="B8180" s="2">
        <v>21.335601</v>
      </c>
      <c r="C8180">
        <v>6.0168379999999999</v>
      </c>
      <c r="D8180">
        <f t="shared" si="254"/>
        <v>6.016838E-3</v>
      </c>
      <c r="E8180" s="6">
        <f t="shared" si="255"/>
        <v>0.12837285484963801</v>
      </c>
    </row>
    <row r="8181" spans="1:5" x14ac:dyDescent="0.25">
      <c r="A8181" s="5">
        <v>43896.666666666664</v>
      </c>
      <c r="B8181" s="2">
        <v>22.721641999999999</v>
      </c>
      <c r="C8181">
        <v>4.0638540000000001</v>
      </c>
      <c r="D8181">
        <f t="shared" si="254"/>
        <v>4.0638540000000004E-3</v>
      </c>
      <c r="E8181" s="6">
        <f t="shared" si="255"/>
        <v>9.2337435728268011E-2</v>
      </c>
    </row>
    <row r="8182" spans="1:5" x14ac:dyDescent="0.25">
      <c r="A8182" s="5">
        <v>43896.708333333336</v>
      </c>
      <c r="B8182" s="2">
        <v>26.116934000000001</v>
      </c>
      <c r="C8182">
        <v>1.7003510000000002</v>
      </c>
      <c r="D8182">
        <f t="shared" si="254"/>
        <v>1.7003510000000001E-3</v>
      </c>
      <c r="E8182" s="6">
        <f t="shared" si="255"/>
        <v>4.4407954843834002E-2</v>
      </c>
    </row>
    <row r="8183" spans="1:5" x14ac:dyDescent="0.25">
      <c r="A8183" s="5">
        <v>43896.75</v>
      </c>
      <c r="B8183" s="2">
        <v>30.059591999999999</v>
      </c>
      <c r="C8183">
        <v>0</v>
      </c>
      <c r="D8183">
        <f t="shared" si="254"/>
        <v>0</v>
      </c>
      <c r="E8183" s="6">
        <f t="shared" si="255"/>
        <v>0</v>
      </c>
    </row>
    <row r="8184" spans="1:5" x14ac:dyDescent="0.25">
      <c r="A8184" s="5">
        <v>43896.791666666664</v>
      </c>
      <c r="B8184" s="2">
        <v>28.277107999999998</v>
      </c>
      <c r="C8184">
        <v>0</v>
      </c>
      <c r="D8184">
        <f t="shared" si="254"/>
        <v>0</v>
      </c>
      <c r="E8184" s="6">
        <f t="shared" si="255"/>
        <v>0</v>
      </c>
    </row>
    <row r="8185" spans="1:5" x14ac:dyDescent="0.25">
      <c r="A8185" s="5">
        <v>43896.833333333336</v>
      </c>
      <c r="B8185" s="2">
        <v>26.767610999999999</v>
      </c>
      <c r="C8185">
        <v>0</v>
      </c>
      <c r="D8185">
        <f t="shared" si="254"/>
        <v>0</v>
      </c>
      <c r="E8185" s="6">
        <f t="shared" si="255"/>
        <v>0</v>
      </c>
    </row>
    <row r="8186" spans="1:5" x14ac:dyDescent="0.25">
      <c r="A8186" s="5">
        <v>43896.875</v>
      </c>
      <c r="B8186" s="2">
        <v>24.860192000000001</v>
      </c>
      <c r="C8186">
        <v>0</v>
      </c>
      <c r="D8186">
        <f t="shared" si="254"/>
        <v>0</v>
      </c>
      <c r="E8186" s="6">
        <f t="shared" si="255"/>
        <v>0</v>
      </c>
    </row>
    <row r="8187" spans="1:5" x14ac:dyDescent="0.25">
      <c r="A8187" s="5">
        <v>43896.916666666664</v>
      </c>
      <c r="B8187" s="2">
        <v>22.273111</v>
      </c>
      <c r="C8187">
        <v>0</v>
      </c>
      <c r="D8187">
        <f t="shared" si="254"/>
        <v>0</v>
      </c>
      <c r="E8187" s="6">
        <f t="shared" si="255"/>
        <v>0</v>
      </c>
    </row>
    <row r="8188" spans="1:5" x14ac:dyDescent="0.25">
      <c r="A8188" s="5">
        <v>43896.958333333336</v>
      </c>
      <c r="B8188" s="2">
        <v>20.467627</v>
      </c>
      <c r="C8188">
        <v>0</v>
      </c>
      <c r="D8188">
        <f t="shared" si="254"/>
        <v>0</v>
      </c>
      <c r="E8188" s="6">
        <f t="shared" si="255"/>
        <v>0</v>
      </c>
    </row>
    <row r="8189" spans="1:5" x14ac:dyDescent="0.25">
      <c r="A8189" s="5">
        <v>43897</v>
      </c>
      <c r="B8189" s="2">
        <v>19.364943</v>
      </c>
      <c r="C8189">
        <v>0</v>
      </c>
      <c r="D8189">
        <f t="shared" si="254"/>
        <v>0</v>
      </c>
      <c r="E8189" s="6">
        <f t="shared" si="255"/>
        <v>0</v>
      </c>
    </row>
    <row r="8190" spans="1:5" x14ac:dyDescent="0.25">
      <c r="A8190" s="5">
        <v>43897.041666666664</v>
      </c>
      <c r="B8190" s="2">
        <v>19.178305999999999</v>
      </c>
      <c r="C8190">
        <v>0</v>
      </c>
      <c r="D8190">
        <f t="shared" si="254"/>
        <v>0</v>
      </c>
      <c r="E8190" s="6">
        <f t="shared" si="255"/>
        <v>0</v>
      </c>
    </row>
    <row r="8191" spans="1:5" x14ac:dyDescent="0.25">
      <c r="A8191" s="5">
        <v>43897.083333333336</v>
      </c>
      <c r="B8191" s="2">
        <v>18.908480999999998</v>
      </c>
      <c r="C8191">
        <v>0</v>
      </c>
      <c r="D8191">
        <f t="shared" si="254"/>
        <v>0</v>
      </c>
      <c r="E8191" s="6">
        <f t="shared" si="255"/>
        <v>0</v>
      </c>
    </row>
    <row r="8192" spans="1:5" x14ac:dyDescent="0.25">
      <c r="A8192" s="5">
        <v>43897.125</v>
      </c>
      <c r="B8192" s="2">
        <v>19.083165000000001</v>
      </c>
      <c r="C8192">
        <v>0</v>
      </c>
      <c r="D8192">
        <f t="shared" si="254"/>
        <v>0</v>
      </c>
      <c r="E8192" s="6">
        <f t="shared" si="255"/>
        <v>0</v>
      </c>
    </row>
    <row r="8193" spans="1:5" x14ac:dyDescent="0.25">
      <c r="A8193" s="5">
        <v>43897.166666666664</v>
      </c>
      <c r="B8193" s="2">
        <v>19.844085</v>
      </c>
      <c r="C8193">
        <v>0</v>
      </c>
      <c r="D8193">
        <f t="shared" si="254"/>
        <v>0</v>
      </c>
      <c r="E8193" s="6">
        <f t="shared" si="255"/>
        <v>0</v>
      </c>
    </row>
    <row r="8194" spans="1:5" x14ac:dyDescent="0.25">
      <c r="A8194" s="5">
        <v>43897.208333333336</v>
      </c>
      <c r="B8194" s="2">
        <v>20.852357000000001</v>
      </c>
      <c r="C8194">
        <v>0</v>
      </c>
      <c r="D8194">
        <f t="shared" si="254"/>
        <v>0</v>
      </c>
      <c r="E8194" s="6">
        <f t="shared" si="255"/>
        <v>0</v>
      </c>
    </row>
    <row r="8195" spans="1:5" x14ac:dyDescent="0.25">
      <c r="A8195" s="5">
        <v>43897.25</v>
      </c>
      <c r="B8195" s="2">
        <v>23.755009000000001</v>
      </c>
      <c r="C8195">
        <v>0</v>
      </c>
      <c r="D8195">
        <f t="shared" si="254"/>
        <v>0</v>
      </c>
      <c r="E8195" s="6">
        <f t="shared" si="255"/>
        <v>0</v>
      </c>
    </row>
    <row r="8196" spans="1:5" x14ac:dyDescent="0.25">
      <c r="A8196" s="5">
        <v>43897.291666666664</v>
      </c>
      <c r="B8196" s="2">
        <v>24.691665</v>
      </c>
      <c r="C8196">
        <v>0.691998</v>
      </c>
      <c r="D8196">
        <f t="shared" si="254"/>
        <v>6.9199799999999998E-4</v>
      </c>
      <c r="E8196" s="6">
        <f t="shared" si="255"/>
        <v>1.708658279667E-2</v>
      </c>
    </row>
    <row r="8197" spans="1:5" x14ac:dyDescent="0.25">
      <c r="A8197" s="5">
        <v>43897.333333333336</v>
      </c>
      <c r="B8197" s="2">
        <v>22.982406000000001</v>
      </c>
      <c r="C8197">
        <v>2.9047080000000003</v>
      </c>
      <c r="D8197">
        <f t="shared" si="254"/>
        <v>2.9047080000000002E-3</v>
      </c>
      <c r="E8197" s="6">
        <f t="shared" si="255"/>
        <v>6.6757178567448006E-2</v>
      </c>
    </row>
    <row r="8198" spans="1:5" x14ac:dyDescent="0.25">
      <c r="A8198" s="5">
        <v>43897.375</v>
      </c>
      <c r="B8198" s="2">
        <v>21.641231999999999</v>
      </c>
      <c r="C8198">
        <v>4.969589</v>
      </c>
      <c r="D8198">
        <f t="shared" ref="D8198:D8261" si="256">C8198/1000</f>
        <v>4.969589E-3</v>
      </c>
      <c r="E8198" s="6">
        <f t="shared" ref="E8198:E8261" si="257">D8198*B8198</f>
        <v>0.10754802849364799</v>
      </c>
    </row>
    <row r="8199" spans="1:5" x14ac:dyDescent="0.25">
      <c r="A8199" s="5">
        <v>43897.416666666664</v>
      </c>
      <c r="B8199" s="2">
        <v>20.694893</v>
      </c>
      <c r="C8199">
        <v>6.4706660000000005</v>
      </c>
      <c r="D8199">
        <f t="shared" si="256"/>
        <v>6.4706660000000008E-3</v>
      </c>
      <c r="E8199" s="6">
        <f t="shared" si="257"/>
        <v>0.13390974050873802</v>
      </c>
    </row>
    <row r="8200" spans="1:5" x14ac:dyDescent="0.25">
      <c r="A8200" s="5">
        <v>43897.458333333336</v>
      </c>
      <c r="B8200" s="2">
        <v>19.146260000000002</v>
      </c>
      <c r="C8200">
        <v>7.3115780000000008</v>
      </c>
      <c r="D8200">
        <f t="shared" si="256"/>
        <v>7.3115780000000009E-3</v>
      </c>
      <c r="E8200" s="6">
        <f t="shared" si="257"/>
        <v>0.13998937339828002</v>
      </c>
    </row>
    <row r="8201" spans="1:5" x14ac:dyDescent="0.25">
      <c r="A8201" s="5">
        <v>43897.5</v>
      </c>
      <c r="B8201" s="2">
        <v>17.548082000000001</v>
      </c>
      <c r="C8201">
        <v>7.6253199999999994</v>
      </c>
      <c r="D8201">
        <f t="shared" si="256"/>
        <v>7.6253199999999997E-3</v>
      </c>
      <c r="E8201" s="6">
        <f t="shared" si="257"/>
        <v>0.13380974063623999</v>
      </c>
    </row>
    <row r="8202" spans="1:5" x14ac:dyDescent="0.25">
      <c r="A8202" s="5">
        <v>43897.541666666664</v>
      </c>
      <c r="B8202" s="2">
        <v>16.740062999999999</v>
      </c>
      <c r="C8202">
        <v>7.4002619999999997</v>
      </c>
      <c r="D8202">
        <f t="shared" si="256"/>
        <v>7.4002619999999995E-3</v>
      </c>
      <c r="E8202" s="6">
        <f t="shared" si="257"/>
        <v>0.12388085209650598</v>
      </c>
    </row>
    <row r="8203" spans="1:5" x14ac:dyDescent="0.25">
      <c r="A8203" s="5">
        <v>43897.583333333336</v>
      </c>
      <c r="B8203" s="2">
        <v>16.089549999999999</v>
      </c>
      <c r="C8203">
        <v>6.6972830000000005</v>
      </c>
      <c r="D8203">
        <f t="shared" si="256"/>
        <v>6.6972830000000009E-3</v>
      </c>
      <c r="E8203" s="6">
        <f t="shared" si="257"/>
        <v>0.10775626969265001</v>
      </c>
    </row>
    <row r="8204" spans="1:5" x14ac:dyDescent="0.25">
      <c r="A8204" s="5">
        <v>43897.625</v>
      </c>
      <c r="B8204" s="2">
        <v>15.701150999999999</v>
      </c>
      <c r="C8204">
        <v>4.4517959999999999</v>
      </c>
      <c r="D8204">
        <f t="shared" si="256"/>
        <v>4.4517960000000001E-3</v>
      </c>
      <c r="E8204" s="6">
        <f t="shared" si="257"/>
        <v>6.9898321217195997E-2</v>
      </c>
    </row>
    <row r="8205" spans="1:5" x14ac:dyDescent="0.25">
      <c r="A8205" s="5">
        <v>43897.666666666664</v>
      </c>
      <c r="B8205" s="2">
        <v>16.286773</v>
      </c>
      <c r="C8205">
        <v>2.8145530000000001</v>
      </c>
      <c r="D8205">
        <f t="shared" si="256"/>
        <v>2.814553E-3</v>
      </c>
      <c r="E8205" s="6">
        <f t="shared" si="257"/>
        <v>4.5839985807469001E-2</v>
      </c>
    </row>
    <row r="8206" spans="1:5" x14ac:dyDescent="0.25">
      <c r="A8206" s="5">
        <v>43897.708333333336</v>
      </c>
      <c r="B8206" s="2">
        <v>18.315847000000002</v>
      </c>
      <c r="C8206">
        <v>1.128066</v>
      </c>
      <c r="D8206">
        <f t="shared" si="256"/>
        <v>1.1280660000000001E-3</v>
      </c>
      <c r="E8206" s="6">
        <f t="shared" si="257"/>
        <v>2.0661484261902004E-2</v>
      </c>
    </row>
    <row r="8207" spans="1:5" x14ac:dyDescent="0.25">
      <c r="A8207" s="5">
        <v>43897.75</v>
      </c>
      <c r="B8207" s="2">
        <v>23.331751000000001</v>
      </c>
      <c r="C8207">
        <v>0</v>
      </c>
      <c r="D8207">
        <f t="shared" si="256"/>
        <v>0</v>
      </c>
      <c r="E8207" s="6">
        <f t="shared" si="257"/>
        <v>0</v>
      </c>
    </row>
    <row r="8208" spans="1:5" x14ac:dyDescent="0.25">
      <c r="A8208" s="5">
        <v>43897.791666666664</v>
      </c>
      <c r="B8208" s="2">
        <v>21.530442000000001</v>
      </c>
      <c r="C8208">
        <v>0</v>
      </c>
      <c r="D8208">
        <f t="shared" si="256"/>
        <v>0</v>
      </c>
      <c r="E8208" s="6">
        <f t="shared" si="257"/>
        <v>0</v>
      </c>
    </row>
    <row r="8209" spans="1:5" x14ac:dyDescent="0.25">
      <c r="A8209" s="5">
        <v>43897.833333333336</v>
      </c>
      <c r="B8209" s="2">
        <v>21.486944000000001</v>
      </c>
      <c r="C8209">
        <v>0</v>
      </c>
      <c r="D8209">
        <f t="shared" si="256"/>
        <v>0</v>
      </c>
      <c r="E8209" s="6">
        <f t="shared" si="257"/>
        <v>0</v>
      </c>
    </row>
    <row r="8210" spans="1:5" x14ac:dyDescent="0.25">
      <c r="A8210" s="5">
        <v>43897.875</v>
      </c>
      <c r="B8210" s="2">
        <v>19.974408</v>
      </c>
      <c r="C8210">
        <v>0</v>
      </c>
      <c r="D8210">
        <f t="shared" si="256"/>
        <v>0</v>
      </c>
      <c r="E8210" s="6">
        <f t="shared" si="257"/>
        <v>0</v>
      </c>
    </row>
    <row r="8211" spans="1:5" x14ac:dyDescent="0.25">
      <c r="A8211" s="5">
        <v>43897.916666666664</v>
      </c>
      <c r="B8211" s="2">
        <v>18.948478000000001</v>
      </c>
      <c r="C8211">
        <v>0</v>
      </c>
      <c r="D8211">
        <f t="shared" si="256"/>
        <v>0</v>
      </c>
      <c r="E8211" s="6">
        <f t="shared" si="257"/>
        <v>0</v>
      </c>
    </row>
    <row r="8212" spans="1:5" x14ac:dyDescent="0.25">
      <c r="A8212" s="5">
        <v>43897.958333333336</v>
      </c>
      <c r="B8212" s="2">
        <v>17.405598000000001</v>
      </c>
      <c r="C8212">
        <v>0</v>
      </c>
      <c r="D8212">
        <f t="shared" si="256"/>
        <v>0</v>
      </c>
      <c r="E8212" s="6">
        <f t="shared" si="257"/>
        <v>0</v>
      </c>
    </row>
    <row r="8213" spans="1:5" x14ac:dyDescent="0.25">
      <c r="A8213" s="5">
        <v>43898</v>
      </c>
      <c r="B8213" s="2">
        <v>18.086622999999999</v>
      </c>
      <c r="C8213">
        <v>0</v>
      </c>
      <c r="D8213">
        <f t="shared" si="256"/>
        <v>0</v>
      </c>
      <c r="E8213" s="6">
        <f t="shared" si="257"/>
        <v>0</v>
      </c>
    </row>
    <row r="8214" spans="1:5" x14ac:dyDescent="0.25">
      <c r="A8214" s="5">
        <v>43898.041666666664</v>
      </c>
      <c r="B8214" s="2">
        <v>17.180004</v>
      </c>
      <c r="C8214">
        <v>0</v>
      </c>
      <c r="D8214">
        <f t="shared" si="256"/>
        <v>0</v>
      </c>
      <c r="E8214" s="6">
        <f t="shared" si="257"/>
        <v>0</v>
      </c>
    </row>
    <row r="8215" spans="1:5" x14ac:dyDescent="0.25">
      <c r="A8215" s="5">
        <v>43898.125</v>
      </c>
      <c r="B8215" s="2">
        <v>17.412701999999999</v>
      </c>
      <c r="C8215">
        <v>0</v>
      </c>
      <c r="D8215">
        <f t="shared" si="256"/>
        <v>0</v>
      </c>
      <c r="E8215" s="6">
        <f t="shared" si="257"/>
        <v>0</v>
      </c>
    </row>
    <row r="8216" spans="1:5" x14ac:dyDescent="0.25">
      <c r="A8216" s="5">
        <v>43898.166666666664</v>
      </c>
      <c r="B8216" s="2">
        <v>18.641556999999999</v>
      </c>
      <c r="C8216">
        <v>0</v>
      </c>
      <c r="D8216">
        <f t="shared" si="256"/>
        <v>0</v>
      </c>
      <c r="E8216" s="6">
        <f t="shared" si="257"/>
        <v>0</v>
      </c>
    </row>
    <row r="8217" spans="1:5" x14ac:dyDescent="0.25">
      <c r="A8217" s="5">
        <v>43898.208333333336</v>
      </c>
      <c r="B8217" s="2">
        <v>19.937884</v>
      </c>
      <c r="C8217">
        <v>0</v>
      </c>
      <c r="D8217">
        <f t="shared" si="256"/>
        <v>0</v>
      </c>
      <c r="E8217" s="6">
        <f t="shared" si="257"/>
        <v>0</v>
      </c>
    </row>
    <row r="8218" spans="1:5" x14ac:dyDescent="0.25">
      <c r="A8218" s="5">
        <v>43898.25</v>
      </c>
      <c r="B8218" s="2">
        <v>21.274217</v>
      </c>
      <c r="C8218">
        <v>0</v>
      </c>
      <c r="D8218">
        <f t="shared" si="256"/>
        <v>0</v>
      </c>
      <c r="E8218" s="6">
        <f t="shared" si="257"/>
        <v>0</v>
      </c>
    </row>
    <row r="8219" spans="1:5" x14ac:dyDescent="0.25">
      <c r="A8219" s="5">
        <v>43898.291666666664</v>
      </c>
      <c r="B8219" s="2">
        <v>22.331095000000001</v>
      </c>
      <c r="C8219">
        <v>0</v>
      </c>
      <c r="D8219">
        <f t="shared" si="256"/>
        <v>0</v>
      </c>
      <c r="E8219" s="6">
        <f t="shared" si="257"/>
        <v>0</v>
      </c>
    </row>
    <row r="8220" spans="1:5" x14ac:dyDescent="0.25">
      <c r="A8220" s="5">
        <v>43898.333333333336</v>
      </c>
      <c r="B8220" s="2">
        <v>21.134620999999999</v>
      </c>
      <c r="C8220">
        <v>0.23124600000000001</v>
      </c>
      <c r="D8220">
        <f t="shared" si="256"/>
        <v>2.31246E-4</v>
      </c>
      <c r="E8220" s="6">
        <f t="shared" si="257"/>
        <v>4.8872965677660002E-3</v>
      </c>
    </row>
    <row r="8221" spans="1:5" x14ac:dyDescent="0.25">
      <c r="A8221" s="5">
        <v>43898.375</v>
      </c>
      <c r="B8221" s="2">
        <v>19.772182000000001</v>
      </c>
      <c r="C8221">
        <v>1.7142029999999999</v>
      </c>
      <c r="D8221">
        <f t="shared" si="256"/>
        <v>1.7142029999999999E-3</v>
      </c>
      <c r="E8221" s="6">
        <f t="shared" si="257"/>
        <v>3.3893533700945999E-2</v>
      </c>
    </row>
    <row r="8222" spans="1:5" x14ac:dyDescent="0.25">
      <c r="A8222" s="5">
        <v>43898.416666666664</v>
      </c>
      <c r="B8222" s="2">
        <v>18.182168000000001</v>
      </c>
      <c r="C8222">
        <v>3.6956500000000001</v>
      </c>
      <c r="D8222">
        <f t="shared" si="256"/>
        <v>3.69565E-3</v>
      </c>
      <c r="E8222" s="6">
        <f t="shared" si="257"/>
        <v>6.7194929169200002E-2</v>
      </c>
    </row>
    <row r="8223" spans="1:5" x14ac:dyDescent="0.25">
      <c r="A8223" s="5">
        <v>43898.458333333336</v>
      </c>
      <c r="B8223" s="2">
        <v>16.339881999999999</v>
      </c>
      <c r="C8223">
        <v>6.3067169999999999</v>
      </c>
      <c r="D8223">
        <f t="shared" si="256"/>
        <v>6.3067169999999999E-3</v>
      </c>
      <c r="E8223" s="6">
        <f t="shared" si="257"/>
        <v>0.10305101158739399</v>
      </c>
    </row>
    <row r="8224" spans="1:5" x14ac:dyDescent="0.25">
      <c r="A8224" s="5">
        <v>43898.5</v>
      </c>
      <c r="B8224" s="2">
        <v>15.215942999999999</v>
      </c>
      <c r="C8224">
        <v>7.1313870000000001</v>
      </c>
      <c r="D8224">
        <f t="shared" si="256"/>
        <v>7.1313870000000003E-3</v>
      </c>
      <c r="E8224" s="6">
        <f t="shared" si="257"/>
        <v>0.10851077810294101</v>
      </c>
    </row>
    <row r="8225" spans="1:5" x14ac:dyDescent="0.25">
      <c r="A8225" s="5">
        <v>43898.541666666664</v>
      </c>
      <c r="B8225" s="2">
        <v>14.797807000000001</v>
      </c>
      <c r="C8225">
        <v>5.8184149999999999</v>
      </c>
      <c r="D8225">
        <f t="shared" si="256"/>
        <v>5.8184149999999995E-3</v>
      </c>
      <c r="E8225" s="6">
        <f t="shared" si="257"/>
        <v>8.6099782215905002E-2</v>
      </c>
    </row>
    <row r="8226" spans="1:5" x14ac:dyDescent="0.25">
      <c r="A8226" s="5">
        <v>43898.583333333336</v>
      </c>
      <c r="B8226" s="2">
        <v>13.940414000000001</v>
      </c>
      <c r="C8226">
        <v>5.9336800000000007</v>
      </c>
      <c r="D8226">
        <f t="shared" si="256"/>
        <v>5.9336800000000011E-3</v>
      </c>
      <c r="E8226" s="6">
        <f t="shared" si="257"/>
        <v>8.2717955743520019E-2</v>
      </c>
    </row>
    <row r="8227" spans="1:5" x14ac:dyDescent="0.25">
      <c r="A8227" s="5">
        <v>43898.625</v>
      </c>
      <c r="B8227" s="2">
        <v>13.802789000000001</v>
      </c>
      <c r="C8227">
        <v>4.7806109999999995</v>
      </c>
      <c r="D8227">
        <f t="shared" si="256"/>
        <v>4.7806109999999997E-3</v>
      </c>
      <c r="E8227" s="6">
        <f t="shared" si="257"/>
        <v>6.5985764924078996E-2</v>
      </c>
    </row>
    <row r="8228" spans="1:5" x14ac:dyDescent="0.25">
      <c r="A8228" s="5">
        <v>43898.666666666664</v>
      </c>
      <c r="B8228" s="2">
        <v>13.800912</v>
      </c>
      <c r="C8228">
        <v>2.980982</v>
      </c>
      <c r="D8228">
        <f t="shared" si="256"/>
        <v>2.9809820000000001E-3</v>
      </c>
      <c r="E8228" s="6">
        <f t="shared" si="257"/>
        <v>4.1140270255584005E-2</v>
      </c>
    </row>
    <row r="8229" spans="1:5" x14ac:dyDescent="0.25">
      <c r="A8229" s="5">
        <v>43898.708333333336</v>
      </c>
      <c r="B8229" s="2">
        <v>14.613386999999999</v>
      </c>
      <c r="C8229">
        <v>1.698329</v>
      </c>
      <c r="D8229">
        <f t="shared" si="256"/>
        <v>1.6983289999999999E-3</v>
      </c>
      <c r="E8229" s="6">
        <f t="shared" si="257"/>
        <v>2.4818338930322998E-2</v>
      </c>
    </row>
    <row r="8230" spans="1:5" x14ac:dyDescent="0.25">
      <c r="A8230" s="5">
        <v>43898.75</v>
      </c>
      <c r="B8230" s="2">
        <v>16.445235</v>
      </c>
      <c r="C8230">
        <v>0.925728</v>
      </c>
      <c r="D8230">
        <f t="shared" si="256"/>
        <v>9.2572800000000001E-4</v>
      </c>
      <c r="E8230" s="6">
        <f t="shared" si="257"/>
        <v>1.5223814506080001E-2</v>
      </c>
    </row>
    <row r="8231" spans="1:5" x14ac:dyDescent="0.25">
      <c r="A8231" s="5">
        <v>43898.791666666664</v>
      </c>
      <c r="B8231" s="2">
        <v>23.306260999999999</v>
      </c>
      <c r="C8231">
        <v>0</v>
      </c>
      <c r="D8231">
        <f t="shared" si="256"/>
        <v>0</v>
      </c>
      <c r="E8231" s="6">
        <f t="shared" si="257"/>
        <v>0</v>
      </c>
    </row>
    <row r="8232" spans="1:5" x14ac:dyDescent="0.25">
      <c r="A8232" s="5">
        <v>43898.833333333336</v>
      </c>
      <c r="B8232" s="2">
        <v>19.852993000000001</v>
      </c>
      <c r="C8232">
        <v>0</v>
      </c>
      <c r="D8232">
        <f t="shared" si="256"/>
        <v>0</v>
      </c>
      <c r="E8232" s="6">
        <f t="shared" si="257"/>
        <v>0</v>
      </c>
    </row>
    <row r="8233" spans="1:5" x14ac:dyDescent="0.25">
      <c r="A8233" s="5">
        <v>43898.875</v>
      </c>
      <c r="B8233" s="2">
        <v>17.481701000000001</v>
      </c>
      <c r="C8233">
        <v>0</v>
      </c>
      <c r="D8233">
        <f t="shared" si="256"/>
        <v>0</v>
      </c>
      <c r="E8233" s="6">
        <f t="shared" si="257"/>
        <v>0</v>
      </c>
    </row>
    <row r="8234" spans="1:5" x14ac:dyDescent="0.25">
      <c r="A8234" s="5">
        <v>43898.916666666664</v>
      </c>
      <c r="B8234" s="2">
        <v>15.166121</v>
      </c>
      <c r="C8234">
        <v>0</v>
      </c>
      <c r="D8234">
        <f t="shared" si="256"/>
        <v>0</v>
      </c>
      <c r="E8234" s="6">
        <f t="shared" si="257"/>
        <v>0</v>
      </c>
    </row>
    <row r="8235" spans="1:5" x14ac:dyDescent="0.25">
      <c r="A8235" s="5">
        <v>43898.958333333336</v>
      </c>
      <c r="B8235" s="2">
        <v>14.273248000000001</v>
      </c>
      <c r="C8235">
        <v>0</v>
      </c>
      <c r="D8235">
        <f t="shared" si="256"/>
        <v>0</v>
      </c>
      <c r="E8235" s="6">
        <f t="shared" si="257"/>
        <v>0</v>
      </c>
    </row>
    <row r="8236" spans="1:5" x14ac:dyDescent="0.25">
      <c r="A8236" s="5">
        <v>43899</v>
      </c>
      <c r="B8236" s="2">
        <v>13.571694000000001</v>
      </c>
      <c r="C8236">
        <v>0</v>
      </c>
      <c r="D8236">
        <f t="shared" si="256"/>
        <v>0</v>
      </c>
      <c r="E8236" s="6">
        <f t="shared" si="257"/>
        <v>0</v>
      </c>
    </row>
    <row r="8237" spans="1:5" x14ac:dyDescent="0.25">
      <c r="A8237" s="5">
        <v>43899.041666666664</v>
      </c>
      <c r="B8237" s="2">
        <v>13.532242999999999</v>
      </c>
      <c r="C8237">
        <v>0</v>
      </c>
      <c r="D8237">
        <f t="shared" si="256"/>
        <v>0</v>
      </c>
      <c r="E8237" s="6">
        <f t="shared" si="257"/>
        <v>0</v>
      </c>
    </row>
    <row r="8238" spans="1:5" x14ac:dyDescent="0.25">
      <c r="A8238" s="5">
        <v>43899.083333333336</v>
      </c>
      <c r="B8238" s="2">
        <v>13.192615</v>
      </c>
      <c r="C8238">
        <v>0</v>
      </c>
      <c r="D8238">
        <f t="shared" si="256"/>
        <v>0</v>
      </c>
      <c r="E8238" s="6">
        <f t="shared" si="257"/>
        <v>0</v>
      </c>
    </row>
    <row r="8239" spans="1:5" x14ac:dyDescent="0.25">
      <c r="A8239" s="5">
        <v>43899.125</v>
      </c>
      <c r="B8239" s="2">
        <v>13.618166</v>
      </c>
      <c r="C8239">
        <v>0</v>
      </c>
      <c r="D8239">
        <f t="shared" si="256"/>
        <v>0</v>
      </c>
      <c r="E8239" s="6">
        <f t="shared" si="257"/>
        <v>0</v>
      </c>
    </row>
    <row r="8240" spans="1:5" x14ac:dyDescent="0.25">
      <c r="A8240" s="5">
        <v>43899.166666666664</v>
      </c>
      <c r="B8240" s="2">
        <v>15.133343</v>
      </c>
      <c r="C8240">
        <v>0</v>
      </c>
      <c r="D8240">
        <f t="shared" si="256"/>
        <v>0</v>
      </c>
      <c r="E8240" s="6">
        <f t="shared" si="257"/>
        <v>0</v>
      </c>
    </row>
    <row r="8241" spans="1:5" x14ac:dyDescent="0.25">
      <c r="A8241" s="5">
        <v>43899.208333333336</v>
      </c>
      <c r="B8241" s="2">
        <v>18.392372000000002</v>
      </c>
      <c r="C8241">
        <v>0</v>
      </c>
      <c r="D8241">
        <f t="shared" si="256"/>
        <v>0</v>
      </c>
      <c r="E8241" s="6">
        <f t="shared" si="257"/>
        <v>0</v>
      </c>
    </row>
    <row r="8242" spans="1:5" x14ac:dyDescent="0.25">
      <c r="A8242" s="5">
        <v>43899.25</v>
      </c>
      <c r="B8242" s="2">
        <v>28.296061000000002</v>
      </c>
      <c r="C8242">
        <v>0</v>
      </c>
      <c r="D8242">
        <f t="shared" si="256"/>
        <v>0</v>
      </c>
      <c r="E8242" s="6">
        <f t="shared" si="257"/>
        <v>0</v>
      </c>
    </row>
    <row r="8243" spans="1:5" x14ac:dyDescent="0.25">
      <c r="A8243" s="5">
        <v>43899.291666666664</v>
      </c>
      <c r="B8243" s="2">
        <v>32.095050999999998</v>
      </c>
      <c r="C8243">
        <v>0</v>
      </c>
      <c r="D8243">
        <f t="shared" si="256"/>
        <v>0</v>
      </c>
      <c r="E8243" s="6">
        <f t="shared" si="257"/>
        <v>0</v>
      </c>
    </row>
    <row r="8244" spans="1:5" x14ac:dyDescent="0.25">
      <c r="A8244" s="5">
        <v>43899.333333333336</v>
      </c>
      <c r="B8244" s="2">
        <v>21.838768000000002</v>
      </c>
      <c r="C8244">
        <v>4.8615999999999999E-2</v>
      </c>
      <c r="D8244">
        <f t="shared" si="256"/>
        <v>4.8615999999999997E-5</v>
      </c>
      <c r="E8244" s="6">
        <f t="shared" si="257"/>
        <v>1.0617135450880001E-3</v>
      </c>
    </row>
    <row r="8245" spans="1:5" x14ac:dyDescent="0.25">
      <c r="A8245" s="5">
        <v>43899.375</v>
      </c>
      <c r="B8245" s="2">
        <v>20.396979999999999</v>
      </c>
      <c r="C8245">
        <v>0.103864</v>
      </c>
      <c r="D8245">
        <f t="shared" si="256"/>
        <v>1.0386399999999999E-4</v>
      </c>
      <c r="E8245" s="6">
        <f t="shared" si="257"/>
        <v>2.1185119307199998E-3</v>
      </c>
    </row>
    <row r="8246" spans="1:5" x14ac:dyDescent="0.25">
      <c r="A8246" s="5">
        <v>43899.416666666664</v>
      </c>
      <c r="B8246" s="2">
        <v>19.812607</v>
      </c>
      <c r="C8246">
        <v>1.137578</v>
      </c>
      <c r="D8246">
        <f t="shared" si="256"/>
        <v>1.137578E-3</v>
      </c>
      <c r="E8246" s="6">
        <f t="shared" si="257"/>
        <v>2.2538385845845998E-2</v>
      </c>
    </row>
    <row r="8247" spans="1:5" x14ac:dyDescent="0.25">
      <c r="A8247" s="5">
        <v>43899.458333333336</v>
      </c>
      <c r="B8247" s="2">
        <v>18.622107</v>
      </c>
      <c r="C8247">
        <v>3.856039</v>
      </c>
      <c r="D8247">
        <f t="shared" si="256"/>
        <v>3.8560389999999999E-3</v>
      </c>
      <c r="E8247" s="6">
        <f t="shared" si="257"/>
        <v>7.1807570854172997E-2</v>
      </c>
    </row>
    <row r="8248" spans="1:5" x14ac:dyDescent="0.25">
      <c r="A8248" s="5">
        <v>43899.5</v>
      </c>
      <c r="B8248" s="2">
        <v>18.265854999999998</v>
      </c>
      <c r="C8248">
        <v>1.4049100000000001</v>
      </c>
      <c r="D8248">
        <f t="shared" si="256"/>
        <v>1.4049100000000001E-3</v>
      </c>
      <c r="E8248" s="6">
        <f t="shared" si="257"/>
        <v>2.5661882348049999E-2</v>
      </c>
    </row>
    <row r="8249" spans="1:5" x14ac:dyDescent="0.25">
      <c r="A8249" s="5">
        <v>43899.541666666664</v>
      </c>
      <c r="B8249" s="2">
        <v>18.131101999999998</v>
      </c>
      <c r="C8249">
        <v>0.61714000000000002</v>
      </c>
      <c r="D8249">
        <f t="shared" si="256"/>
        <v>6.1714000000000007E-4</v>
      </c>
      <c r="E8249" s="6">
        <f t="shared" si="257"/>
        <v>1.118942828828E-2</v>
      </c>
    </row>
    <row r="8250" spans="1:5" x14ac:dyDescent="0.25">
      <c r="A8250" s="5">
        <v>43899.583333333336</v>
      </c>
      <c r="B8250" s="2">
        <v>17.527956</v>
      </c>
      <c r="C8250">
        <v>2.0768949999999999</v>
      </c>
      <c r="D8250">
        <f t="shared" si="256"/>
        <v>2.076895E-3</v>
      </c>
      <c r="E8250" s="6">
        <f t="shared" si="257"/>
        <v>3.6403724176620002E-2</v>
      </c>
    </row>
    <row r="8251" spans="1:5" x14ac:dyDescent="0.25">
      <c r="A8251" s="5">
        <v>43899.625</v>
      </c>
      <c r="B8251" s="2">
        <v>17.154755000000002</v>
      </c>
      <c r="C8251">
        <v>2.6067399999999998</v>
      </c>
      <c r="D8251">
        <f t="shared" si="256"/>
        <v>2.6067399999999998E-3</v>
      </c>
      <c r="E8251" s="6">
        <f t="shared" si="257"/>
        <v>4.4717986048699997E-2</v>
      </c>
    </row>
    <row r="8252" spans="1:5" x14ac:dyDescent="0.25">
      <c r="A8252" s="5">
        <v>43899.666666666664</v>
      </c>
      <c r="B8252" s="2">
        <v>17.436439</v>
      </c>
      <c r="C8252">
        <v>1.1193060000000001</v>
      </c>
      <c r="D8252">
        <f t="shared" si="256"/>
        <v>1.119306E-3</v>
      </c>
      <c r="E8252" s="6">
        <f t="shared" si="257"/>
        <v>1.9516710791334001E-2</v>
      </c>
    </row>
    <row r="8253" spans="1:5" x14ac:dyDescent="0.25">
      <c r="A8253" s="5">
        <v>43899.708333333336</v>
      </c>
      <c r="B8253" s="2">
        <v>17.652664999999999</v>
      </c>
      <c r="C8253">
        <v>0.74297199999999997</v>
      </c>
      <c r="D8253">
        <f t="shared" si="256"/>
        <v>7.4297199999999995E-4</v>
      </c>
      <c r="E8253" s="6">
        <f t="shared" si="257"/>
        <v>1.3115435820379998E-2</v>
      </c>
    </row>
    <row r="8254" spans="1:5" x14ac:dyDescent="0.25">
      <c r="A8254" s="5">
        <v>43899.75</v>
      </c>
      <c r="B8254" s="2">
        <v>19.223832000000002</v>
      </c>
      <c r="C8254">
        <v>0.83671600000000002</v>
      </c>
      <c r="D8254">
        <f t="shared" si="256"/>
        <v>8.3671600000000004E-4</v>
      </c>
      <c r="E8254" s="6">
        <f t="shared" si="257"/>
        <v>1.6084887815712001E-2</v>
      </c>
    </row>
    <row r="8255" spans="1:5" x14ac:dyDescent="0.25">
      <c r="A8255" s="5">
        <v>43899.791666666664</v>
      </c>
      <c r="B8255" s="2">
        <v>25.111225999999998</v>
      </c>
      <c r="C8255">
        <v>0</v>
      </c>
      <c r="D8255">
        <f t="shared" si="256"/>
        <v>0</v>
      </c>
      <c r="E8255" s="6">
        <f t="shared" si="257"/>
        <v>0</v>
      </c>
    </row>
    <row r="8256" spans="1:5" x14ac:dyDescent="0.25">
      <c r="A8256" s="5">
        <v>43899.833333333336</v>
      </c>
      <c r="B8256" s="2">
        <v>20.531333</v>
      </c>
      <c r="C8256">
        <v>0</v>
      </c>
      <c r="D8256">
        <f t="shared" si="256"/>
        <v>0</v>
      </c>
      <c r="E8256" s="6">
        <f t="shared" si="257"/>
        <v>0</v>
      </c>
    </row>
    <row r="8257" spans="1:5" x14ac:dyDescent="0.25">
      <c r="A8257" s="5">
        <v>43899.875</v>
      </c>
      <c r="B8257" s="2">
        <v>18.218990999999999</v>
      </c>
      <c r="C8257">
        <v>0</v>
      </c>
      <c r="D8257">
        <f t="shared" si="256"/>
        <v>0</v>
      </c>
      <c r="E8257" s="6">
        <f t="shared" si="257"/>
        <v>0</v>
      </c>
    </row>
    <row r="8258" spans="1:5" x14ac:dyDescent="0.25">
      <c r="A8258" s="5">
        <v>43899.916666666664</v>
      </c>
      <c r="B8258" s="2">
        <v>15.666204</v>
      </c>
      <c r="C8258">
        <v>0</v>
      </c>
      <c r="D8258">
        <f t="shared" si="256"/>
        <v>0</v>
      </c>
      <c r="E8258" s="6">
        <f t="shared" si="257"/>
        <v>0</v>
      </c>
    </row>
    <row r="8259" spans="1:5" x14ac:dyDescent="0.25">
      <c r="A8259" s="5">
        <v>43899.958333333336</v>
      </c>
      <c r="B8259" s="2">
        <v>13.437618000000001</v>
      </c>
      <c r="C8259">
        <v>0</v>
      </c>
      <c r="D8259">
        <f t="shared" si="256"/>
        <v>0</v>
      </c>
      <c r="E8259" s="6">
        <f t="shared" si="257"/>
        <v>0</v>
      </c>
    </row>
    <row r="8260" spans="1:5" x14ac:dyDescent="0.25">
      <c r="A8260" s="5">
        <v>43900</v>
      </c>
      <c r="B8260" s="2">
        <v>12.491816</v>
      </c>
      <c r="C8260">
        <v>0</v>
      </c>
      <c r="D8260">
        <f t="shared" si="256"/>
        <v>0</v>
      </c>
      <c r="E8260" s="6">
        <f t="shared" si="257"/>
        <v>0</v>
      </c>
    </row>
    <row r="8261" spans="1:5" x14ac:dyDescent="0.25">
      <c r="A8261" s="5">
        <v>43900.041666666664</v>
      </c>
      <c r="B8261" s="2">
        <v>12.117613</v>
      </c>
      <c r="C8261">
        <v>0</v>
      </c>
      <c r="D8261">
        <f t="shared" si="256"/>
        <v>0</v>
      </c>
      <c r="E8261" s="6">
        <f t="shared" si="257"/>
        <v>0</v>
      </c>
    </row>
    <row r="8262" spans="1:5" x14ac:dyDescent="0.25">
      <c r="A8262" s="5">
        <v>43900.083333333336</v>
      </c>
      <c r="B8262" s="2">
        <v>11.654817</v>
      </c>
      <c r="C8262">
        <v>0</v>
      </c>
      <c r="D8262">
        <f t="shared" ref="D8262:D8325" si="258">C8262/1000</f>
        <v>0</v>
      </c>
      <c r="E8262" s="6">
        <f t="shared" ref="E8262:E8325" si="259">D8262*B8262</f>
        <v>0</v>
      </c>
    </row>
    <row r="8263" spans="1:5" x14ac:dyDescent="0.25">
      <c r="A8263" s="5">
        <v>43900.125</v>
      </c>
      <c r="B8263" s="2">
        <v>11.894019999999999</v>
      </c>
      <c r="C8263">
        <v>0</v>
      </c>
      <c r="D8263">
        <f t="shared" si="258"/>
        <v>0</v>
      </c>
      <c r="E8263" s="6">
        <f t="shared" si="259"/>
        <v>0</v>
      </c>
    </row>
    <row r="8264" spans="1:5" x14ac:dyDescent="0.25">
      <c r="A8264" s="5">
        <v>43900.166666666664</v>
      </c>
      <c r="B8264" s="2">
        <v>12.818702999999999</v>
      </c>
      <c r="C8264">
        <v>0</v>
      </c>
      <c r="D8264">
        <f t="shared" si="258"/>
        <v>0</v>
      </c>
      <c r="E8264" s="6">
        <f t="shared" si="259"/>
        <v>0</v>
      </c>
    </row>
    <row r="8265" spans="1:5" x14ac:dyDescent="0.25">
      <c r="A8265" s="5">
        <v>43900.208333333336</v>
      </c>
      <c r="B8265" s="2">
        <v>16.344073999999999</v>
      </c>
      <c r="C8265">
        <v>0</v>
      </c>
      <c r="D8265">
        <f t="shared" si="258"/>
        <v>0</v>
      </c>
      <c r="E8265" s="6">
        <f t="shared" si="259"/>
        <v>0</v>
      </c>
    </row>
    <row r="8266" spans="1:5" x14ac:dyDescent="0.25">
      <c r="A8266" s="5">
        <v>43900.25</v>
      </c>
      <c r="B8266" s="2">
        <v>21.457602999999999</v>
      </c>
      <c r="C8266">
        <v>0</v>
      </c>
      <c r="D8266">
        <f t="shared" si="258"/>
        <v>0</v>
      </c>
      <c r="E8266" s="6">
        <f t="shared" si="259"/>
        <v>0</v>
      </c>
    </row>
    <row r="8267" spans="1:5" x14ac:dyDescent="0.25">
      <c r="A8267" s="5">
        <v>43900.291666666664</v>
      </c>
      <c r="B8267" s="2">
        <v>23.220713</v>
      </c>
      <c r="C8267">
        <v>0</v>
      </c>
      <c r="D8267">
        <f t="shared" si="258"/>
        <v>0</v>
      </c>
      <c r="E8267" s="6">
        <f t="shared" si="259"/>
        <v>0</v>
      </c>
    </row>
    <row r="8268" spans="1:5" x14ac:dyDescent="0.25">
      <c r="A8268" s="5">
        <v>43900.333333333336</v>
      </c>
      <c r="B8268" s="2">
        <v>21.517191</v>
      </c>
      <c r="C8268">
        <v>5.7940999999999999E-2</v>
      </c>
      <c r="D8268">
        <f t="shared" si="258"/>
        <v>5.7941E-5</v>
      </c>
      <c r="E8268" s="6">
        <f t="shared" si="259"/>
        <v>1.246727563731E-3</v>
      </c>
    </row>
    <row r="8269" spans="1:5" x14ac:dyDescent="0.25">
      <c r="A8269" s="5">
        <v>43900.375</v>
      </c>
      <c r="B8269" s="2">
        <v>21.104611999999999</v>
      </c>
      <c r="C8269">
        <v>8.5313E-2</v>
      </c>
      <c r="D8269">
        <f t="shared" si="258"/>
        <v>8.5313000000000001E-5</v>
      </c>
      <c r="E8269" s="6">
        <f t="shared" si="259"/>
        <v>1.800497763556E-3</v>
      </c>
    </row>
    <row r="8270" spans="1:5" x14ac:dyDescent="0.25">
      <c r="A8270" s="5">
        <v>43900.416666666664</v>
      </c>
      <c r="B8270" s="2">
        <v>20.952179000000001</v>
      </c>
      <c r="C8270">
        <v>0.73879100000000009</v>
      </c>
      <c r="D8270">
        <f t="shared" si="258"/>
        <v>7.3879100000000004E-4</v>
      </c>
      <c r="E8270" s="6">
        <f t="shared" si="259"/>
        <v>1.5479281275589002E-2</v>
      </c>
    </row>
    <row r="8271" spans="1:5" x14ac:dyDescent="0.25">
      <c r="A8271" s="5">
        <v>43900.458333333336</v>
      </c>
      <c r="B8271" s="2">
        <v>21.020167000000001</v>
      </c>
      <c r="C8271">
        <v>1.1345429999999999</v>
      </c>
      <c r="D8271">
        <f t="shared" si="258"/>
        <v>1.1345429999999998E-3</v>
      </c>
      <c r="E8271" s="6">
        <f t="shared" si="259"/>
        <v>2.3848283328680997E-2</v>
      </c>
    </row>
    <row r="8272" spans="1:5" x14ac:dyDescent="0.25">
      <c r="A8272" s="5">
        <v>43900.5</v>
      </c>
      <c r="B8272" s="2">
        <v>20.486829</v>
      </c>
      <c r="C8272">
        <v>1.9341489999999999</v>
      </c>
      <c r="D8272">
        <f t="shared" si="258"/>
        <v>1.9341489999999998E-3</v>
      </c>
      <c r="E8272" s="6">
        <f t="shared" si="259"/>
        <v>3.9624579823520995E-2</v>
      </c>
    </row>
    <row r="8273" spans="1:5" x14ac:dyDescent="0.25">
      <c r="A8273" s="5">
        <v>43900.541666666664</v>
      </c>
      <c r="B8273" s="2">
        <v>20.67662</v>
      </c>
      <c r="C8273">
        <v>0.90247599999999994</v>
      </c>
      <c r="D8273">
        <f t="shared" si="258"/>
        <v>9.0247599999999993E-4</v>
      </c>
      <c r="E8273" s="6">
        <f t="shared" si="259"/>
        <v>1.866015331112E-2</v>
      </c>
    </row>
    <row r="8274" spans="1:5" x14ac:dyDescent="0.25">
      <c r="A8274" s="5">
        <v>43900.583333333336</v>
      </c>
      <c r="B8274" s="2">
        <v>19.439585999999998</v>
      </c>
      <c r="C8274">
        <v>0.91259000000000001</v>
      </c>
      <c r="D8274">
        <f t="shared" si="258"/>
        <v>9.1259000000000002E-4</v>
      </c>
      <c r="E8274" s="6">
        <f t="shared" si="259"/>
        <v>1.774037178774E-2</v>
      </c>
    </row>
    <row r="8275" spans="1:5" x14ac:dyDescent="0.25">
      <c r="A8275" s="5">
        <v>43900.625</v>
      </c>
      <c r="B8275" s="2">
        <v>19.552413999999999</v>
      </c>
      <c r="C8275">
        <v>0.74591300000000005</v>
      </c>
      <c r="D8275">
        <f t="shared" si="258"/>
        <v>7.4591300000000007E-4</v>
      </c>
      <c r="E8275" s="6">
        <f t="shared" si="259"/>
        <v>1.4584399783982E-2</v>
      </c>
    </row>
    <row r="8276" spans="1:5" x14ac:dyDescent="0.25">
      <c r="A8276" s="5">
        <v>43900.666666666664</v>
      </c>
      <c r="B8276" s="2">
        <v>19.860084000000001</v>
      </c>
      <c r="C8276">
        <v>0.90101999999999993</v>
      </c>
      <c r="D8276">
        <f t="shared" si="258"/>
        <v>9.0101999999999988E-4</v>
      </c>
      <c r="E8276" s="6">
        <f t="shared" si="259"/>
        <v>1.7894332885679997E-2</v>
      </c>
    </row>
    <row r="8277" spans="1:5" x14ac:dyDescent="0.25">
      <c r="A8277" s="5">
        <v>43900.708333333336</v>
      </c>
      <c r="B8277" s="2">
        <v>20.753523999999999</v>
      </c>
      <c r="C8277">
        <v>0.409968</v>
      </c>
      <c r="D8277">
        <f t="shared" si="258"/>
        <v>4.0996799999999998E-4</v>
      </c>
      <c r="E8277" s="6">
        <f t="shared" si="259"/>
        <v>8.5082807272319986E-3</v>
      </c>
    </row>
    <row r="8278" spans="1:5" x14ac:dyDescent="0.25">
      <c r="A8278" s="5">
        <v>43900.75</v>
      </c>
      <c r="B8278" s="2">
        <v>22.146846</v>
      </c>
      <c r="C8278">
        <v>1.592384</v>
      </c>
      <c r="D8278">
        <f t="shared" si="258"/>
        <v>1.5923840000000001E-3</v>
      </c>
      <c r="E8278" s="6">
        <f t="shared" si="259"/>
        <v>3.5266283220864003E-2</v>
      </c>
    </row>
    <row r="8279" spans="1:5" x14ac:dyDescent="0.25">
      <c r="A8279" s="5">
        <v>43900.791666666664</v>
      </c>
      <c r="B8279" s="2">
        <v>30.858025999999999</v>
      </c>
      <c r="C8279">
        <v>0</v>
      </c>
      <c r="D8279">
        <f t="shared" si="258"/>
        <v>0</v>
      </c>
      <c r="E8279" s="6">
        <f t="shared" si="259"/>
        <v>0</v>
      </c>
    </row>
    <row r="8280" spans="1:5" x14ac:dyDescent="0.25">
      <c r="A8280" s="5">
        <v>43900.833333333336</v>
      </c>
      <c r="B8280" s="2">
        <v>24.113240000000001</v>
      </c>
      <c r="C8280">
        <v>0</v>
      </c>
      <c r="D8280">
        <f t="shared" si="258"/>
        <v>0</v>
      </c>
      <c r="E8280" s="6">
        <f t="shared" si="259"/>
        <v>0</v>
      </c>
    </row>
    <row r="8281" spans="1:5" x14ac:dyDescent="0.25">
      <c r="A8281" s="5">
        <v>43900.875</v>
      </c>
      <c r="B8281" s="2">
        <v>23.027082</v>
      </c>
      <c r="C8281">
        <v>0</v>
      </c>
      <c r="D8281">
        <f t="shared" si="258"/>
        <v>0</v>
      </c>
      <c r="E8281" s="6">
        <f t="shared" si="259"/>
        <v>0</v>
      </c>
    </row>
    <row r="8282" spans="1:5" x14ac:dyDescent="0.25">
      <c r="A8282" s="5">
        <v>43900.916666666664</v>
      </c>
      <c r="B8282" s="2">
        <v>18.960414</v>
      </c>
      <c r="C8282">
        <v>0</v>
      </c>
      <c r="D8282">
        <f t="shared" si="258"/>
        <v>0</v>
      </c>
      <c r="E8282" s="6">
        <f t="shared" si="259"/>
        <v>0</v>
      </c>
    </row>
    <row r="8283" spans="1:5" x14ac:dyDescent="0.25">
      <c r="A8283" s="5">
        <v>43900.958333333336</v>
      </c>
      <c r="B8283" s="2">
        <v>17.008061000000001</v>
      </c>
      <c r="C8283">
        <v>0</v>
      </c>
      <c r="D8283">
        <f t="shared" si="258"/>
        <v>0</v>
      </c>
      <c r="E8283" s="6">
        <f t="shared" si="259"/>
        <v>0</v>
      </c>
    </row>
    <row r="8284" spans="1:5" x14ac:dyDescent="0.25">
      <c r="A8284" s="5">
        <v>43901</v>
      </c>
      <c r="B8284" s="2">
        <v>15.818960000000001</v>
      </c>
      <c r="C8284">
        <v>0</v>
      </c>
      <c r="D8284">
        <f t="shared" si="258"/>
        <v>0</v>
      </c>
      <c r="E8284" s="6">
        <f t="shared" si="259"/>
        <v>0</v>
      </c>
    </row>
    <row r="8285" spans="1:5" x14ac:dyDescent="0.25">
      <c r="A8285" s="5">
        <v>43901.041666666664</v>
      </c>
      <c r="B8285" s="2">
        <v>15.195788</v>
      </c>
      <c r="C8285">
        <v>0</v>
      </c>
      <c r="D8285">
        <f t="shared" si="258"/>
        <v>0</v>
      </c>
      <c r="E8285" s="6">
        <f t="shared" si="259"/>
        <v>0</v>
      </c>
    </row>
    <row r="8286" spans="1:5" x14ac:dyDescent="0.25">
      <c r="A8286" s="5">
        <v>43901.083333333336</v>
      </c>
      <c r="B8286" s="2">
        <v>15.024512</v>
      </c>
      <c r="C8286">
        <v>0</v>
      </c>
      <c r="D8286">
        <f t="shared" si="258"/>
        <v>0</v>
      </c>
      <c r="E8286" s="6">
        <f t="shared" si="259"/>
        <v>0</v>
      </c>
    </row>
    <row r="8287" spans="1:5" x14ac:dyDescent="0.25">
      <c r="A8287" s="5">
        <v>43901.125</v>
      </c>
      <c r="B8287" s="2">
        <v>14.901377</v>
      </c>
      <c r="C8287">
        <v>0</v>
      </c>
      <c r="D8287">
        <f t="shared" si="258"/>
        <v>0</v>
      </c>
      <c r="E8287" s="6">
        <f t="shared" si="259"/>
        <v>0</v>
      </c>
    </row>
    <row r="8288" spans="1:5" x14ac:dyDescent="0.25">
      <c r="A8288" s="5">
        <v>43901.166666666664</v>
      </c>
      <c r="B8288" s="2">
        <v>16.478525000000001</v>
      </c>
      <c r="C8288">
        <v>0</v>
      </c>
      <c r="D8288">
        <f t="shared" si="258"/>
        <v>0</v>
      </c>
      <c r="E8288" s="6">
        <f t="shared" si="259"/>
        <v>0</v>
      </c>
    </row>
    <row r="8289" spans="1:5" x14ac:dyDescent="0.25">
      <c r="A8289" s="5">
        <v>43901.208333333336</v>
      </c>
      <c r="B8289" s="2">
        <v>18.021951000000001</v>
      </c>
      <c r="C8289">
        <v>0</v>
      </c>
      <c r="D8289">
        <f t="shared" si="258"/>
        <v>0</v>
      </c>
      <c r="E8289" s="6">
        <f t="shared" si="259"/>
        <v>0</v>
      </c>
    </row>
    <row r="8290" spans="1:5" x14ac:dyDescent="0.25">
      <c r="A8290" s="5">
        <v>43901.25</v>
      </c>
      <c r="B8290" s="2">
        <v>27.664770000000001</v>
      </c>
      <c r="C8290">
        <v>0</v>
      </c>
      <c r="D8290">
        <f t="shared" si="258"/>
        <v>0</v>
      </c>
      <c r="E8290" s="6">
        <f t="shared" si="259"/>
        <v>0</v>
      </c>
    </row>
    <row r="8291" spans="1:5" x14ac:dyDescent="0.25">
      <c r="A8291" s="5">
        <v>43901.291666666664</v>
      </c>
      <c r="B8291" s="2">
        <v>31.138124000000001</v>
      </c>
      <c r="C8291">
        <v>0</v>
      </c>
      <c r="D8291">
        <f t="shared" si="258"/>
        <v>0</v>
      </c>
      <c r="E8291" s="6">
        <f t="shared" si="259"/>
        <v>0</v>
      </c>
    </row>
    <row r="8292" spans="1:5" x14ac:dyDescent="0.25">
      <c r="A8292" s="5">
        <v>43901.333333333336</v>
      </c>
      <c r="B8292" s="2">
        <v>24.462619</v>
      </c>
      <c r="C8292">
        <v>0.24829799999999999</v>
      </c>
      <c r="D8292">
        <f t="shared" si="258"/>
        <v>2.4829799999999999E-4</v>
      </c>
      <c r="E8292" s="6">
        <f t="shared" si="259"/>
        <v>6.0740193724619996E-3</v>
      </c>
    </row>
    <row r="8293" spans="1:5" x14ac:dyDescent="0.25">
      <c r="A8293" s="5">
        <v>43901.375</v>
      </c>
      <c r="B8293" s="2">
        <v>23.756153000000001</v>
      </c>
      <c r="C8293">
        <v>0.97759699999999994</v>
      </c>
      <c r="D8293">
        <f t="shared" si="258"/>
        <v>9.7759699999999997E-4</v>
      </c>
      <c r="E8293" s="6">
        <f t="shared" si="259"/>
        <v>2.3223943904341002E-2</v>
      </c>
    </row>
    <row r="8294" spans="1:5" x14ac:dyDescent="0.25">
      <c r="A8294" s="5">
        <v>43901.416666666664</v>
      </c>
      <c r="B8294" s="2">
        <v>24.032941000000001</v>
      </c>
      <c r="C8294">
        <v>3.0272429999999999</v>
      </c>
      <c r="D8294">
        <f t="shared" si="258"/>
        <v>3.0272429999999998E-3</v>
      </c>
      <c r="E8294" s="6">
        <f t="shared" si="259"/>
        <v>7.2753552411662994E-2</v>
      </c>
    </row>
    <row r="8295" spans="1:5" x14ac:dyDescent="0.25">
      <c r="A8295" s="5">
        <v>43901.458333333336</v>
      </c>
      <c r="B8295" s="2">
        <v>23.930132</v>
      </c>
      <c r="C8295">
        <v>5.2979139999999996</v>
      </c>
      <c r="D8295">
        <f t="shared" si="258"/>
        <v>5.2979139999999999E-3</v>
      </c>
      <c r="E8295" s="6">
        <f t="shared" si="259"/>
        <v>0.12677978134464801</v>
      </c>
    </row>
    <row r="8296" spans="1:5" x14ac:dyDescent="0.25">
      <c r="A8296" s="5">
        <v>43901.5</v>
      </c>
      <c r="B8296" s="2">
        <v>22.650307999999999</v>
      </c>
      <c r="C8296">
        <v>6.249892</v>
      </c>
      <c r="D8296">
        <f t="shared" si="258"/>
        <v>6.2498919999999999E-3</v>
      </c>
      <c r="E8296" s="6">
        <f t="shared" si="259"/>
        <v>0.14156197876673599</v>
      </c>
    </row>
    <row r="8297" spans="1:5" x14ac:dyDescent="0.25">
      <c r="A8297" s="5">
        <v>43901.541666666664</v>
      </c>
      <c r="B8297" s="2">
        <v>21.440494999999999</v>
      </c>
      <c r="C8297">
        <v>6.618023</v>
      </c>
      <c r="D8297">
        <f t="shared" si="258"/>
        <v>6.6180229999999998E-3</v>
      </c>
      <c r="E8297" s="6">
        <f t="shared" si="259"/>
        <v>0.141893689041385</v>
      </c>
    </row>
    <row r="8298" spans="1:5" x14ac:dyDescent="0.25">
      <c r="A8298" s="5">
        <v>43901.583333333336</v>
      </c>
      <c r="B8298" s="2">
        <v>20.850263999999999</v>
      </c>
      <c r="C8298">
        <v>7.4614219999999998</v>
      </c>
      <c r="D8298">
        <f t="shared" si="258"/>
        <v>7.4614219999999997E-3</v>
      </c>
      <c r="E8298" s="6">
        <f t="shared" si="259"/>
        <v>0.15557261851540799</v>
      </c>
    </row>
    <row r="8299" spans="1:5" x14ac:dyDescent="0.25">
      <c r="A8299" s="5">
        <v>43901.625</v>
      </c>
      <c r="B8299" s="2">
        <v>19.858342</v>
      </c>
      <c r="C8299">
        <v>6.7714790000000002</v>
      </c>
      <c r="D8299">
        <f t="shared" si="258"/>
        <v>6.7714790000000004E-3</v>
      </c>
      <c r="E8299" s="6">
        <f t="shared" si="259"/>
        <v>0.134470345827818</v>
      </c>
    </row>
    <row r="8300" spans="1:5" x14ac:dyDescent="0.25">
      <c r="A8300" s="5">
        <v>43901.666666666664</v>
      </c>
      <c r="B8300" s="2">
        <v>19.966166000000001</v>
      </c>
      <c r="C8300">
        <v>4.4460459999999999</v>
      </c>
      <c r="D8300">
        <f t="shared" si="258"/>
        <v>4.4460460000000004E-3</v>
      </c>
      <c r="E8300" s="6">
        <f t="shared" si="259"/>
        <v>8.8770492479636018E-2</v>
      </c>
    </row>
    <row r="8301" spans="1:5" x14ac:dyDescent="0.25">
      <c r="A8301" s="5">
        <v>43901.708333333336</v>
      </c>
      <c r="B8301" s="2">
        <v>20.644608999999999</v>
      </c>
      <c r="C8301">
        <v>3.7099579999999999</v>
      </c>
      <c r="D8301">
        <f t="shared" si="258"/>
        <v>3.7099579999999997E-3</v>
      </c>
      <c r="E8301" s="6">
        <f t="shared" si="259"/>
        <v>7.6590632316421992E-2</v>
      </c>
    </row>
    <row r="8302" spans="1:5" x14ac:dyDescent="0.25">
      <c r="A8302" s="5">
        <v>43901.75</v>
      </c>
      <c r="B8302" s="2">
        <v>21.953593999999999</v>
      </c>
      <c r="C8302">
        <v>1.3441149999999999</v>
      </c>
      <c r="D8302">
        <f t="shared" si="258"/>
        <v>1.3441149999999999E-3</v>
      </c>
      <c r="E8302" s="6">
        <f t="shared" si="259"/>
        <v>2.9508154999309998E-2</v>
      </c>
    </row>
    <row r="8303" spans="1:5" x14ac:dyDescent="0.25">
      <c r="A8303" s="5">
        <v>43901.791666666664</v>
      </c>
      <c r="B8303" s="2">
        <v>25.403925999999998</v>
      </c>
      <c r="C8303">
        <v>0</v>
      </c>
      <c r="D8303">
        <f t="shared" si="258"/>
        <v>0</v>
      </c>
      <c r="E8303" s="6">
        <f t="shared" si="259"/>
        <v>0</v>
      </c>
    </row>
    <row r="8304" spans="1:5" x14ac:dyDescent="0.25">
      <c r="A8304" s="5">
        <v>43901.833333333336</v>
      </c>
      <c r="B8304" s="2">
        <v>23.595866999999998</v>
      </c>
      <c r="C8304">
        <v>0</v>
      </c>
      <c r="D8304">
        <f t="shared" si="258"/>
        <v>0</v>
      </c>
      <c r="E8304" s="6">
        <f t="shared" si="259"/>
        <v>0</v>
      </c>
    </row>
    <row r="8305" spans="1:5" x14ac:dyDescent="0.25">
      <c r="A8305" s="5">
        <v>43901.875</v>
      </c>
      <c r="B8305" s="2">
        <v>19.972169999999998</v>
      </c>
      <c r="C8305">
        <v>0</v>
      </c>
      <c r="D8305">
        <f t="shared" si="258"/>
        <v>0</v>
      </c>
      <c r="E8305" s="6">
        <f t="shared" si="259"/>
        <v>0</v>
      </c>
    </row>
    <row r="8306" spans="1:5" x14ac:dyDescent="0.25">
      <c r="A8306" s="5">
        <v>43901.916666666664</v>
      </c>
      <c r="B8306" s="2">
        <v>18.490694000000001</v>
      </c>
      <c r="C8306">
        <v>0</v>
      </c>
      <c r="D8306">
        <f t="shared" si="258"/>
        <v>0</v>
      </c>
      <c r="E8306" s="6">
        <f t="shared" si="259"/>
        <v>0</v>
      </c>
    </row>
    <row r="8307" spans="1:5" x14ac:dyDescent="0.25">
      <c r="A8307" s="5">
        <v>43901.958333333336</v>
      </c>
      <c r="B8307" s="2">
        <v>17.239144</v>
      </c>
      <c r="C8307">
        <v>0</v>
      </c>
      <c r="D8307">
        <f t="shared" si="258"/>
        <v>0</v>
      </c>
      <c r="E8307" s="6">
        <f t="shared" si="259"/>
        <v>0</v>
      </c>
    </row>
    <row r="8308" spans="1:5" x14ac:dyDescent="0.25">
      <c r="A8308" s="5">
        <v>43902</v>
      </c>
      <c r="B8308" s="2">
        <v>17.415782</v>
      </c>
      <c r="C8308">
        <v>0</v>
      </c>
      <c r="D8308">
        <f t="shared" si="258"/>
        <v>0</v>
      </c>
      <c r="E8308" s="6">
        <f t="shared" si="259"/>
        <v>0</v>
      </c>
    </row>
    <row r="8309" spans="1:5" x14ac:dyDescent="0.25">
      <c r="A8309" s="5">
        <v>43902.041666666664</v>
      </c>
      <c r="B8309" s="2">
        <v>16.777203</v>
      </c>
      <c r="C8309">
        <v>0</v>
      </c>
      <c r="D8309">
        <f t="shared" si="258"/>
        <v>0</v>
      </c>
      <c r="E8309" s="6">
        <f t="shared" si="259"/>
        <v>0</v>
      </c>
    </row>
    <row r="8310" spans="1:5" x14ac:dyDescent="0.25">
      <c r="A8310" s="5">
        <v>43902.083333333336</v>
      </c>
      <c r="B8310" s="2">
        <v>16.292197000000002</v>
      </c>
      <c r="C8310">
        <v>0</v>
      </c>
      <c r="D8310">
        <f t="shared" si="258"/>
        <v>0</v>
      </c>
      <c r="E8310" s="6">
        <f t="shared" si="259"/>
        <v>0</v>
      </c>
    </row>
    <row r="8311" spans="1:5" x14ac:dyDescent="0.25">
      <c r="A8311" s="5">
        <v>43902.125</v>
      </c>
      <c r="B8311" s="2">
        <v>16.874175999999999</v>
      </c>
      <c r="C8311">
        <v>0</v>
      </c>
      <c r="D8311">
        <f t="shared" si="258"/>
        <v>0</v>
      </c>
      <c r="E8311" s="6">
        <f t="shared" si="259"/>
        <v>0</v>
      </c>
    </row>
    <row r="8312" spans="1:5" x14ac:dyDescent="0.25">
      <c r="A8312" s="5">
        <v>43902.166666666664</v>
      </c>
      <c r="B8312" s="2">
        <v>17.305731000000002</v>
      </c>
      <c r="C8312">
        <v>0</v>
      </c>
      <c r="D8312">
        <f t="shared" si="258"/>
        <v>0</v>
      </c>
      <c r="E8312" s="6">
        <f t="shared" si="259"/>
        <v>0</v>
      </c>
    </row>
    <row r="8313" spans="1:5" x14ac:dyDescent="0.25">
      <c r="A8313" s="5">
        <v>43902.208333333336</v>
      </c>
      <c r="B8313" s="2">
        <v>19.540588</v>
      </c>
      <c r="C8313">
        <v>0</v>
      </c>
      <c r="D8313">
        <f t="shared" si="258"/>
        <v>0</v>
      </c>
      <c r="E8313" s="6">
        <f t="shared" si="259"/>
        <v>0</v>
      </c>
    </row>
    <row r="8314" spans="1:5" x14ac:dyDescent="0.25">
      <c r="A8314" s="5">
        <v>43902.25</v>
      </c>
      <c r="B8314" s="2">
        <v>30.787061000000001</v>
      </c>
      <c r="C8314">
        <v>0</v>
      </c>
      <c r="D8314">
        <f t="shared" si="258"/>
        <v>0</v>
      </c>
      <c r="E8314" s="6">
        <f t="shared" si="259"/>
        <v>0</v>
      </c>
    </row>
    <row r="8315" spans="1:5" x14ac:dyDescent="0.25">
      <c r="A8315" s="5">
        <v>43902.291666666664</v>
      </c>
      <c r="B8315" s="2">
        <v>34.078485999999998</v>
      </c>
      <c r="C8315">
        <v>0</v>
      </c>
      <c r="D8315">
        <f t="shared" si="258"/>
        <v>0</v>
      </c>
      <c r="E8315" s="6">
        <f t="shared" si="259"/>
        <v>0</v>
      </c>
    </row>
    <row r="8316" spans="1:5" x14ac:dyDescent="0.25">
      <c r="A8316" s="5">
        <v>43902.333333333336</v>
      </c>
      <c r="B8316" s="2">
        <v>23.491085999999999</v>
      </c>
      <c r="C8316">
        <v>0</v>
      </c>
      <c r="D8316">
        <f t="shared" si="258"/>
        <v>0</v>
      </c>
      <c r="E8316" s="6">
        <f t="shared" si="259"/>
        <v>0</v>
      </c>
    </row>
    <row r="8317" spans="1:5" x14ac:dyDescent="0.25">
      <c r="A8317" s="5">
        <v>43902.375</v>
      </c>
      <c r="B8317" s="2">
        <v>23.192015999999999</v>
      </c>
      <c r="C8317">
        <v>0.12326300000000001</v>
      </c>
      <c r="D8317">
        <f t="shared" si="258"/>
        <v>1.23263E-4</v>
      </c>
      <c r="E8317" s="6">
        <f t="shared" si="259"/>
        <v>2.8587174682079999E-3</v>
      </c>
    </row>
    <row r="8318" spans="1:5" x14ac:dyDescent="0.25">
      <c r="A8318" s="5">
        <v>43902.416666666664</v>
      </c>
      <c r="B8318" s="2">
        <v>23.022345999999999</v>
      </c>
      <c r="C8318">
        <v>0.55459100000000006</v>
      </c>
      <c r="D8318">
        <f t="shared" si="258"/>
        <v>5.54591E-4</v>
      </c>
      <c r="E8318" s="6">
        <f t="shared" si="259"/>
        <v>1.2767985890486E-2</v>
      </c>
    </row>
    <row r="8319" spans="1:5" x14ac:dyDescent="0.25">
      <c r="A8319" s="5">
        <v>43902.458333333336</v>
      </c>
      <c r="B8319" s="2">
        <v>22.860306999999999</v>
      </c>
      <c r="C8319">
        <v>1.5926769999999999</v>
      </c>
      <c r="D8319">
        <f t="shared" si="258"/>
        <v>1.5926769999999998E-3</v>
      </c>
      <c r="E8319" s="6">
        <f t="shared" si="259"/>
        <v>3.6409085171838995E-2</v>
      </c>
    </row>
    <row r="8320" spans="1:5" x14ac:dyDescent="0.25">
      <c r="A8320" s="5">
        <v>43902.5</v>
      </c>
      <c r="B8320" s="2">
        <v>19.57658</v>
      </c>
      <c r="C8320">
        <v>3.5073620000000001</v>
      </c>
      <c r="D8320">
        <f t="shared" si="258"/>
        <v>3.507362E-3</v>
      </c>
      <c r="E8320" s="6">
        <f t="shared" si="259"/>
        <v>6.8662152781960001E-2</v>
      </c>
    </row>
    <row r="8321" spans="1:5" x14ac:dyDescent="0.25">
      <c r="A8321" s="5">
        <v>43902.541666666664</v>
      </c>
      <c r="B8321" s="2">
        <v>19.382078</v>
      </c>
      <c r="C8321">
        <v>1.6748320000000001</v>
      </c>
      <c r="D8321">
        <f t="shared" si="258"/>
        <v>1.674832E-3</v>
      </c>
      <c r="E8321" s="6">
        <f t="shared" si="259"/>
        <v>3.2461724460895999E-2</v>
      </c>
    </row>
    <row r="8322" spans="1:5" x14ac:dyDescent="0.25">
      <c r="A8322" s="5">
        <v>43902.583333333336</v>
      </c>
      <c r="B8322" s="2">
        <v>18.797968000000001</v>
      </c>
      <c r="C8322">
        <v>2.0090159999999999</v>
      </c>
      <c r="D8322">
        <f t="shared" si="258"/>
        <v>2.0090159999999998E-3</v>
      </c>
      <c r="E8322" s="6">
        <f t="shared" si="259"/>
        <v>3.7765418479488E-2</v>
      </c>
    </row>
    <row r="8323" spans="1:5" x14ac:dyDescent="0.25">
      <c r="A8323" s="5">
        <v>43902.625</v>
      </c>
      <c r="B8323" s="2">
        <v>18.585246999999999</v>
      </c>
      <c r="C8323">
        <v>1.4328340000000002</v>
      </c>
      <c r="D8323">
        <f t="shared" si="258"/>
        <v>1.4328340000000002E-3</v>
      </c>
      <c r="E8323" s="6">
        <f t="shared" si="259"/>
        <v>2.6629573799998002E-2</v>
      </c>
    </row>
    <row r="8324" spans="1:5" x14ac:dyDescent="0.25">
      <c r="A8324" s="5">
        <v>43902.666666666664</v>
      </c>
      <c r="B8324" s="2">
        <v>19.034884999999999</v>
      </c>
      <c r="C8324">
        <v>0.89555999999999991</v>
      </c>
      <c r="D8324">
        <f t="shared" si="258"/>
        <v>8.9555999999999989E-4</v>
      </c>
      <c r="E8324" s="6">
        <f t="shared" si="259"/>
        <v>1.7046881610599997E-2</v>
      </c>
    </row>
    <row r="8325" spans="1:5" x14ac:dyDescent="0.25">
      <c r="A8325" s="5">
        <v>43902.708333333336</v>
      </c>
      <c r="B8325" s="2">
        <v>19.344287999999999</v>
      </c>
      <c r="C8325">
        <v>0.60119299999999998</v>
      </c>
      <c r="D8325">
        <f t="shared" si="258"/>
        <v>6.0119299999999997E-4</v>
      </c>
      <c r="E8325" s="6">
        <f t="shared" si="259"/>
        <v>1.1629650535583999E-2</v>
      </c>
    </row>
    <row r="8326" spans="1:5" x14ac:dyDescent="0.25">
      <c r="A8326" s="5">
        <v>43902.75</v>
      </c>
      <c r="B8326" s="2">
        <v>20.873683</v>
      </c>
      <c r="C8326">
        <v>0.98989899999999997</v>
      </c>
      <c r="D8326">
        <f t="shared" ref="D8326:D8389" si="260">C8326/1000</f>
        <v>9.8989900000000003E-4</v>
      </c>
      <c r="E8326" s="6">
        <f t="shared" ref="E8326:E8389" si="261">D8326*B8326</f>
        <v>2.0662837928017E-2</v>
      </c>
    </row>
    <row r="8327" spans="1:5" x14ac:dyDescent="0.25">
      <c r="A8327" s="5">
        <v>43902.791666666664</v>
      </c>
      <c r="B8327" s="2">
        <v>27.527024000000001</v>
      </c>
      <c r="C8327">
        <v>0</v>
      </c>
      <c r="D8327">
        <f t="shared" si="260"/>
        <v>0</v>
      </c>
      <c r="E8327" s="6">
        <f t="shared" si="261"/>
        <v>0</v>
      </c>
    </row>
    <row r="8328" spans="1:5" x14ac:dyDescent="0.25">
      <c r="A8328" s="5">
        <v>43902.833333333336</v>
      </c>
      <c r="B8328" s="2">
        <v>23.392602</v>
      </c>
      <c r="C8328">
        <v>0</v>
      </c>
      <c r="D8328">
        <f t="shared" si="260"/>
        <v>0</v>
      </c>
      <c r="E8328" s="6">
        <f t="shared" si="261"/>
        <v>0</v>
      </c>
    </row>
    <row r="8329" spans="1:5" x14ac:dyDescent="0.25">
      <c r="A8329" s="5">
        <v>43902.875</v>
      </c>
      <c r="B8329" s="2">
        <v>19.168973999999999</v>
      </c>
      <c r="C8329">
        <v>0</v>
      </c>
      <c r="D8329">
        <f t="shared" si="260"/>
        <v>0</v>
      </c>
      <c r="E8329" s="6">
        <f t="shared" si="261"/>
        <v>0</v>
      </c>
    </row>
    <row r="8330" spans="1:5" x14ac:dyDescent="0.25">
      <c r="A8330" s="5">
        <v>43902.916666666664</v>
      </c>
      <c r="B8330" s="2">
        <v>17.510718000000001</v>
      </c>
      <c r="C8330">
        <v>0</v>
      </c>
      <c r="D8330">
        <f t="shared" si="260"/>
        <v>0</v>
      </c>
      <c r="E8330" s="6">
        <f t="shared" si="261"/>
        <v>0</v>
      </c>
    </row>
    <row r="8331" spans="1:5" x14ac:dyDescent="0.25">
      <c r="A8331" s="5">
        <v>43902.958333333336</v>
      </c>
      <c r="B8331" s="2">
        <v>14.963808</v>
      </c>
      <c r="C8331">
        <v>0</v>
      </c>
      <c r="D8331">
        <f t="shared" si="260"/>
        <v>0</v>
      </c>
      <c r="E8331" s="6">
        <f t="shared" si="261"/>
        <v>0</v>
      </c>
    </row>
    <row r="8332" spans="1:5" x14ac:dyDescent="0.25">
      <c r="A8332" s="5">
        <v>43903</v>
      </c>
      <c r="B8332" s="2">
        <v>13.635108000000001</v>
      </c>
      <c r="C8332">
        <v>0</v>
      </c>
      <c r="D8332">
        <f t="shared" si="260"/>
        <v>0</v>
      </c>
      <c r="E8332" s="6">
        <f t="shared" si="261"/>
        <v>0</v>
      </c>
    </row>
    <row r="8333" spans="1:5" x14ac:dyDescent="0.25">
      <c r="A8333" s="5">
        <v>43903.041666666664</v>
      </c>
      <c r="B8333" s="2">
        <v>13.002466</v>
      </c>
      <c r="C8333">
        <v>0</v>
      </c>
      <c r="D8333">
        <f t="shared" si="260"/>
        <v>0</v>
      </c>
      <c r="E8333" s="6">
        <f t="shared" si="261"/>
        <v>0</v>
      </c>
    </row>
    <row r="8334" spans="1:5" x14ac:dyDescent="0.25">
      <c r="A8334" s="5">
        <v>43903.083333333336</v>
      </c>
      <c r="B8334" s="2">
        <v>12.632997</v>
      </c>
      <c r="C8334">
        <v>0</v>
      </c>
      <c r="D8334">
        <f t="shared" si="260"/>
        <v>0</v>
      </c>
      <c r="E8334" s="6">
        <f t="shared" si="261"/>
        <v>0</v>
      </c>
    </row>
    <row r="8335" spans="1:5" x14ac:dyDescent="0.25">
      <c r="A8335" s="5">
        <v>43903.125</v>
      </c>
      <c r="B8335" s="2">
        <v>12.397949000000001</v>
      </c>
      <c r="C8335">
        <v>0</v>
      </c>
      <c r="D8335">
        <f t="shared" si="260"/>
        <v>0</v>
      </c>
      <c r="E8335" s="6">
        <f t="shared" si="261"/>
        <v>0</v>
      </c>
    </row>
    <row r="8336" spans="1:5" x14ac:dyDescent="0.25">
      <c r="A8336" s="5">
        <v>43903.166666666664</v>
      </c>
      <c r="B8336" s="2">
        <v>13.351355</v>
      </c>
      <c r="C8336">
        <v>0</v>
      </c>
      <c r="D8336">
        <f t="shared" si="260"/>
        <v>0</v>
      </c>
      <c r="E8336" s="6">
        <f t="shared" si="261"/>
        <v>0</v>
      </c>
    </row>
    <row r="8337" spans="1:5" x14ac:dyDescent="0.25">
      <c r="A8337" s="5">
        <v>43903.208333333336</v>
      </c>
      <c r="B8337" s="2">
        <v>14.767949</v>
      </c>
      <c r="C8337">
        <v>0</v>
      </c>
      <c r="D8337">
        <f t="shared" si="260"/>
        <v>0</v>
      </c>
      <c r="E8337" s="6">
        <f t="shared" si="261"/>
        <v>0</v>
      </c>
    </row>
    <row r="8338" spans="1:5" x14ac:dyDescent="0.25">
      <c r="A8338" s="5">
        <v>43903.25</v>
      </c>
      <c r="B8338" s="2">
        <v>19.138940999999999</v>
      </c>
      <c r="C8338">
        <v>0</v>
      </c>
      <c r="D8338">
        <f t="shared" si="260"/>
        <v>0</v>
      </c>
      <c r="E8338" s="6">
        <f t="shared" si="261"/>
        <v>0</v>
      </c>
    </row>
    <row r="8339" spans="1:5" x14ac:dyDescent="0.25">
      <c r="A8339" s="5">
        <v>43903.291666666664</v>
      </c>
      <c r="B8339" s="2">
        <v>22.609947999999999</v>
      </c>
      <c r="C8339">
        <v>0</v>
      </c>
      <c r="D8339">
        <f t="shared" si="260"/>
        <v>0</v>
      </c>
      <c r="E8339" s="6">
        <f t="shared" si="261"/>
        <v>0</v>
      </c>
    </row>
    <row r="8340" spans="1:5" x14ac:dyDescent="0.25">
      <c r="A8340" s="5">
        <v>43903.333333333336</v>
      </c>
      <c r="B8340" s="2">
        <v>20.458841</v>
      </c>
      <c r="C8340">
        <v>0.35011799999999998</v>
      </c>
      <c r="D8340">
        <f t="shared" si="260"/>
        <v>3.5011800000000001E-4</v>
      </c>
      <c r="E8340" s="6">
        <f t="shared" si="261"/>
        <v>7.1630084932380001E-3</v>
      </c>
    </row>
    <row r="8341" spans="1:5" x14ac:dyDescent="0.25">
      <c r="A8341" s="5">
        <v>43903.375</v>
      </c>
      <c r="B8341" s="2">
        <v>20.17633</v>
      </c>
      <c r="C8341">
        <v>0.416487</v>
      </c>
      <c r="D8341">
        <f t="shared" si="260"/>
        <v>4.16487E-4</v>
      </c>
      <c r="E8341" s="6">
        <f t="shared" si="261"/>
        <v>8.4031791527099994E-3</v>
      </c>
    </row>
    <row r="8342" spans="1:5" x14ac:dyDescent="0.25">
      <c r="A8342" s="5">
        <v>43903.416666666664</v>
      </c>
      <c r="B8342" s="2">
        <v>20.680503999999999</v>
      </c>
      <c r="C8342">
        <v>1.114438</v>
      </c>
      <c r="D8342">
        <f t="shared" si="260"/>
        <v>1.1144380000000001E-3</v>
      </c>
      <c r="E8342" s="6">
        <f t="shared" si="261"/>
        <v>2.3047139516752004E-2</v>
      </c>
    </row>
    <row r="8343" spans="1:5" x14ac:dyDescent="0.25">
      <c r="A8343" s="5">
        <v>43903.458333333336</v>
      </c>
      <c r="B8343" s="2">
        <v>20.709624999999999</v>
      </c>
      <c r="C8343">
        <v>0.55327599999999999</v>
      </c>
      <c r="D8343">
        <f t="shared" si="260"/>
        <v>5.5327600000000001E-4</v>
      </c>
      <c r="E8343" s="6">
        <f t="shared" si="261"/>
        <v>1.1458138481499999E-2</v>
      </c>
    </row>
    <row r="8344" spans="1:5" x14ac:dyDescent="0.25">
      <c r="A8344" s="5">
        <v>43903.5</v>
      </c>
      <c r="B8344" s="2">
        <v>19.616599999999998</v>
      </c>
      <c r="C8344">
        <v>1.4742299999999999</v>
      </c>
      <c r="D8344">
        <f t="shared" si="260"/>
        <v>1.47423E-3</v>
      </c>
      <c r="E8344" s="6">
        <f t="shared" si="261"/>
        <v>2.8919380217999998E-2</v>
      </c>
    </row>
    <row r="8345" spans="1:5" x14ac:dyDescent="0.25">
      <c r="A8345" s="5">
        <v>43903.541666666664</v>
      </c>
      <c r="B8345" s="2">
        <v>18.784244000000001</v>
      </c>
      <c r="C8345">
        <v>1.3373920000000001</v>
      </c>
      <c r="D8345">
        <f t="shared" si="260"/>
        <v>1.3373920000000002E-3</v>
      </c>
      <c r="E8345" s="6">
        <f t="shared" si="261"/>
        <v>2.5121897651648004E-2</v>
      </c>
    </row>
    <row r="8346" spans="1:5" x14ac:dyDescent="0.25">
      <c r="A8346" s="5">
        <v>43903.583333333336</v>
      </c>
      <c r="B8346" s="2">
        <v>17.337585000000001</v>
      </c>
      <c r="C8346">
        <v>1.314514</v>
      </c>
      <c r="D8346">
        <f t="shared" si="260"/>
        <v>1.3145139999999999E-3</v>
      </c>
      <c r="E8346" s="6">
        <f t="shared" si="261"/>
        <v>2.2790498208689999E-2</v>
      </c>
    </row>
    <row r="8347" spans="1:5" x14ac:dyDescent="0.25">
      <c r="A8347" s="5">
        <v>43903.625</v>
      </c>
      <c r="B8347" s="2">
        <v>17.204319999999999</v>
      </c>
      <c r="C8347">
        <v>1.333267</v>
      </c>
      <c r="D8347">
        <f t="shared" si="260"/>
        <v>1.333267E-3</v>
      </c>
      <c r="E8347" s="6">
        <f t="shared" si="261"/>
        <v>2.2937952113439998E-2</v>
      </c>
    </row>
    <row r="8348" spans="1:5" x14ac:dyDescent="0.25">
      <c r="A8348" s="5">
        <v>43903.666666666664</v>
      </c>
      <c r="B8348" s="2">
        <v>17.094894</v>
      </c>
      <c r="C8348">
        <v>0.151894</v>
      </c>
      <c r="D8348">
        <f t="shared" si="260"/>
        <v>1.5189399999999999E-4</v>
      </c>
      <c r="E8348" s="6">
        <f t="shared" si="261"/>
        <v>2.5966118292359997E-3</v>
      </c>
    </row>
    <row r="8349" spans="1:5" x14ac:dyDescent="0.25">
      <c r="A8349" s="5">
        <v>43903.708333333336</v>
      </c>
      <c r="B8349" s="2">
        <v>17.513425999999999</v>
      </c>
      <c r="C8349">
        <v>0.235761</v>
      </c>
      <c r="D8349">
        <f t="shared" si="260"/>
        <v>2.3576099999999999E-4</v>
      </c>
      <c r="E8349" s="6">
        <f t="shared" si="261"/>
        <v>4.128982827186E-3</v>
      </c>
    </row>
    <row r="8350" spans="1:5" x14ac:dyDescent="0.25">
      <c r="A8350" s="5">
        <v>43903.75</v>
      </c>
      <c r="B8350" s="2">
        <v>18.333349999999999</v>
      </c>
      <c r="C8350">
        <v>0.15527000000000002</v>
      </c>
      <c r="D8350">
        <f t="shared" si="260"/>
        <v>1.5527000000000002E-4</v>
      </c>
      <c r="E8350" s="6">
        <f t="shared" si="261"/>
        <v>2.8466192545000004E-3</v>
      </c>
    </row>
    <row r="8351" spans="1:5" x14ac:dyDescent="0.25">
      <c r="A8351" s="5">
        <v>43903.791666666664</v>
      </c>
      <c r="B8351" s="2">
        <v>20.579287999999998</v>
      </c>
      <c r="C8351">
        <v>0</v>
      </c>
      <c r="D8351">
        <f t="shared" si="260"/>
        <v>0</v>
      </c>
      <c r="E8351" s="6">
        <f t="shared" si="261"/>
        <v>0</v>
      </c>
    </row>
    <row r="8352" spans="1:5" x14ac:dyDescent="0.25">
      <c r="A8352" s="5">
        <v>43903.833333333336</v>
      </c>
      <c r="B8352" s="2">
        <v>20.792952</v>
      </c>
      <c r="C8352">
        <v>0</v>
      </c>
      <c r="D8352">
        <f t="shared" si="260"/>
        <v>0</v>
      </c>
      <c r="E8352" s="6">
        <f t="shared" si="261"/>
        <v>0</v>
      </c>
    </row>
    <row r="8353" spans="1:5" x14ac:dyDescent="0.25">
      <c r="A8353" s="5">
        <v>43903.875</v>
      </c>
      <c r="B8353" s="2">
        <v>19.143122000000002</v>
      </c>
      <c r="C8353">
        <v>0</v>
      </c>
      <c r="D8353">
        <f t="shared" si="260"/>
        <v>0</v>
      </c>
      <c r="E8353" s="6">
        <f t="shared" si="261"/>
        <v>0</v>
      </c>
    </row>
    <row r="8354" spans="1:5" x14ac:dyDescent="0.25">
      <c r="A8354" s="5">
        <v>43903.916666666664</v>
      </c>
      <c r="B8354" s="2">
        <v>17.714807</v>
      </c>
      <c r="C8354">
        <v>0</v>
      </c>
      <c r="D8354">
        <f t="shared" si="260"/>
        <v>0</v>
      </c>
      <c r="E8354" s="6">
        <f t="shared" si="261"/>
        <v>0</v>
      </c>
    </row>
    <row r="8355" spans="1:5" x14ac:dyDescent="0.25">
      <c r="A8355" s="5">
        <v>43903.958333333336</v>
      </c>
      <c r="B8355" s="2">
        <v>15.210300999999999</v>
      </c>
      <c r="C8355">
        <v>0</v>
      </c>
      <c r="D8355">
        <f t="shared" si="260"/>
        <v>0</v>
      </c>
      <c r="E8355" s="6">
        <f t="shared" si="261"/>
        <v>0</v>
      </c>
    </row>
    <row r="8356" spans="1:5" x14ac:dyDescent="0.25">
      <c r="A8356" s="5">
        <v>43904</v>
      </c>
      <c r="B8356" s="2">
        <v>15.212493</v>
      </c>
      <c r="C8356">
        <v>0</v>
      </c>
      <c r="D8356">
        <f t="shared" si="260"/>
        <v>0</v>
      </c>
      <c r="E8356" s="6">
        <f t="shared" si="261"/>
        <v>0</v>
      </c>
    </row>
    <row r="8357" spans="1:5" x14ac:dyDescent="0.25">
      <c r="A8357" s="5">
        <v>43904.041666666664</v>
      </c>
      <c r="B8357" s="2">
        <v>15.165556</v>
      </c>
      <c r="C8357">
        <v>0</v>
      </c>
      <c r="D8357">
        <f t="shared" si="260"/>
        <v>0</v>
      </c>
      <c r="E8357" s="6">
        <f t="shared" si="261"/>
        <v>0</v>
      </c>
    </row>
    <row r="8358" spans="1:5" x14ac:dyDescent="0.25">
      <c r="A8358" s="5">
        <v>43904.083333333336</v>
      </c>
      <c r="B8358" s="2">
        <v>14.840712</v>
      </c>
      <c r="C8358">
        <v>0</v>
      </c>
      <c r="D8358">
        <f t="shared" si="260"/>
        <v>0</v>
      </c>
      <c r="E8358" s="6">
        <f t="shared" si="261"/>
        <v>0</v>
      </c>
    </row>
    <row r="8359" spans="1:5" x14ac:dyDescent="0.25">
      <c r="A8359" s="5">
        <v>43904.125</v>
      </c>
      <c r="B8359" s="2">
        <v>15.076962</v>
      </c>
      <c r="C8359">
        <v>0</v>
      </c>
      <c r="D8359">
        <f t="shared" si="260"/>
        <v>0</v>
      </c>
      <c r="E8359" s="6">
        <f t="shared" si="261"/>
        <v>0</v>
      </c>
    </row>
    <row r="8360" spans="1:5" x14ac:dyDescent="0.25">
      <c r="A8360" s="5">
        <v>43904.166666666664</v>
      </c>
      <c r="B8360" s="2">
        <v>15.679023000000001</v>
      </c>
      <c r="C8360">
        <v>0</v>
      </c>
      <c r="D8360">
        <f t="shared" si="260"/>
        <v>0</v>
      </c>
      <c r="E8360" s="6">
        <f t="shared" si="261"/>
        <v>0</v>
      </c>
    </row>
    <row r="8361" spans="1:5" x14ac:dyDescent="0.25">
      <c r="A8361" s="5">
        <v>43904.208333333336</v>
      </c>
      <c r="B8361" s="2">
        <v>16.157454000000001</v>
      </c>
      <c r="C8361">
        <v>0</v>
      </c>
      <c r="D8361">
        <f t="shared" si="260"/>
        <v>0</v>
      </c>
      <c r="E8361" s="6">
        <f t="shared" si="261"/>
        <v>0</v>
      </c>
    </row>
    <row r="8362" spans="1:5" x14ac:dyDescent="0.25">
      <c r="A8362" s="5">
        <v>43904.25</v>
      </c>
      <c r="B8362" s="2">
        <v>18.056553999999998</v>
      </c>
      <c r="C8362">
        <v>0</v>
      </c>
      <c r="D8362">
        <f t="shared" si="260"/>
        <v>0</v>
      </c>
      <c r="E8362" s="6">
        <f t="shared" si="261"/>
        <v>0</v>
      </c>
    </row>
    <row r="8363" spans="1:5" x14ac:dyDescent="0.25">
      <c r="A8363" s="5">
        <v>43904.291666666664</v>
      </c>
      <c r="B8363" s="2">
        <v>22.115673999999999</v>
      </c>
      <c r="C8363">
        <v>0</v>
      </c>
      <c r="D8363">
        <f t="shared" si="260"/>
        <v>0</v>
      </c>
      <c r="E8363" s="6">
        <f t="shared" si="261"/>
        <v>0</v>
      </c>
    </row>
    <row r="8364" spans="1:5" x14ac:dyDescent="0.25">
      <c r="A8364" s="5">
        <v>43904.333333333336</v>
      </c>
      <c r="B8364" s="2">
        <v>21.075928999999999</v>
      </c>
      <c r="C8364">
        <v>0.530613</v>
      </c>
      <c r="D8364">
        <f t="shared" si="260"/>
        <v>5.3061299999999998E-4</v>
      </c>
      <c r="E8364" s="6">
        <f t="shared" si="261"/>
        <v>1.1183161914476998E-2</v>
      </c>
    </row>
    <row r="8365" spans="1:5" x14ac:dyDescent="0.25">
      <c r="A8365" s="5">
        <v>43904.375</v>
      </c>
      <c r="B8365" s="2">
        <v>20.813604999999999</v>
      </c>
      <c r="C8365">
        <v>3.3227710000000004</v>
      </c>
      <c r="D8365">
        <f t="shared" si="260"/>
        <v>3.3227710000000004E-3</v>
      </c>
      <c r="E8365" s="6">
        <f t="shared" si="261"/>
        <v>6.9158843099455011E-2</v>
      </c>
    </row>
    <row r="8366" spans="1:5" x14ac:dyDescent="0.25">
      <c r="A8366" s="5">
        <v>43904.416666666664</v>
      </c>
      <c r="B8366" s="2">
        <v>20.946835</v>
      </c>
      <c r="C8366">
        <v>5.3771909999999998</v>
      </c>
      <c r="D8366">
        <f t="shared" si="260"/>
        <v>5.3771909999999999E-3</v>
      </c>
      <c r="E8366" s="6">
        <f t="shared" si="261"/>
        <v>0.112635132640485</v>
      </c>
    </row>
    <row r="8367" spans="1:5" x14ac:dyDescent="0.25">
      <c r="A8367" s="5">
        <v>43904.458333333336</v>
      </c>
      <c r="B8367" s="2">
        <v>20.838660000000001</v>
      </c>
      <c r="C8367">
        <v>6.818524</v>
      </c>
      <c r="D8367">
        <f t="shared" si="260"/>
        <v>6.8185240000000003E-3</v>
      </c>
      <c r="E8367" s="6">
        <f t="shared" si="261"/>
        <v>0.14208890333784002</v>
      </c>
    </row>
    <row r="8368" spans="1:5" x14ac:dyDescent="0.25">
      <c r="A8368" s="5">
        <v>43904.5</v>
      </c>
      <c r="B8368" s="2">
        <v>20.011420000000001</v>
      </c>
      <c r="C8368">
        <v>7.6612130000000001</v>
      </c>
      <c r="D8368">
        <f t="shared" si="260"/>
        <v>7.6612130000000001E-3</v>
      </c>
      <c r="E8368" s="6">
        <f t="shared" si="261"/>
        <v>0.15331175105246</v>
      </c>
    </row>
    <row r="8369" spans="1:5" x14ac:dyDescent="0.25">
      <c r="A8369" s="5">
        <v>43904.541666666664</v>
      </c>
      <c r="B8369" s="2">
        <v>18.938158999999999</v>
      </c>
      <c r="C8369">
        <v>7.9535860000000005</v>
      </c>
      <c r="D8369">
        <f t="shared" si="260"/>
        <v>7.9535860000000003E-3</v>
      </c>
      <c r="E8369" s="6">
        <f t="shared" si="261"/>
        <v>0.15062627628817399</v>
      </c>
    </row>
    <row r="8370" spans="1:5" x14ac:dyDescent="0.25">
      <c r="A8370" s="5">
        <v>43904.583333333336</v>
      </c>
      <c r="B8370" s="2">
        <v>17.841483</v>
      </c>
      <c r="C8370">
        <v>7.7287690000000007</v>
      </c>
      <c r="D8370">
        <f t="shared" si="260"/>
        <v>7.7287690000000008E-3</v>
      </c>
      <c r="E8370" s="6">
        <f t="shared" si="261"/>
        <v>0.13789270072442703</v>
      </c>
    </row>
    <row r="8371" spans="1:5" x14ac:dyDescent="0.25">
      <c r="A8371" s="5">
        <v>43904.625</v>
      </c>
      <c r="B8371" s="2">
        <v>18.060679</v>
      </c>
      <c r="C8371">
        <v>7.0130619999999997</v>
      </c>
      <c r="D8371">
        <f t="shared" si="260"/>
        <v>7.0130619999999996E-3</v>
      </c>
      <c r="E8371" s="6">
        <f t="shared" si="261"/>
        <v>0.126660661589098</v>
      </c>
    </row>
    <row r="8372" spans="1:5" x14ac:dyDescent="0.25">
      <c r="A8372" s="5">
        <v>43904.666666666664</v>
      </c>
      <c r="B8372" s="2">
        <v>18.194877000000002</v>
      </c>
      <c r="C8372">
        <v>5.7850989999999998</v>
      </c>
      <c r="D8372">
        <f t="shared" si="260"/>
        <v>5.7850990000000001E-3</v>
      </c>
      <c r="E8372" s="6">
        <f t="shared" si="261"/>
        <v>0.10525916473782301</v>
      </c>
    </row>
    <row r="8373" spans="1:5" x14ac:dyDescent="0.25">
      <c r="A8373" s="5">
        <v>43904.708333333336</v>
      </c>
      <c r="B8373" s="2">
        <v>18.470096000000002</v>
      </c>
      <c r="C8373">
        <v>4.0149740000000005</v>
      </c>
      <c r="D8373">
        <f t="shared" si="260"/>
        <v>4.0149740000000001E-3</v>
      </c>
      <c r="E8373" s="6">
        <f t="shared" si="261"/>
        <v>7.4156955217504011E-2</v>
      </c>
    </row>
    <row r="8374" spans="1:5" x14ac:dyDescent="0.25">
      <c r="A8374" s="5">
        <v>43904.75</v>
      </c>
      <c r="B8374" s="2">
        <v>19.401440999999998</v>
      </c>
      <c r="C8374">
        <v>1.490955</v>
      </c>
      <c r="D8374">
        <f t="shared" si="260"/>
        <v>1.490955E-3</v>
      </c>
      <c r="E8374" s="6">
        <f t="shared" si="261"/>
        <v>2.8926675466154995E-2</v>
      </c>
    </row>
    <row r="8375" spans="1:5" x14ac:dyDescent="0.25">
      <c r="A8375" s="5">
        <v>43904.791666666664</v>
      </c>
      <c r="B8375" s="2">
        <v>24.094746000000001</v>
      </c>
      <c r="C8375">
        <v>3.7524000000000002E-2</v>
      </c>
      <c r="D8375">
        <f t="shared" si="260"/>
        <v>3.7524000000000002E-5</v>
      </c>
      <c r="E8375" s="6">
        <f t="shared" si="261"/>
        <v>9.0413124890400003E-4</v>
      </c>
    </row>
    <row r="8376" spans="1:5" x14ac:dyDescent="0.25">
      <c r="A8376" s="5">
        <v>43904.833333333336</v>
      </c>
      <c r="B8376" s="2">
        <v>21.805430000000001</v>
      </c>
      <c r="C8376">
        <v>0</v>
      </c>
      <c r="D8376">
        <f t="shared" si="260"/>
        <v>0</v>
      </c>
      <c r="E8376" s="6">
        <f t="shared" si="261"/>
        <v>0</v>
      </c>
    </row>
    <row r="8377" spans="1:5" x14ac:dyDescent="0.25">
      <c r="A8377" s="5">
        <v>43904.875</v>
      </c>
      <c r="B8377" s="2">
        <v>19.807780000000001</v>
      </c>
      <c r="C8377">
        <v>0</v>
      </c>
      <c r="D8377">
        <f t="shared" si="260"/>
        <v>0</v>
      </c>
      <c r="E8377" s="6">
        <f t="shared" si="261"/>
        <v>0</v>
      </c>
    </row>
    <row r="8378" spans="1:5" x14ac:dyDescent="0.25">
      <c r="A8378" s="5">
        <v>43904.916666666664</v>
      </c>
      <c r="B8378" s="2">
        <v>18.941255999999999</v>
      </c>
      <c r="C8378">
        <v>0</v>
      </c>
      <c r="D8378">
        <f t="shared" si="260"/>
        <v>0</v>
      </c>
      <c r="E8378" s="6">
        <f t="shared" si="261"/>
        <v>0</v>
      </c>
    </row>
    <row r="8379" spans="1:5" x14ac:dyDescent="0.25">
      <c r="A8379" s="5">
        <v>43904.958333333336</v>
      </c>
      <c r="B8379" s="2">
        <v>17.47992</v>
      </c>
      <c r="C8379">
        <v>0</v>
      </c>
      <c r="D8379">
        <f t="shared" si="260"/>
        <v>0</v>
      </c>
      <c r="E8379" s="6">
        <f t="shared" si="261"/>
        <v>0</v>
      </c>
    </row>
    <row r="8380" spans="1:5" x14ac:dyDescent="0.25">
      <c r="A8380" s="5">
        <v>43905</v>
      </c>
      <c r="B8380" s="2">
        <v>16.630472000000001</v>
      </c>
      <c r="C8380">
        <v>0</v>
      </c>
      <c r="D8380">
        <f t="shared" si="260"/>
        <v>0</v>
      </c>
      <c r="E8380" s="6">
        <f t="shared" si="261"/>
        <v>0</v>
      </c>
    </row>
    <row r="8381" spans="1:5" x14ac:dyDescent="0.25">
      <c r="A8381" s="5">
        <v>43905.041666666664</v>
      </c>
      <c r="B8381" s="2">
        <v>16.690182</v>
      </c>
      <c r="C8381">
        <v>0</v>
      </c>
      <c r="D8381">
        <f t="shared" si="260"/>
        <v>0</v>
      </c>
      <c r="E8381" s="6">
        <f t="shared" si="261"/>
        <v>0</v>
      </c>
    </row>
    <row r="8382" spans="1:5" x14ac:dyDescent="0.25">
      <c r="A8382" s="5">
        <v>43905.083333333336</v>
      </c>
      <c r="B8382" s="2">
        <v>15.032821</v>
      </c>
      <c r="C8382">
        <v>0</v>
      </c>
      <c r="D8382">
        <f t="shared" si="260"/>
        <v>0</v>
      </c>
      <c r="E8382" s="6">
        <f t="shared" si="261"/>
        <v>0</v>
      </c>
    </row>
    <row r="8383" spans="1:5" x14ac:dyDescent="0.25">
      <c r="A8383" s="5">
        <v>43905.125</v>
      </c>
      <c r="B8383" s="2">
        <v>16.489592999999999</v>
      </c>
      <c r="C8383">
        <v>0</v>
      </c>
      <c r="D8383">
        <f t="shared" si="260"/>
        <v>0</v>
      </c>
      <c r="E8383" s="6">
        <f t="shared" si="261"/>
        <v>0</v>
      </c>
    </row>
    <row r="8384" spans="1:5" x14ac:dyDescent="0.25">
      <c r="A8384" s="5">
        <v>43905.166666666664</v>
      </c>
      <c r="B8384" s="2">
        <v>16.596425</v>
      </c>
      <c r="C8384">
        <v>0</v>
      </c>
      <c r="D8384">
        <f t="shared" si="260"/>
        <v>0</v>
      </c>
      <c r="E8384" s="6">
        <f t="shared" si="261"/>
        <v>0</v>
      </c>
    </row>
    <row r="8385" spans="1:5" x14ac:dyDescent="0.25">
      <c r="A8385" s="5">
        <v>43905.208333333336</v>
      </c>
      <c r="B8385" s="2">
        <v>16.644832999999998</v>
      </c>
      <c r="C8385">
        <v>0</v>
      </c>
      <c r="D8385">
        <f t="shared" si="260"/>
        <v>0</v>
      </c>
      <c r="E8385" s="6">
        <f t="shared" si="261"/>
        <v>0</v>
      </c>
    </row>
    <row r="8386" spans="1:5" x14ac:dyDescent="0.25">
      <c r="A8386" s="5">
        <v>43905.25</v>
      </c>
      <c r="B8386" s="2">
        <v>17.825261000000001</v>
      </c>
      <c r="C8386">
        <v>0</v>
      </c>
      <c r="D8386">
        <f t="shared" si="260"/>
        <v>0</v>
      </c>
      <c r="E8386" s="6">
        <f t="shared" si="261"/>
        <v>0</v>
      </c>
    </row>
    <row r="8387" spans="1:5" x14ac:dyDescent="0.25">
      <c r="A8387" s="5">
        <v>43905.291666666664</v>
      </c>
      <c r="B8387" s="2">
        <v>19.521229999999999</v>
      </c>
      <c r="C8387">
        <v>0</v>
      </c>
      <c r="D8387">
        <f t="shared" si="260"/>
        <v>0</v>
      </c>
      <c r="E8387" s="6">
        <f t="shared" si="261"/>
        <v>0</v>
      </c>
    </row>
    <row r="8388" spans="1:5" x14ac:dyDescent="0.25">
      <c r="A8388" s="5">
        <v>43905.333333333336</v>
      </c>
      <c r="B8388" s="2">
        <v>20.057729999999999</v>
      </c>
      <c r="C8388">
        <v>1.0409870000000001</v>
      </c>
      <c r="D8388">
        <f t="shared" si="260"/>
        <v>1.0409870000000002E-3</v>
      </c>
      <c r="E8388" s="6">
        <f t="shared" si="261"/>
        <v>2.0879836179510003E-2</v>
      </c>
    </row>
    <row r="8389" spans="1:5" x14ac:dyDescent="0.25">
      <c r="A8389" s="5">
        <v>43905.375</v>
      </c>
      <c r="B8389" s="2">
        <v>19.988123000000002</v>
      </c>
      <c r="C8389">
        <v>3.3066660000000003</v>
      </c>
      <c r="D8389">
        <f t="shared" si="260"/>
        <v>3.3066660000000002E-3</v>
      </c>
      <c r="E8389" s="6">
        <f t="shared" si="261"/>
        <v>6.6094046727918007E-2</v>
      </c>
    </row>
    <row r="8390" spans="1:5" x14ac:dyDescent="0.25">
      <c r="A8390" s="5">
        <v>43905.416666666664</v>
      </c>
      <c r="B8390" s="2">
        <v>19.919945999999999</v>
      </c>
      <c r="C8390">
        <v>4.1383990000000006</v>
      </c>
      <c r="D8390">
        <f t="shared" ref="D8390:D8453" si="262">C8390/1000</f>
        <v>4.1383990000000009E-3</v>
      </c>
      <c r="E8390" s="6">
        <f t="shared" ref="E8390:E8453" si="263">D8390*B8390</f>
        <v>8.2436684606454022E-2</v>
      </c>
    </row>
    <row r="8391" spans="1:5" x14ac:dyDescent="0.25">
      <c r="A8391" s="5">
        <v>43905.458333333336</v>
      </c>
      <c r="B8391" s="2">
        <v>19.561838999999999</v>
      </c>
      <c r="C8391">
        <v>5.5509430000000002</v>
      </c>
      <c r="D8391">
        <f t="shared" si="262"/>
        <v>5.550943E-3</v>
      </c>
      <c r="E8391" s="6">
        <f t="shared" si="263"/>
        <v>0.10858665326417699</v>
      </c>
    </row>
    <row r="8392" spans="1:5" x14ac:dyDescent="0.25">
      <c r="A8392" s="5">
        <v>43905.5</v>
      </c>
      <c r="B8392" s="2">
        <v>19.230291999999999</v>
      </c>
      <c r="C8392">
        <v>6.0702939999999996</v>
      </c>
      <c r="D8392">
        <f t="shared" si="262"/>
        <v>6.0702939999999995E-3</v>
      </c>
      <c r="E8392" s="6">
        <f t="shared" si="263"/>
        <v>0.11673352614584798</v>
      </c>
    </row>
    <row r="8393" spans="1:5" x14ac:dyDescent="0.25">
      <c r="A8393" s="5">
        <v>43905.541666666664</v>
      </c>
      <c r="B8393" s="2">
        <v>18.342261000000001</v>
      </c>
      <c r="C8393">
        <v>6.0901310000000004</v>
      </c>
      <c r="D8393">
        <f t="shared" si="262"/>
        <v>6.0901310000000004E-3</v>
      </c>
      <c r="E8393" s="6">
        <f t="shared" si="263"/>
        <v>0.11170677232619101</v>
      </c>
    </row>
    <row r="8394" spans="1:5" x14ac:dyDescent="0.25">
      <c r="A8394" s="5">
        <v>43905.583333333336</v>
      </c>
      <c r="B8394" s="2">
        <v>16.988886000000001</v>
      </c>
      <c r="C8394">
        <v>6.5081819999999997</v>
      </c>
      <c r="D8394">
        <f t="shared" si="262"/>
        <v>6.5081819999999995E-3</v>
      </c>
      <c r="E8394" s="6">
        <f t="shared" si="263"/>
        <v>0.110566762065252</v>
      </c>
    </row>
    <row r="8395" spans="1:5" x14ac:dyDescent="0.25">
      <c r="A8395" s="5">
        <v>43905.625</v>
      </c>
      <c r="B8395" s="2">
        <v>16.869477</v>
      </c>
      <c r="C8395">
        <v>6.6369210000000001</v>
      </c>
      <c r="D8395">
        <f t="shared" si="262"/>
        <v>6.6369210000000005E-3</v>
      </c>
      <c r="E8395" s="6">
        <f t="shared" si="263"/>
        <v>0.11196138616031701</v>
      </c>
    </row>
    <row r="8396" spans="1:5" x14ac:dyDescent="0.25">
      <c r="A8396" s="5">
        <v>43905.666666666664</v>
      </c>
      <c r="B8396" s="2">
        <v>18.028981999999999</v>
      </c>
      <c r="C8396">
        <v>4.6959709999999992</v>
      </c>
      <c r="D8396">
        <f t="shared" si="262"/>
        <v>4.6959709999999993E-3</v>
      </c>
      <c r="E8396" s="6">
        <f t="shared" si="263"/>
        <v>8.4663576631521978E-2</v>
      </c>
    </row>
    <row r="8397" spans="1:5" x14ac:dyDescent="0.25">
      <c r="A8397" s="5">
        <v>43905.708333333336</v>
      </c>
      <c r="B8397" s="2">
        <v>18.771916000000001</v>
      </c>
      <c r="C8397">
        <v>2.7278939999999996</v>
      </c>
      <c r="D8397">
        <f t="shared" si="262"/>
        <v>2.7278939999999998E-3</v>
      </c>
      <c r="E8397" s="6">
        <f t="shared" si="263"/>
        <v>5.1207797024904002E-2</v>
      </c>
    </row>
    <row r="8398" spans="1:5" x14ac:dyDescent="0.25">
      <c r="A8398" s="5">
        <v>43905.75</v>
      </c>
      <c r="B8398" s="2">
        <v>19.904188999999999</v>
      </c>
      <c r="C8398">
        <v>1.5728689999999999</v>
      </c>
      <c r="D8398">
        <f t="shared" si="262"/>
        <v>1.5728689999999997E-3</v>
      </c>
      <c r="E8398" s="6">
        <f t="shared" si="263"/>
        <v>3.1306681848240994E-2</v>
      </c>
    </row>
    <row r="8399" spans="1:5" x14ac:dyDescent="0.25">
      <c r="A8399" s="5">
        <v>43905.791666666664</v>
      </c>
      <c r="B8399" s="2">
        <v>26.984442000000001</v>
      </c>
      <c r="C8399">
        <v>5.4244999999999995E-2</v>
      </c>
      <c r="D8399">
        <f t="shared" si="262"/>
        <v>5.4244999999999993E-5</v>
      </c>
      <c r="E8399" s="6">
        <f t="shared" si="263"/>
        <v>1.4637710562899998E-3</v>
      </c>
    </row>
    <row r="8400" spans="1:5" x14ac:dyDescent="0.25">
      <c r="A8400" s="5">
        <v>43905.833333333336</v>
      </c>
      <c r="B8400" s="2">
        <v>25.893191999999999</v>
      </c>
      <c r="C8400">
        <v>0</v>
      </c>
      <c r="D8400">
        <f t="shared" si="262"/>
        <v>0</v>
      </c>
      <c r="E8400" s="6">
        <f t="shared" si="263"/>
        <v>0</v>
      </c>
    </row>
    <row r="8401" spans="1:5" x14ac:dyDescent="0.25">
      <c r="A8401" s="5">
        <v>43905.875</v>
      </c>
      <c r="B8401" s="2">
        <v>20.760078</v>
      </c>
      <c r="C8401">
        <v>0</v>
      </c>
      <c r="D8401">
        <f t="shared" si="262"/>
        <v>0</v>
      </c>
      <c r="E8401" s="6">
        <f t="shared" si="263"/>
        <v>0</v>
      </c>
    </row>
    <row r="8402" spans="1:5" x14ac:dyDescent="0.25">
      <c r="A8402" s="5">
        <v>43905.916666666664</v>
      </c>
      <c r="B8402" s="2">
        <v>19.199172999999998</v>
      </c>
      <c r="C8402">
        <v>0</v>
      </c>
      <c r="D8402">
        <f t="shared" si="262"/>
        <v>0</v>
      </c>
      <c r="E8402" s="6">
        <f t="shared" si="263"/>
        <v>0</v>
      </c>
    </row>
    <row r="8403" spans="1:5" x14ac:dyDescent="0.25">
      <c r="A8403" s="5">
        <v>43905.958333333336</v>
      </c>
      <c r="B8403" s="2">
        <v>18.044701</v>
      </c>
      <c r="C8403">
        <v>0</v>
      </c>
      <c r="D8403">
        <f t="shared" si="262"/>
        <v>0</v>
      </c>
      <c r="E8403" s="6">
        <f t="shared" si="263"/>
        <v>0</v>
      </c>
    </row>
    <row r="8404" spans="1:5" x14ac:dyDescent="0.25">
      <c r="A8404" s="5">
        <v>43906</v>
      </c>
      <c r="B8404" s="2">
        <v>17.401022999999999</v>
      </c>
      <c r="C8404">
        <v>0</v>
      </c>
      <c r="D8404">
        <f t="shared" si="262"/>
        <v>0</v>
      </c>
      <c r="E8404" s="6">
        <f t="shared" si="263"/>
        <v>0</v>
      </c>
    </row>
    <row r="8405" spans="1:5" x14ac:dyDescent="0.25">
      <c r="A8405" s="5">
        <v>43906.041666666664</v>
      </c>
      <c r="B8405" s="2">
        <v>17.909952000000001</v>
      </c>
      <c r="C8405">
        <v>0</v>
      </c>
      <c r="D8405">
        <f t="shared" si="262"/>
        <v>0</v>
      </c>
      <c r="E8405" s="6">
        <f t="shared" si="263"/>
        <v>0</v>
      </c>
    </row>
    <row r="8406" spans="1:5" x14ac:dyDescent="0.25">
      <c r="A8406" s="5">
        <v>43906.083333333336</v>
      </c>
      <c r="B8406" s="2">
        <v>17.895043999999999</v>
      </c>
      <c r="C8406">
        <v>0</v>
      </c>
      <c r="D8406">
        <f t="shared" si="262"/>
        <v>0</v>
      </c>
      <c r="E8406" s="6">
        <f t="shared" si="263"/>
        <v>0</v>
      </c>
    </row>
    <row r="8407" spans="1:5" x14ac:dyDescent="0.25">
      <c r="A8407" s="5">
        <v>43906.125</v>
      </c>
      <c r="B8407" s="2">
        <v>17.796310999999999</v>
      </c>
      <c r="C8407">
        <v>0</v>
      </c>
      <c r="D8407">
        <f t="shared" si="262"/>
        <v>0</v>
      </c>
      <c r="E8407" s="6">
        <f t="shared" si="263"/>
        <v>0</v>
      </c>
    </row>
    <row r="8408" spans="1:5" x14ac:dyDescent="0.25">
      <c r="A8408" s="5">
        <v>43906.166666666664</v>
      </c>
      <c r="B8408" s="2">
        <v>18.609698999999999</v>
      </c>
      <c r="C8408">
        <v>0</v>
      </c>
      <c r="D8408">
        <f t="shared" si="262"/>
        <v>0</v>
      </c>
      <c r="E8408" s="6">
        <f t="shared" si="263"/>
        <v>0</v>
      </c>
    </row>
    <row r="8409" spans="1:5" x14ac:dyDescent="0.25">
      <c r="A8409" s="5">
        <v>43906.208333333336</v>
      </c>
      <c r="B8409" s="2">
        <v>20.162106999999999</v>
      </c>
      <c r="C8409">
        <v>0</v>
      </c>
      <c r="D8409">
        <f t="shared" si="262"/>
        <v>0</v>
      </c>
      <c r="E8409" s="6">
        <f t="shared" si="263"/>
        <v>0</v>
      </c>
    </row>
    <row r="8410" spans="1:5" x14ac:dyDescent="0.25">
      <c r="A8410" s="5">
        <v>43906.25</v>
      </c>
      <c r="B8410" s="2">
        <v>29.932064</v>
      </c>
      <c r="C8410">
        <v>0</v>
      </c>
      <c r="D8410">
        <f t="shared" si="262"/>
        <v>0</v>
      </c>
      <c r="E8410" s="6">
        <f t="shared" si="263"/>
        <v>0</v>
      </c>
    </row>
    <row r="8411" spans="1:5" x14ac:dyDescent="0.25">
      <c r="A8411" s="5">
        <v>43906.291666666664</v>
      </c>
      <c r="B8411" s="2">
        <v>42.470807000000001</v>
      </c>
      <c r="C8411">
        <v>0</v>
      </c>
      <c r="D8411">
        <f t="shared" si="262"/>
        <v>0</v>
      </c>
      <c r="E8411" s="6">
        <f t="shared" si="263"/>
        <v>0</v>
      </c>
    </row>
    <row r="8412" spans="1:5" x14ac:dyDescent="0.25">
      <c r="A8412" s="5">
        <v>43906.333333333336</v>
      </c>
      <c r="B8412" s="2">
        <v>27.604448000000001</v>
      </c>
      <c r="C8412">
        <v>0.89937400000000001</v>
      </c>
      <c r="D8412">
        <f t="shared" si="262"/>
        <v>8.9937399999999999E-4</v>
      </c>
      <c r="E8412" s="6">
        <f t="shared" si="263"/>
        <v>2.4826722815552E-2</v>
      </c>
    </row>
    <row r="8413" spans="1:5" x14ac:dyDescent="0.25">
      <c r="A8413" s="5">
        <v>43906.375</v>
      </c>
      <c r="B8413" s="2">
        <v>25.936781</v>
      </c>
      <c r="C8413">
        <v>2.0202870000000002</v>
      </c>
      <c r="D8413">
        <f t="shared" si="262"/>
        <v>2.020287E-3</v>
      </c>
      <c r="E8413" s="6">
        <f t="shared" si="263"/>
        <v>5.2399741476146997E-2</v>
      </c>
    </row>
    <row r="8414" spans="1:5" x14ac:dyDescent="0.25">
      <c r="A8414" s="5">
        <v>43906.416666666664</v>
      </c>
      <c r="B8414" s="2">
        <v>24.357493999999999</v>
      </c>
      <c r="C8414">
        <v>3.8210970000000004</v>
      </c>
      <c r="D8414">
        <f t="shared" si="262"/>
        <v>3.8210970000000003E-3</v>
      </c>
      <c r="E8414" s="6">
        <f t="shared" si="263"/>
        <v>9.3072347250918008E-2</v>
      </c>
    </row>
    <row r="8415" spans="1:5" x14ac:dyDescent="0.25">
      <c r="A8415" s="5">
        <v>43906.458333333336</v>
      </c>
      <c r="B8415" s="2">
        <v>24.814592999999999</v>
      </c>
      <c r="C8415">
        <v>0.49551899999999999</v>
      </c>
      <c r="D8415">
        <f t="shared" si="262"/>
        <v>4.9551900000000004E-4</v>
      </c>
      <c r="E8415" s="6">
        <f t="shared" si="263"/>
        <v>1.2296102308767E-2</v>
      </c>
    </row>
    <row r="8416" spans="1:5" x14ac:dyDescent="0.25">
      <c r="A8416" s="5">
        <v>43906.5</v>
      </c>
      <c r="B8416" s="2">
        <v>22.805012000000001</v>
      </c>
      <c r="C8416">
        <v>0.98855100000000007</v>
      </c>
      <c r="D8416">
        <f t="shared" si="262"/>
        <v>9.8855100000000006E-4</v>
      </c>
      <c r="E8416" s="6">
        <f t="shared" si="263"/>
        <v>2.2543917417612004E-2</v>
      </c>
    </row>
    <row r="8417" spans="1:5" x14ac:dyDescent="0.25">
      <c r="A8417" s="5">
        <v>43906.541666666664</v>
      </c>
      <c r="B8417" s="2">
        <v>21.579381999999999</v>
      </c>
      <c r="C8417">
        <v>1.197166</v>
      </c>
      <c r="D8417">
        <f t="shared" si="262"/>
        <v>1.1971659999999999E-3</v>
      </c>
      <c r="E8417" s="6">
        <f t="shared" si="263"/>
        <v>2.5834102431411998E-2</v>
      </c>
    </row>
    <row r="8418" spans="1:5" x14ac:dyDescent="0.25">
      <c r="A8418" s="5">
        <v>43906.583333333336</v>
      </c>
      <c r="B8418" s="2">
        <v>20.218427999999999</v>
      </c>
      <c r="C8418">
        <v>2.3437199999999998</v>
      </c>
      <c r="D8418">
        <f t="shared" si="262"/>
        <v>2.3437199999999997E-3</v>
      </c>
      <c r="E8418" s="6">
        <f t="shared" si="263"/>
        <v>4.7386334072159988E-2</v>
      </c>
    </row>
    <row r="8419" spans="1:5" x14ac:dyDescent="0.25">
      <c r="A8419" s="5">
        <v>43906.625</v>
      </c>
      <c r="B8419" s="2">
        <v>19.861028000000001</v>
      </c>
      <c r="C8419">
        <v>6.6663969999999999</v>
      </c>
      <c r="D8419">
        <f t="shared" si="262"/>
        <v>6.6663970000000001E-3</v>
      </c>
      <c r="E8419" s="6">
        <f t="shared" si="263"/>
        <v>0.13240149747611601</v>
      </c>
    </row>
    <row r="8420" spans="1:5" x14ac:dyDescent="0.25">
      <c r="A8420" s="5">
        <v>43906.666666666664</v>
      </c>
      <c r="B8420" s="2">
        <v>19.906855</v>
      </c>
      <c r="C8420">
        <v>5.4730240000000006</v>
      </c>
      <c r="D8420">
        <f t="shared" si="262"/>
        <v>5.4730240000000008E-3</v>
      </c>
      <c r="E8420" s="6">
        <f t="shared" si="263"/>
        <v>0.10895069517952002</v>
      </c>
    </row>
    <row r="8421" spans="1:5" x14ac:dyDescent="0.25">
      <c r="A8421" s="5">
        <v>43906.708333333336</v>
      </c>
      <c r="B8421" s="2">
        <v>20.322371</v>
      </c>
      <c r="C8421">
        <v>3.876979</v>
      </c>
      <c r="D8421">
        <f t="shared" si="262"/>
        <v>3.876979E-3</v>
      </c>
      <c r="E8421" s="6">
        <f t="shared" si="263"/>
        <v>7.8789405597208997E-2</v>
      </c>
    </row>
    <row r="8422" spans="1:5" x14ac:dyDescent="0.25">
      <c r="A8422" s="5">
        <v>43906.75</v>
      </c>
      <c r="B8422" s="2">
        <v>21.153596</v>
      </c>
      <c r="C8422">
        <v>1.799194</v>
      </c>
      <c r="D8422">
        <f t="shared" si="262"/>
        <v>1.7991940000000001E-3</v>
      </c>
      <c r="E8422" s="6">
        <f t="shared" si="263"/>
        <v>3.8059423001624001E-2</v>
      </c>
    </row>
    <row r="8423" spans="1:5" x14ac:dyDescent="0.25">
      <c r="A8423" s="5">
        <v>43906.791666666664</v>
      </c>
      <c r="B8423" s="2">
        <v>25.444237000000001</v>
      </c>
      <c r="C8423">
        <v>0.120159</v>
      </c>
      <c r="D8423">
        <f t="shared" si="262"/>
        <v>1.20159E-4</v>
      </c>
      <c r="E8423" s="6">
        <f t="shared" si="263"/>
        <v>3.0573540736830002E-3</v>
      </c>
    </row>
    <row r="8424" spans="1:5" x14ac:dyDescent="0.25">
      <c r="A8424" s="5">
        <v>43906.833333333336</v>
      </c>
      <c r="B8424" s="2">
        <v>24.350477999999999</v>
      </c>
      <c r="C8424">
        <v>0</v>
      </c>
      <c r="D8424">
        <f t="shared" si="262"/>
        <v>0</v>
      </c>
      <c r="E8424" s="6">
        <f t="shared" si="263"/>
        <v>0</v>
      </c>
    </row>
    <row r="8425" spans="1:5" x14ac:dyDescent="0.25">
      <c r="A8425" s="5">
        <v>43906.875</v>
      </c>
      <c r="B8425" s="2">
        <v>20.538677</v>
      </c>
      <c r="C8425">
        <v>0</v>
      </c>
      <c r="D8425">
        <f t="shared" si="262"/>
        <v>0</v>
      </c>
      <c r="E8425" s="6">
        <f t="shared" si="263"/>
        <v>0</v>
      </c>
    </row>
    <row r="8426" spans="1:5" x14ac:dyDescent="0.25">
      <c r="A8426" s="5">
        <v>43906.916666666664</v>
      </c>
      <c r="B8426" s="2">
        <v>19.503049000000001</v>
      </c>
      <c r="C8426">
        <v>0</v>
      </c>
      <c r="D8426">
        <f t="shared" si="262"/>
        <v>0</v>
      </c>
      <c r="E8426" s="6">
        <f t="shared" si="263"/>
        <v>0</v>
      </c>
    </row>
    <row r="8427" spans="1:5" x14ac:dyDescent="0.25">
      <c r="A8427" s="5">
        <v>43906.958333333336</v>
      </c>
      <c r="B8427" s="2">
        <v>18.339282000000001</v>
      </c>
      <c r="C8427">
        <v>0</v>
      </c>
      <c r="D8427">
        <f t="shared" si="262"/>
        <v>0</v>
      </c>
      <c r="E8427" s="6">
        <f t="shared" si="263"/>
        <v>0</v>
      </c>
    </row>
    <row r="8428" spans="1:5" x14ac:dyDescent="0.25">
      <c r="A8428" s="5">
        <v>43907</v>
      </c>
      <c r="B8428" s="2">
        <v>16.528293999999999</v>
      </c>
      <c r="C8428">
        <v>0</v>
      </c>
      <c r="D8428">
        <f t="shared" si="262"/>
        <v>0</v>
      </c>
      <c r="E8428" s="6">
        <f t="shared" si="263"/>
        <v>0</v>
      </c>
    </row>
    <row r="8429" spans="1:5" x14ac:dyDescent="0.25">
      <c r="A8429" s="5">
        <v>43907.041666666664</v>
      </c>
      <c r="B8429" s="2">
        <v>16.167408999999999</v>
      </c>
      <c r="C8429">
        <v>0</v>
      </c>
      <c r="D8429">
        <f t="shared" si="262"/>
        <v>0</v>
      </c>
      <c r="E8429" s="6">
        <f t="shared" si="263"/>
        <v>0</v>
      </c>
    </row>
    <row r="8430" spans="1:5" x14ac:dyDescent="0.25">
      <c r="A8430" s="5">
        <v>43907.083333333336</v>
      </c>
      <c r="B8430" s="2">
        <v>15.430885</v>
      </c>
      <c r="C8430">
        <v>0</v>
      </c>
      <c r="D8430">
        <f t="shared" si="262"/>
        <v>0</v>
      </c>
      <c r="E8430" s="6">
        <f t="shared" si="263"/>
        <v>0</v>
      </c>
    </row>
    <row r="8431" spans="1:5" x14ac:dyDescent="0.25">
      <c r="A8431" s="5">
        <v>43907.125</v>
      </c>
      <c r="B8431" s="2">
        <v>15.419646999999999</v>
      </c>
      <c r="C8431">
        <v>0</v>
      </c>
      <c r="D8431">
        <f t="shared" si="262"/>
        <v>0</v>
      </c>
      <c r="E8431" s="6">
        <f t="shared" si="263"/>
        <v>0</v>
      </c>
    </row>
    <row r="8432" spans="1:5" x14ac:dyDescent="0.25">
      <c r="A8432" s="5">
        <v>43907.166666666664</v>
      </c>
      <c r="B8432" s="2">
        <v>16.797903000000002</v>
      </c>
      <c r="C8432">
        <v>0</v>
      </c>
      <c r="D8432">
        <f t="shared" si="262"/>
        <v>0</v>
      </c>
      <c r="E8432" s="6">
        <f t="shared" si="263"/>
        <v>0</v>
      </c>
    </row>
    <row r="8433" spans="1:5" x14ac:dyDescent="0.25">
      <c r="A8433" s="5">
        <v>43907.208333333336</v>
      </c>
      <c r="B8433" s="2">
        <v>19.038612000000001</v>
      </c>
      <c r="C8433">
        <v>0</v>
      </c>
      <c r="D8433">
        <f t="shared" si="262"/>
        <v>0</v>
      </c>
      <c r="E8433" s="6">
        <f t="shared" si="263"/>
        <v>0</v>
      </c>
    </row>
    <row r="8434" spans="1:5" x14ac:dyDescent="0.25">
      <c r="A8434" s="5">
        <v>43907.25</v>
      </c>
      <c r="B8434" s="2">
        <v>26.358865000000002</v>
      </c>
      <c r="C8434">
        <v>0</v>
      </c>
      <c r="D8434">
        <f t="shared" si="262"/>
        <v>0</v>
      </c>
      <c r="E8434" s="6">
        <f t="shared" si="263"/>
        <v>0</v>
      </c>
    </row>
    <row r="8435" spans="1:5" x14ac:dyDescent="0.25">
      <c r="A8435" s="5">
        <v>43907.291666666664</v>
      </c>
      <c r="B8435" s="2">
        <v>28.531772</v>
      </c>
      <c r="C8435">
        <v>0</v>
      </c>
      <c r="D8435">
        <f t="shared" si="262"/>
        <v>0</v>
      </c>
      <c r="E8435" s="6">
        <f t="shared" si="263"/>
        <v>0</v>
      </c>
    </row>
    <row r="8436" spans="1:5" x14ac:dyDescent="0.25">
      <c r="A8436" s="5">
        <v>43907.333333333336</v>
      </c>
      <c r="B8436" s="2">
        <v>27.268160000000002</v>
      </c>
      <c r="C8436">
        <v>1.1472639999999998</v>
      </c>
      <c r="D8436">
        <f t="shared" si="262"/>
        <v>1.1472639999999998E-3</v>
      </c>
      <c r="E8436" s="6">
        <f t="shared" si="263"/>
        <v>3.128377831424E-2</v>
      </c>
    </row>
    <row r="8437" spans="1:5" x14ac:dyDescent="0.25">
      <c r="A8437" s="5">
        <v>43907.375</v>
      </c>
      <c r="B8437" s="2">
        <v>27.995508000000001</v>
      </c>
      <c r="C8437">
        <v>2.5054639999999999</v>
      </c>
      <c r="D8437">
        <f t="shared" si="262"/>
        <v>2.5054639999999998E-3</v>
      </c>
      <c r="E8437" s="6">
        <f t="shared" si="263"/>
        <v>7.0141737455711992E-2</v>
      </c>
    </row>
    <row r="8438" spans="1:5" x14ac:dyDescent="0.25">
      <c r="A8438" s="5">
        <v>43907.416666666664</v>
      </c>
      <c r="B8438" s="2">
        <v>28.747886000000001</v>
      </c>
      <c r="C8438">
        <v>5.5617740000000007</v>
      </c>
      <c r="D8438">
        <f t="shared" si="262"/>
        <v>5.5617740000000002E-3</v>
      </c>
      <c r="E8438" s="6">
        <f t="shared" si="263"/>
        <v>0.159889244909764</v>
      </c>
    </row>
    <row r="8439" spans="1:5" x14ac:dyDescent="0.25">
      <c r="A8439" s="5">
        <v>43907.458333333336</v>
      </c>
      <c r="B8439" s="2">
        <v>25.829661000000002</v>
      </c>
      <c r="C8439">
        <v>5.3649449999999996</v>
      </c>
      <c r="D8439">
        <f t="shared" si="262"/>
        <v>5.3649449999999994E-3</v>
      </c>
      <c r="E8439" s="6">
        <f t="shared" si="263"/>
        <v>0.13857471063364499</v>
      </c>
    </row>
    <row r="8440" spans="1:5" x14ac:dyDescent="0.25">
      <c r="A8440" s="5">
        <v>43907.5</v>
      </c>
      <c r="B8440" s="2">
        <v>22.930243000000001</v>
      </c>
      <c r="C8440">
        <v>5.9280530000000002</v>
      </c>
      <c r="D8440">
        <f t="shared" si="262"/>
        <v>5.928053E-3</v>
      </c>
      <c r="E8440" s="6">
        <f t="shared" si="263"/>
        <v>0.135931695806879</v>
      </c>
    </row>
    <row r="8441" spans="1:5" x14ac:dyDescent="0.25">
      <c r="A8441" s="5">
        <v>43907.541666666664</v>
      </c>
      <c r="B8441" s="2">
        <v>21.528991000000001</v>
      </c>
      <c r="C8441">
        <v>1.8772519999999999</v>
      </c>
      <c r="D8441">
        <f t="shared" si="262"/>
        <v>1.8772519999999998E-3</v>
      </c>
      <c r="E8441" s="6">
        <f t="shared" si="263"/>
        <v>4.0415341412732002E-2</v>
      </c>
    </row>
    <row r="8442" spans="1:5" x14ac:dyDescent="0.25">
      <c r="A8442" s="5">
        <v>43907.583333333336</v>
      </c>
      <c r="B8442" s="2">
        <v>20.353916000000002</v>
      </c>
      <c r="C8442">
        <v>6.3170730000000006</v>
      </c>
      <c r="D8442">
        <f t="shared" si="262"/>
        <v>6.3170730000000003E-3</v>
      </c>
      <c r="E8442" s="6">
        <f t="shared" si="263"/>
        <v>0.12857717320786802</v>
      </c>
    </row>
    <row r="8443" spans="1:5" x14ac:dyDescent="0.25">
      <c r="A8443" s="5">
        <v>43907.625</v>
      </c>
      <c r="B8443" s="2">
        <v>20.143630999999999</v>
      </c>
      <c r="C8443">
        <v>5.233225</v>
      </c>
      <c r="D8443">
        <f t="shared" si="262"/>
        <v>5.2332250000000002E-3</v>
      </c>
      <c r="E8443" s="6">
        <f t="shared" si="263"/>
        <v>0.10541615333997501</v>
      </c>
    </row>
    <row r="8444" spans="1:5" x14ac:dyDescent="0.25">
      <c r="A8444" s="5">
        <v>43907.666666666664</v>
      </c>
      <c r="B8444" s="2">
        <v>20.119326000000001</v>
      </c>
      <c r="C8444">
        <v>3.9270659999999999</v>
      </c>
      <c r="D8444">
        <f t="shared" si="262"/>
        <v>3.9270659999999999E-3</v>
      </c>
      <c r="E8444" s="6">
        <f t="shared" si="263"/>
        <v>7.9009921077516004E-2</v>
      </c>
    </row>
    <row r="8445" spans="1:5" x14ac:dyDescent="0.25">
      <c r="A8445" s="5">
        <v>43907.708333333336</v>
      </c>
      <c r="B8445" s="2">
        <v>20.469597</v>
      </c>
      <c r="C8445">
        <v>0.7198</v>
      </c>
      <c r="D8445">
        <f t="shared" si="262"/>
        <v>7.1980000000000004E-4</v>
      </c>
      <c r="E8445" s="6">
        <f t="shared" si="263"/>
        <v>1.47340159206E-2</v>
      </c>
    </row>
    <row r="8446" spans="1:5" x14ac:dyDescent="0.25">
      <c r="A8446" s="5">
        <v>43907.75</v>
      </c>
      <c r="B8446" s="2">
        <v>21.079511</v>
      </c>
      <c r="C8446">
        <v>0.53427400000000003</v>
      </c>
      <c r="D8446">
        <f t="shared" si="262"/>
        <v>5.3427400000000006E-4</v>
      </c>
      <c r="E8446" s="6">
        <f t="shared" si="263"/>
        <v>1.1262234660014001E-2</v>
      </c>
    </row>
    <row r="8447" spans="1:5" x14ac:dyDescent="0.25">
      <c r="A8447" s="5">
        <v>43907.791666666664</v>
      </c>
      <c r="B8447" s="2">
        <v>25.852142000000001</v>
      </c>
      <c r="C8447">
        <v>0</v>
      </c>
      <c r="D8447">
        <f t="shared" si="262"/>
        <v>0</v>
      </c>
      <c r="E8447" s="6">
        <f t="shared" si="263"/>
        <v>0</v>
      </c>
    </row>
    <row r="8448" spans="1:5" x14ac:dyDescent="0.25">
      <c r="A8448" s="5">
        <v>43907.833333333336</v>
      </c>
      <c r="B8448" s="2">
        <v>24.527546999999998</v>
      </c>
      <c r="C8448">
        <v>0</v>
      </c>
      <c r="D8448">
        <f t="shared" si="262"/>
        <v>0</v>
      </c>
      <c r="E8448" s="6">
        <f t="shared" si="263"/>
        <v>0</v>
      </c>
    </row>
    <row r="8449" spans="1:5" x14ac:dyDescent="0.25">
      <c r="A8449" s="5">
        <v>43907.875</v>
      </c>
      <c r="B8449" s="2">
        <v>21.781783999999998</v>
      </c>
      <c r="C8449">
        <v>0</v>
      </c>
      <c r="D8449">
        <f t="shared" si="262"/>
        <v>0</v>
      </c>
      <c r="E8449" s="6">
        <f t="shared" si="263"/>
        <v>0</v>
      </c>
    </row>
    <row r="8450" spans="1:5" x14ac:dyDescent="0.25">
      <c r="A8450" s="5">
        <v>43907.916666666664</v>
      </c>
      <c r="B8450" s="2">
        <v>19.497499999999999</v>
      </c>
      <c r="C8450">
        <v>0</v>
      </c>
      <c r="D8450">
        <f t="shared" si="262"/>
        <v>0</v>
      </c>
      <c r="E8450" s="6">
        <f t="shared" si="263"/>
        <v>0</v>
      </c>
    </row>
    <row r="8451" spans="1:5" x14ac:dyDescent="0.25">
      <c r="A8451" s="5">
        <v>43907.958333333336</v>
      </c>
      <c r="B8451" s="2">
        <v>17.980588000000001</v>
      </c>
      <c r="C8451">
        <v>0</v>
      </c>
      <c r="D8451">
        <f t="shared" si="262"/>
        <v>0</v>
      </c>
      <c r="E8451" s="6">
        <f t="shared" si="263"/>
        <v>0</v>
      </c>
    </row>
    <row r="8452" spans="1:5" x14ac:dyDescent="0.25">
      <c r="A8452" s="5">
        <v>43908</v>
      </c>
      <c r="B8452" s="2">
        <v>16.560777999999999</v>
      </c>
      <c r="C8452">
        <v>0</v>
      </c>
      <c r="D8452">
        <f t="shared" si="262"/>
        <v>0</v>
      </c>
      <c r="E8452" s="6">
        <f t="shared" si="263"/>
        <v>0</v>
      </c>
    </row>
    <row r="8453" spans="1:5" x14ac:dyDescent="0.25">
      <c r="A8453" s="5">
        <v>43908.041666666664</v>
      </c>
      <c r="B8453" s="2">
        <v>16.008009000000001</v>
      </c>
      <c r="C8453">
        <v>0</v>
      </c>
      <c r="D8453">
        <f t="shared" si="262"/>
        <v>0</v>
      </c>
      <c r="E8453" s="6">
        <f t="shared" si="263"/>
        <v>0</v>
      </c>
    </row>
    <row r="8454" spans="1:5" x14ac:dyDescent="0.25">
      <c r="A8454" s="5">
        <v>43908.083333333336</v>
      </c>
      <c r="B8454" s="2">
        <v>15.125624999999999</v>
      </c>
      <c r="C8454">
        <v>0</v>
      </c>
      <c r="D8454">
        <f t="shared" ref="D8454:D8517" si="264">C8454/1000</f>
        <v>0</v>
      </c>
      <c r="E8454" s="6">
        <f t="shared" ref="E8454:E8517" si="265">D8454*B8454</f>
        <v>0</v>
      </c>
    </row>
    <row r="8455" spans="1:5" x14ac:dyDescent="0.25">
      <c r="A8455" s="5">
        <v>43908.125</v>
      </c>
      <c r="B8455" s="2">
        <v>15.521936999999999</v>
      </c>
      <c r="C8455">
        <v>0</v>
      </c>
      <c r="D8455">
        <f t="shared" si="264"/>
        <v>0</v>
      </c>
      <c r="E8455" s="6">
        <f t="shared" si="265"/>
        <v>0</v>
      </c>
    </row>
    <row r="8456" spans="1:5" x14ac:dyDescent="0.25">
      <c r="A8456" s="5">
        <v>43908.166666666664</v>
      </c>
      <c r="B8456" s="2">
        <v>16.660827999999999</v>
      </c>
      <c r="C8456">
        <v>0</v>
      </c>
      <c r="D8456">
        <f t="shared" si="264"/>
        <v>0</v>
      </c>
      <c r="E8456" s="6">
        <f t="shared" si="265"/>
        <v>0</v>
      </c>
    </row>
    <row r="8457" spans="1:5" x14ac:dyDescent="0.25">
      <c r="A8457" s="5">
        <v>43908.208333333336</v>
      </c>
      <c r="B8457" s="2">
        <v>17.902491999999999</v>
      </c>
      <c r="C8457">
        <v>0</v>
      </c>
      <c r="D8457">
        <f t="shared" si="264"/>
        <v>0</v>
      </c>
      <c r="E8457" s="6">
        <f t="shared" si="265"/>
        <v>0</v>
      </c>
    </row>
    <row r="8458" spans="1:5" x14ac:dyDescent="0.25">
      <c r="A8458" s="5">
        <v>43908.25</v>
      </c>
      <c r="B8458" s="2">
        <v>21.097716999999999</v>
      </c>
      <c r="C8458">
        <v>0</v>
      </c>
      <c r="D8458">
        <f t="shared" si="264"/>
        <v>0</v>
      </c>
      <c r="E8458" s="6">
        <f t="shared" si="265"/>
        <v>0</v>
      </c>
    </row>
    <row r="8459" spans="1:5" x14ac:dyDescent="0.25">
      <c r="A8459" s="5">
        <v>43908.291666666664</v>
      </c>
      <c r="B8459" s="2">
        <v>25.677363</v>
      </c>
      <c r="C8459">
        <v>0</v>
      </c>
      <c r="D8459">
        <f t="shared" si="264"/>
        <v>0</v>
      </c>
      <c r="E8459" s="6">
        <f t="shared" si="265"/>
        <v>0</v>
      </c>
    </row>
    <row r="8460" spans="1:5" x14ac:dyDescent="0.25">
      <c r="A8460" s="5">
        <v>43908.333333333336</v>
      </c>
      <c r="B8460" s="2">
        <v>22.398136999999998</v>
      </c>
      <c r="C8460">
        <v>0.31722500000000003</v>
      </c>
      <c r="D8460">
        <f t="shared" si="264"/>
        <v>3.1722500000000003E-4</v>
      </c>
      <c r="E8460" s="6">
        <f t="shared" si="265"/>
        <v>7.1052490098250003E-3</v>
      </c>
    </row>
    <row r="8461" spans="1:5" x14ac:dyDescent="0.25">
      <c r="A8461" s="5">
        <v>43908.375</v>
      </c>
      <c r="B8461" s="2">
        <v>21.488043999999999</v>
      </c>
      <c r="C8461">
        <v>0.238098</v>
      </c>
      <c r="D8461">
        <f t="shared" si="264"/>
        <v>2.3809800000000001E-4</v>
      </c>
      <c r="E8461" s="6">
        <f t="shared" si="265"/>
        <v>5.1162603003120002E-3</v>
      </c>
    </row>
    <row r="8462" spans="1:5" x14ac:dyDescent="0.25">
      <c r="A8462" s="5">
        <v>43908.416666666664</v>
      </c>
      <c r="B8462" s="2">
        <v>21.592268000000001</v>
      </c>
      <c r="C8462">
        <v>0.76111800000000007</v>
      </c>
      <c r="D8462">
        <f t="shared" si="264"/>
        <v>7.6111800000000008E-4</v>
      </c>
      <c r="E8462" s="6">
        <f t="shared" si="265"/>
        <v>1.6434263835624002E-2</v>
      </c>
    </row>
    <row r="8463" spans="1:5" x14ac:dyDescent="0.25">
      <c r="A8463" s="5">
        <v>43908.458333333336</v>
      </c>
      <c r="B8463" s="2">
        <v>20.919813999999999</v>
      </c>
      <c r="C8463">
        <v>0.90814399999999995</v>
      </c>
      <c r="D8463">
        <f t="shared" si="264"/>
        <v>9.0814399999999994E-4</v>
      </c>
      <c r="E8463" s="6">
        <f t="shared" si="265"/>
        <v>1.8998203565215997E-2</v>
      </c>
    </row>
    <row r="8464" spans="1:5" x14ac:dyDescent="0.25">
      <c r="A8464" s="5">
        <v>43908.5</v>
      </c>
      <c r="B8464" s="2">
        <v>20.16714</v>
      </c>
      <c r="C8464">
        <v>0.46962799999999999</v>
      </c>
      <c r="D8464">
        <f t="shared" si="264"/>
        <v>4.6962799999999998E-4</v>
      </c>
      <c r="E8464" s="6">
        <f t="shared" si="265"/>
        <v>9.4710536239199991E-3</v>
      </c>
    </row>
    <row r="8465" spans="1:5" x14ac:dyDescent="0.25">
      <c r="A8465" s="5">
        <v>43908.541666666664</v>
      </c>
      <c r="B8465" s="2">
        <v>19.621328999999999</v>
      </c>
      <c r="C8465">
        <v>0.76697599999999999</v>
      </c>
      <c r="D8465">
        <f t="shared" si="264"/>
        <v>7.6697599999999994E-4</v>
      </c>
      <c r="E8465" s="6">
        <f t="shared" si="265"/>
        <v>1.5049088431103998E-2</v>
      </c>
    </row>
    <row r="8466" spans="1:5" x14ac:dyDescent="0.25">
      <c r="A8466" s="5">
        <v>43908.583333333336</v>
      </c>
      <c r="B8466" s="2">
        <v>18.912230999999998</v>
      </c>
      <c r="C8466">
        <v>0.67529799999999995</v>
      </c>
      <c r="D8466">
        <f t="shared" si="264"/>
        <v>6.7529799999999996E-4</v>
      </c>
      <c r="E8466" s="6">
        <f t="shared" si="265"/>
        <v>1.2771391769837999E-2</v>
      </c>
    </row>
    <row r="8467" spans="1:5" x14ac:dyDescent="0.25">
      <c r="A8467" s="5">
        <v>43908.625</v>
      </c>
      <c r="B8467" s="2">
        <v>18.752008</v>
      </c>
      <c r="C8467">
        <v>0.81867400000000001</v>
      </c>
      <c r="D8467">
        <f t="shared" si="264"/>
        <v>8.1867400000000003E-4</v>
      </c>
      <c r="E8467" s="6">
        <f t="shared" si="265"/>
        <v>1.5351781397392001E-2</v>
      </c>
    </row>
    <row r="8468" spans="1:5" x14ac:dyDescent="0.25">
      <c r="A8468" s="5">
        <v>43908.666666666664</v>
      </c>
      <c r="B8468" s="2">
        <v>19.001355</v>
      </c>
      <c r="C8468">
        <v>0.50303500000000001</v>
      </c>
      <c r="D8468">
        <f t="shared" si="264"/>
        <v>5.0303499999999998E-4</v>
      </c>
      <c r="E8468" s="6">
        <f t="shared" si="265"/>
        <v>9.5583466124250002E-3</v>
      </c>
    </row>
    <row r="8469" spans="1:5" x14ac:dyDescent="0.25">
      <c r="A8469" s="5">
        <v>43908.708333333336</v>
      </c>
      <c r="B8469" s="2">
        <v>19.571242999999999</v>
      </c>
      <c r="C8469">
        <v>0.34268900000000002</v>
      </c>
      <c r="D8469">
        <f t="shared" si="264"/>
        <v>3.4268900000000003E-4</v>
      </c>
      <c r="E8469" s="6">
        <f t="shared" si="265"/>
        <v>6.7068496924270003E-3</v>
      </c>
    </row>
    <row r="8470" spans="1:5" x14ac:dyDescent="0.25">
      <c r="A8470" s="5">
        <v>43908.75</v>
      </c>
      <c r="B8470" s="2">
        <v>20.134664999999998</v>
      </c>
      <c r="C8470">
        <v>7.6302999999999996E-2</v>
      </c>
      <c r="D8470">
        <f t="shared" si="264"/>
        <v>7.6302999999999991E-5</v>
      </c>
      <c r="E8470" s="6">
        <f t="shared" si="265"/>
        <v>1.5363353434949996E-3</v>
      </c>
    </row>
    <row r="8471" spans="1:5" x14ac:dyDescent="0.25">
      <c r="A8471" s="5">
        <v>43908.791666666664</v>
      </c>
      <c r="B8471" s="2">
        <v>22.485363</v>
      </c>
      <c r="C8471">
        <v>0</v>
      </c>
      <c r="D8471">
        <f t="shared" si="264"/>
        <v>0</v>
      </c>
      <c r="E8471" s="6">
        <f t="shared" si="265"/>
        <v>0</v>
      </c>
    </row>
    <row r="8472" spans="1:5" x14ac:dyDescent="0.25">
      <c r="A8472" s="5">
        <v>43908.833333333336</v>
      </c>
      <c r="B8472" s="2">
        <v>21.684792000000002</v>
      </c>
      <c r="C8472">
        <v>0</v>
      </c>
      <c r="D8472">
        <f t="shared" si="264"/>
        <v>0</v>
      </c>
      <c r="E8472" s="6">
        <f t="shared" si="265"/>
        <v>0</v>
      </c>
    </row>
    <row r="8473" spans="1:5" x14ac:dyDescent="0.25">
      <c r="A8473" s="5">
        <v>43908.875</v>
      </c>
      <c r="B8473" s="2">
        <v>20.035589999999999</v>
      </c>
      <c r="C8473">
        <v>0</v>
      </c>
      <c r="D8473">
        <f t="shared" si="264"/>
        <v>0</v>
      </c>
      <c r="E8473" s="6">
        <f t="shared" si="265"/>
        <v>0</v>
      </c>
    </row>
    <row r="8474" spans="1:5" x14ac:dyDescent="0.25">
      <c r="A8474" s="5">
        <v>43908.916666666664</v>
      </c>
      <c r="B8474" s="2">
        <v>18.223368000000001</v>
      </c>
      <c r="C8474">
        <v>0</v>
      </c>
      <c r="D8474">
        <f t="shared" si="264"/>
        <v>0</v>
      </c>
      <c r="E8474" s="6">
        <f t="shared" si="265"/>
        <v>0</v>
      </c>
    </row>
    <row r="8475" spans="1:5" x14ac:dyDescent="0.25">
      <c r="A8475" s="5">
        <v>43908.958333333336</v>
      </c>
      <c r="B8475" s="2">
        <v>16.510805999999999</v>
      </c>
      <c r="C8475">
        <v>0</v>
      </c>
      <c r="D8475">
        <f t="shared" si="264"/>
        <v>0</v>
      </c>
      <c r="E8475" s="6">
        <f t="shared" si="265"/>
        <v>0</v>
      </c>
    </row>
    <row r="8476" spans="1:5" x14ac:dyDescent="0.25">
      <c r="A8476" s="5">
        <v>43909</v>
      </c>
      <c r="B8476" s="2">
        <v>14.670199999999999</v>
      </c>
      <c r="C8476">
        <v>0</v>
      </c>
      <c r="D8476">
        <f t="shared" si="264"/>
        <v>0</v>
      </c>
      <c r="E8476" s="6">
        <f t="shared" si="265"/>
        <v>0</v>
      </c>
    </row>
    <row r="8477" spans="1:5" x14ac:dyDescent="0.25">
      <c r="A8477" s="5">
        <v>43909.041666666664</v>
      </c>
      <c r="B8477" s="2">
        <v>14.13298</v>
      </c>
      <c r="C8477">
        <v>0</v>
      </c>
      <c r="D8477">
        <f t="shared" si="264"/>
        <v>0</v>
      </c>
      <c r="E8477" s="6">
        <f t="shared" si="265"/>
        <v>0</v>
      </c>
    </row>
    <row r="8478" spans="1:5" x14ac:dyDescent="0.25">
      <c r="A8478" s="5">
        <v>43909.083333333336</v>
      </c>
      <c r="B8478" s="2">
        <v>12.940162000000001</v>
      </c>
      <c r="C8478">
        <v>0</v>
      </c>
      <c r="D8478">
        <f t="shared" si="264"/>
        <v>0</v>
      </c>
      <c r="E8478" s="6">
        <f t="shared" si="265"/>
        <v>0</v>
      </c>
    </row>
    <row r="8479" spans="1:5" x14ac:dyDescent="0.25">
      <c r="A8479" s="5">
        <v>43909.125</v>
      </c>
      <c r="B8479" s="2">
        <v>13.473832</v>
      </c>
      <c r="C8479">
        <v>0</v>
      </c>
      <c r="D8479">
        <f t="shared" si="264"/>
        <v>0</v>
      </c>
      <c r="E8479" s="6">
        <f t="shared" si="265"/>
        <v>0</v>
      </c>
    </row>
    <row r="8480" spans="1:5" x14ac:dyDescent="0.25">
      <c r="A8480" s="5">
        <v>43909.166666666664</v>
      </c>
      <c r="B8480" s="2">
        <v>13.993008</v>
      </c>
      <c r="C8480">
        <v>0</v>
      </c>
      <c r="D8480">
        <f t="shared" si="264"/>
        <v>0</v>
      </c>
      <c r="E8480" s="6">
        <f t="shared" si="265"/>
        <v>0</v>
      </c>
    </row>
    <row r="8481" spans="1:5" x14ac:dyDescent="0.25">
      <c r="A8481" s="5">
        <v>43909.208333333336</v>
      </c>
      <c r="B8481" s="2">
        <v>15.789778</v>
      </c>
      <c r="C8481">
        <v>0</v>
      </c>
      <c r="D8481">
        <f t="shared" si="264"/>
        <v>0</v>
      </c>
      <c r="E8481" s="6">
        <f t="shared" si="265"/>
        <v>0</v>
      </c>
    </row>
    <row r="8482" spans="1:5" x14ac:dyDescent="0.25">
      <c r="A8482" s="5">
        <v>43909.25</v>
      </c>
      <c r="B8482" s="2">
        <v>18.580756000000001</v>
      </c>
      <c r="C8482">
        <v>0</v>
      </c>
      <c r="D8482">
        <f t="shared" si="264"/>
        <v>0</v>
      </c>
      <c r="E8482" s="6">
        <f t="shared" si="265"/>
        <v>0</v>
      </c>
    </row>
    <row r="8483" spans="1:5" x14ac:dyDescent="0.25">
      <c r="A8483" s="5">
        <v>43909.291666666664</v>
      </c>
      <c r="B8483" s="2">
        <v>20.131713000000001</v>
      </c>
      <c r="C8483">
        <v>0</v>
      </c>
      <c r="D8483">
        <f t="shared" si="264"/>
        <v>0</v>
      </c>
      <c r="E8483" s="6">
        <f t="shared" si="265"/>
        <v>0</v>
      </c>
    </row>
    <row r="8484" spans="1:5" x14ac:dyDescent="0.25">
      <c r="A8484" s="5">
        <v>43909.333333333336</v>
      </c>
      <c r="B8484" s="2">
        <v>20.444212</v>
      </c>
      <c r="C8484">
        <v>0</v>
      </c>
      <c r="D8484">
        <f t="shared" si="264"/>
        <v>0</v>
      </c>
      <c r="E8484" s="6">
        <f t="shared" si="265"/>
        <v>0</v>
      </c>
    </row>
    <row r="8485" spans="1:5" x14ac:dyDescent="0.25">
      <c r="A8485" s="5">
        <v>43909.375</v>
      </c>
      <c r="B8485" s="2">
        <v>20.703787999999999</v>
      </c>
      <c r="C8485">
        <v>6.6845000000000002E-2</v>
      </c>
      <c r="D8485">
        <f t="shared" si="264"/>
        <v>6.6845000000000001E-5</v>
      </c>
      <c r="E8485" s="6">
        <f t="shared" si="265"/>
        <v>1.38394470886E-3</v>
      </c>
    </row>
    <row r="8486" spans="1:5" x14ac:dyDescent="0.25">
      <c r="A8486" s="5">
        <v>43909.416666666664</v>
      </c>
      <c r="B8486" s="2">
        <v>20.444105</v>
      </c>
      <c r="C8486">
        <v>0.93728599999999995</v>
      </c>
      <c r="D8486">
        <f t="shared" si="264"/>
        <v>9.3728599999999996E-4</v>
      </c>
      <c r="E8486" s="6">
        <f t="shared" si="265"/>
        <v>1.9161973399029999E-2</v>
      </c>
    </row>
    <row r="8487" spans="1:5" x14ac:dyDescent="0.25">
      <c r="A8487" s="5">
        <v>43909.458333333336</v>
      </c>
      <c r="B8487" s="2">
        <v>20.068539000000001</v>
      </c>
      <c r="C8487">
        <v>1.169173</v>
      </c>
      <c r="D8487">
        <f t="shared" si="264"/>
        <v>1.1691729999999999E-3</v>
      </c>
      <c r="E8487" s="6">
        <f t="shared" si="265"/>
        <v>2.3463593948247E-2</v>
      </c>
    </row>
    <row r="8488" spans="1:5" x14ac:dyDescent="0.25">
      <c r="A8488" s="5">
        <v>43909.5</v>
      </c>
      <c r="B8488" s="2">
        <v>19.359072999999999</v>
      </c>
      <c r="C8488">
        <v>0.43898100000000001</v>
      </c>
      <c r="D8488">
        <f t="shared" si="264"/>
        <v>4.3898100000000002E-4</v>
      </c>
      <c r="E8488" s="6">
        <f t="shared" si="265"/>
        <v>8.4982652246129997E-3</v>
      </c>
    </row>
    <row r="8489" spans="1:5" x14ac:dyDescent="0.25">
      <c r="A8489" s="5">
        <v>43909.541666666664</v>
      </c>
      <c r="B8489" s="2">
        <v>19.441883000000001</v>
      </c>
      <c r="C8489">
        <v>1.469247</v>
      </c>
      <c r="D8489">
        <f t="shared" si="264"/>
        <v>1.4692469999999999E-3</v>
      </c>
      <c r="E8489" s="6">
        <f t="shared" si="265"/>
        <v>2.8564928272100998E-2</v>
      </c>
    </row>
    <row r="8490" spans="1:5" x14ac:dyDescent="0.25">
      <c r="A8490" s="5">
        <v>43909.583333333336</v>
      </c>
      <c r="B8490" s="2">
        <v>18.118456999999999</v>
      </c>
      <c r="C8490">
        <v>2.2547869999999999</v>
      </c>
      <c r="D8490">
        <f t="shared" si="264"/>
        <v>2.2547869999999999E-3</v>
      </c>
      <c r="E8490" s="6">
        <f t="shared" si="265"/>
        <v>4.0853261303658996E-2</v>
      </c>
    </row>
    <row r="8491" spans="1:5" x14ac:dyDescent="0.25">
      <c r="A8491" s="5">
        <v>43909.625</v>
      </c>
      <c r="B8491" s="2">
        <v>18.138853000000001</v>
      </c>
      <c r="C8491">
        <v>2.038405</v>
      </c>
      <c r="D8491">
        <f t="shared" si="264"/>
        <v>2.0384050000000001E-3</v>
      </c>
      <c r="E8491" s="6">
        <f t="shared" si="265"/>
        <v>3.6974328649465003E-2</v>
      </c>
    </row>
    <row r="8492" spans="1:5" x14ac:dyDescent="0.25">
      <c r="A8492" s="5">
        <v>43909.666666666664</v>
      </c>
      <c r="B8492" s="2">
        <v>18.307518999999999</v>
      </c>
      <c r="C8492">
        <v>0.85040300000000002</v>
      </c>
      <c r="D8492">
        <f t="shared" si="264"/>
        <v>8.5040300000000001E-4</v>
      </c>
      <c r="E8492" s="6">
        <f t="shared" si="265"/>
        <v>1.5568769080156999E-2</v>
      </c>
    </row>
    <row r="8493" spans="1:5" x14ac:dyDescent="0.25">
      <c r="A8493" s="5">
        <v>43909.708333333336</v>
      </c>
      <c r="B8493" s="2">
        <v>18.418565999999998</v>
      </c>
      <c r="C8493">
        <v>0.658439</v>
      </c>
      <c r="D8493">
        <f t="shared" si="264"/>
        <v>6.5843900000000003E-4</v>
      </c>
      <c r="E8493" s="6">
        <f t="shared" si="265"/>
        <v>1.2127502178474E-2</v>
      </c>
    </row>
    <row r="8494" spans="1:5" x14ac:dyDescent="0.25">
      <c r="A8494" s="5">
        <v>43909.75</v>
      </c>
      <c r="B8494" s="2">
        <v>18.648796000000001</v>
      </c>
      <c r="C8494">
        <v>4.8168999999999997E-2</v>
      </c>
      <c r="D8494">
        <f t="shared" si="264"/>
        <v>4.8168999999999999E-5</v>
      </c>
      <c r="E8494" s="6">
        <f t="shared" si="265"/>
        <v>8.9829385452400005E-4</v>
      </c>
    </row>
    <row r="8495" spans="1:5" x14ac:dyDescent="0.25">
      <c r="A8495" s="5">
        <v>43909.791666666664</v>
      </c>
      <c r="B8495" s="2">
        <v>20.121689</v>
      </c>
      <c r="C8495">
        <v>7.9953999999999997E-2</v>
      </c>
      <c r="D8495">
        <f t="shared" si="264"/>
        <v>7.9954000000000001E-5</v>
      </c>
      <c r="E8495" s="6">
        <f t="shared" si="265"/>
        <v>1.608809522306E-3</v>
      </c>
    </row>
    <row r="8496" spans="1:5" x14ac:dyDescent="0.25">
      <c r="A8496" s="5">
        <v>43909.833333333336</v>
      </c>
      <c r="B8496" s="2">
        <v>19.824795999999999</v>
      </c>
      <c r="C8496">
        <v>0</v>
      </c>
      <c r="D8496">
        <f t="shared" si="264"/>
        <v>0</v>
      </c>
      <c r="E8496" s="6">
        <f t="shared" si="265"/>
        <v>0</v>
      </c>
    </row>
    <row r="8497" spans="1:5" x14ac:dyDescent="0.25">
      <c r="A8497" s="5">
        <v>43909.875</v>
      </c>
      <c r="B8497" s="2">
        <v>17.591315000000002</v>
      </c>
      <c r="C8497">
        <v>0</v>
      </c>
      <c r="D8497">
        <f t="shared" si="264"/>
        <v>0</v>
      </c>
      <c r="E8497" s="6">
        <f t="shared" si="265"/>
        <v>0</v>
      </c>
    </row>
    <row r="8498" spans="1:5" x14ac:dyDescent="0.25">
      <c r="A8498" s="5">
        <v>43909.916666666664</v>
      </c>
      <c r="B8498" s="2">
        <v>14.424321000000001</v>
      </c>
      <c r="C8498">
        <v>0</v>
      </c>
      <c r="D8498">
        <f t="shared" si="264"/>
        <v>0</v>
      </c>
      <c r="E8498" s="6">
        <f t="shared" si="265"/>
        <v>0</v>
      </c>
    </row>
    <row r="8499" spans="1:5" x14ac:dyDescent="0.25">
      <c r="A8499" s="5">
        <v>43909.958333333336</v>
      </c>
      <c r="B8499" s="2">
        <v>13.162277</v>
      </c>
      <c r="C8499">
        <v>0</v>
      </c>
      <c r="D8499">
        <f t="shared" si="264"/>
        <v>0</v>
      </c>
      <c r="E8499" s="6">
        <f t="shared" si="265"/>
        <v>0</v>
      </c>
    </row>
    <row r="8500" spans="1:5" x14ac:dyDescent="0.25">
      <c r="A8500" s="5">
        <v>43910</v>
      </c>
      <c r="B8500" s="2">
        <v>10.867699</v>
      </c>
      <c r="C8500">
        <v>0</v>
      </c>
      <c r="D8500">
        <f t="shared" si="264"/>
        <v>0</v>
      </c>
      <c r="E8500" s="6">
        <f t="shared" si="265"/>
        <v>0</v>
      </c>
    </row>
    <row r="8501" spans="1:5" x14ac:dyDescent="0.25">
      <c r="A8501" s="5">
        <v>43910.041666666664</v>
      </c>
      <c r="B8501" s="2">
        <v>10.655035</v>
      </c>
      <c r="C8501">
        <v>0</v>
      </c>
      <c r="D8501">
        <f t="shared" si="264"/>
        <v>0</v>
      </c>
      <c r="E8501" s="6">
        <f t="shared" si="265"/>
        <v>0</v>
      </c>
    </row>
    <row r="8502" spans="1:5" x14ac:dyDescent="0.25">
      <c r="A8502" s="5">
        <v>43910.083333333336</v>
      </c>
      <c r="B8502" s="2">
        <v>10.424904</v>
      </c>
      <c r="C8502">
        <v>0</v>
      </c>
      <c r="D8502">
        <f t="shared" si="264"/>
        <v>0</v>
      </c>
      <c r="E8502" s="6">
        <f t="shared" si="265"/>
        <v>0</v>
      </c>
    </row>
    <row r="8503" spans="1:5" x14ac:dyDescent="0.25">
      <c r="A8503" s="5">
        <v>43910.125</v>
      </c>
      <c r="B8503" s="2">
        <v>10.539156999999999</v>
      </c>
      <c r="C8503">
        <v>0</v>
      </c>
      <c r="D8503">
        <f t="shared" si="264"/>
        <v>0</v>
      </c>
      <c r="E8503" s="6">
        <f t="shared" si="265"/>
        <v>0</v>
      </c>
    </row>
    <row r="8504" spans="1:5" x14ac:dyDescent="0.25">
      <c r="A8504" s="5">
        <v>43910.166666666664</v>
      </c>
      <c r="B8504" s="2">
        <v>10.678179</v>
      </c>
      <c r="C8504">
        <v>0</v>
      </c>
      <c r="D8504">
        <f t="shared" si="264"/>
        <v>0</v>
      </c>
      <c r="E8504" s="6">
        <f t="shared" si="265"/>
        <v>0</v>
      </c>
    </row>
    <row r="8505" spans="1:5" x14ac:dyDescent="0.25">
      <c r="A8505" s="5">
        <v>43910.208333333336</v>
      </c>
      <c r="B8505" s="2">
        <v>11.656079999999999</v>
      </c>
      <c r="C8505">
        <v>0</v>
      </c>
      <c r="D8505">
        <f t="shared" si="264"/>
        <v>0</v>
      </c>
      <c r="E8505" s="6">
        <f t="shared" si="265"/>
        <v>0</v>
      </c>
    </row>
    <row r="8506" spans="1:5" x14ac:dyDescent="0.25">
      <c r="A8506" s="5">
        <v>43910.25</v>
      </c>
      <c r="B8506" s="2">
        <v>14.193949</v>
      </c>
      <c r="C8506">
        <v>0</v>
      </c>
      <c r="D8506">
        <f t="shared" si="264"/>
        <v>0</v>
      </c>
      <c r="E8506" s="6">
        <f t="shared" si="265"/>
        <v>0</v>
      </c>
    </row>
    <row r="8507" spans="1:5" x14ac:dyDescent="0.25">
      <c r="A8507" s="5">
        <v>43910.291666666664</v>
      </c>
      <c r="B8507" s="2">
        <v>17.227506999999999</v>
      </c>
      <c r="C8507">
        <v>0</v>
      </c>
      <c r="D8507">
        <f t="shared" si="264"/>
        <v>0</v>
      </c>
      <c r="E8507" s="6">
        <f t="shared" si="265"/>
        <v>0</v>
      </c>
    </row>
    <row r="8508" spans="1:5" x14ac:dyDescent="0.25">
      <c r="A8508" s="5">
        <v>43910.333333333336</v>
      </c>
      <c r="B8508" s="2">
        <v>17.322586999999999</v>
      </c>
      <c r="C8508">
        <v>0.133351</v>
      </c>
      <c r="D8508">
        <f t="shared" si="264"/>
        <v>1.33351E-4</v>
      </c>
      <c r="E8508" s="6">
        <f t="shared" si="265"/>
        <v>2.3099842990369998E-3</v>
      </c>
    </row>
    <row r="8509" spans="1:5" x14ac:dyDescent="0.25">
      <c r="A8509" s="5">
        <v>43910.375</v>
      </c>
      <c r="B8509" s="2">
        <v>18.367069000000001</v>
      </c>
      <c r="C8509">
        <v>2.2978860000000001</v>
      </c>
      <c r="D8509">
        <f t="shared" si="264"/>
        <v>2.2978860000000003E-3</v>
      </c>
      <c r="E8509" s="6">
        <f t="shared" si="265"/>
        <v>4.2205430716134008E-2</v>
      </c>
    </row>
    <row r="8510" spans="1:5" x14ac:dyDescent="0.25">
      <c r="A8510" s="5">
        <v>43910.416666666664</v>
      </c>
      <c r="B8510" s="2">
        <v>19.084282999999999</v>
      </c>
      <c r="C8510">
        <v>4.0928880000000003</v>
      </c>
      <c r="D8510">
        <f t="shared" si="264"/>
        <v>4.0928880000000003E-3</v>
      </c>
      <c r="E8510" s="6">
        <f t="shared" si="265"/>
        <v>7.8109832879303995E-2</v>
      </c>
    </row>
    <row r="8511" spans="1:5" x14ac:dyDescent="0.25">
      <c r="A8511" s="5">
        <v>43910.458333333336</v>
      </c>
      <c r="B8511" s="2">
        <v>19.441866999999998</v>
      </c>
      <c r="C8511">
        <v>5.5300290000000007</v>
      </c>
      <c r="D8511">
        <f t="shared" si="264"/>
        <v>5.5300290000000005E-3</v>
      </c>
      <c r="E8511" s="6">
        <f t="shared" si="265"/>
        <v>0.107514088324143</v>
      </c>
    </row>
    <row r="8512" spans="1:5" x14ac:dyDescent="0.25">
      <c r="A8512" s="5">
        <v>43910.5</v>
      </c>
      <c r="B8512" s="2">
        <v>19.251204999999999</v>
      </c>
      <c r="C8512">
        <v>6.4460699999999997</v>
      </c>
      <c r="D8512">
        <f t="shared" si="264"/>
        <v>6.4460699999999999E-3</v>
      </c>
      <c r="E8512" s="6">
        <f t="shared" si="265"/>
        <v>0.12409461501434998</v>
      </c>
    </row>
    <row r="8513" spans="1:5" x14ac:dyDescent="0.25">
      <c r="A8513" s="5">
        <v>43910.541666666664</v>
      </c>
      <c r="B8513" s="2">
        <v>19.644812999999999</v>
      </c>
      <c r="C8513">
        <v>7.8113029999999997</v>
      </c>
      <c r="D8513">
        <f t="shared" si="264"/>
        <v>7.8113029999999995E-3</v>
      </c>
      <c r="E8513" s="6">
        <f t="shared" si="265"/>
        <v>0.15345158672133899</v>
      </c>
    </row>
    <row r="8514" spans="1:5" x14ac:dyDescent="0.25">
      <c r="A8514" s="5">
        <v>43910.583333333336</v>
      </c>
      <c r="B8514" s="2">
        <v>19.349488000000001</v>
      </c>
      <c r="C8514">
        <v>7.5390370000000004</v>
      </c>
      <c r="D8514">
        <f t="shared" si="264"/>
        <v>7.5390370000000002E-3</v>
      </c>
      <c r="E8514" s="6">
        <f t="shared" si="265"/>
        <v>0.14587650596305601</v>
      </c>
    </row>
    <row r="8515" spans="1:5" x14ac:dyDescent="0.25">
      <c r="A8515" s="5">
        <v>43910.625</v>
      </c>
      <c r="B8515" s="2">
        <v>18.732807999999999</v>
      </c>
      <c r="C8515">
        <v>6.1739090000000001</v>
      </c>
      <c r="D8515">
        <f t="shared" si="264"/>
        <v>6.173909E-3</v>
      </c>
      <c r="E8515" s="6">
        <f t="shared" si="265"/>
        <v>0.11565465190647199</v>
      </c>
    </row>
    <row r="8516" spans="1:5" x14ac:dyDescent="0.25">
      <c r="A8516" s="5">
        <v>43910.666666666664</v>
      </c>
      <c r="B8516" s="2">
        <v>19.071411000000001</v>
      </c>
      <c r="C8516">
        <v>5.6804899999999998</v>
      </c>
      <c r="D8516">
        <f t="shared" si="264"/>
        <v>5.6804899999999998E-3</v>
      </c>
      <c r="E8516" s="6">
        <f t="shared" si="265"/>
        <v>0.10833495947139</v>
      </c>
    </row>
    <row r="8517" spans="1:5" x14ac:dyDescent="0.25">
      <c r="A8517" s="5">
        <v>43910.708333333336</v>
      </c>
      <c r="B8517" s="2">
        <v>19.131003</v>
      </c>
      <c r="C8517">
        <v>3.085588</v>
      </c>
      <c r="D8517">
        <f t="shared" si="264"/>
        <v>3.0855879999999998E-3</v>
      </c>
      <c r="E8517" s="6">
        <f t="shared" si="265"/>
        <v>5.9030393284763998E-2</v>
      </c>
    </row>
    <row r="8518" spans="1:5" x14ac:dyDescent="0.25">
      <c r="A8518" s="5">
        <v>43910.75</v>
      </c>
      <c r="B8518" s="2">
        <v>19.500091000000001</v>
      </c>
      <c r="C8518">
        <v>1.581758</v>
      </c>
      <c r="D8518">
        <f t="shared" ref="D8518:D8581" si="266">C8518/1000</f>
        <v>1.5817579999999999E-3</v>
      </c>
      <c r="E8518" s="6">
        <f t="shared" ref="E8518:E8581" si="267">D8518*B8518</f>
        <v>3.0844424939978E-2</v>
      </c>
    </row>
    <row r="8519" spans="1:5" x14ac:dyDescent="0.25">
      <c r="A8519" s="5">
        <v>43910.791666666664</v>
      </c>
      <c r="B8519" s="2">
        <v>20.956309000000001</v>
      </c>
      <c r="C8519">
        <v>0.11057399999999999</v>
      </c>
      <c r="D8519">
        <f t="shared" si="266"/>
        <v>1.1057399999999999E-4</v>
      </c>
      <c r="E8519" s="6">
        <f t="shared" si="267"/>
        <v>2.3172229113659999E-3</v>
      </c>
    </row>
    <row r="8520" spans="1:5" x14ac:dyDescent="0.25">
      <c r="A8520" s="5">
        <v>43910.833333333336</v>
      </c>
      <c r="B8520" s="2">
        <v>20.762069</v>
      </c>
      <c r="C8520">
        <v>0</v>
      </c>
      <c r="D8520">
        <f t="shared" si="266"/>
        <v>0</v>
      </c>
      <c r="E8520" s="6">
        <f t="shared" si="267"/>
        <v>0</v>
      </c>
    </row>
    <row r="8521" spans="1:5" x14ac:dyDescent="0.25">
      <c r="A8521" s="5">
        <v>43910.875</v>
      </c>
      <c r="B8521" s="2">
        <v>19.39836</v>
      </c>
      <c r="C8521">
        <v>0</v>
      </c>
      <c r="D8521">
        <f t="shared" si="266"/>
        <v>0</v>
      </c>
      <c r="E8521" s="6">
        <f t="shared" si="267"/>
        <v>0</v>
      </c>
    </row>
    <row r="8522" spans="1:5" x14ac:dyDescent="0.25">
      <c r="A8522" s="5">
        <v>43910.916666666664</v>
      </c>
      <c r="B8522" s="2">
        <v>16.934853</v>
      </c>
      <c r="C8522">
        <v>0</v>
      </c>
      <c r="D8522">
        <f t="shared" si="266"/>
        <v>0</v>
      </c>
      <c r="E8522" s="6">
        <f t="shared" si="267"/>
        <v>0</v>
      </c>
    </row>
    <row r="8523" spans="1:5" x14ac:dyDescent="0.25">
      <c r="A8523" s="5">
        <v>43910.958333333336</v>
      </c>
      <c r="B8523" s="2">
        <v>15.573909</v>
      </c>
      <c r="C8523">
        <v>0</v>
      </c>
      <c r="D8523">
        <f t="shared" si="266"/>
        <v>0</v>
      </c>
      <c r="E8523" s="6">
        <f t="shared" si="267"/>
        <v>0</v>
      </c>
    </row>
    <row r="8524" spans="1:5" x14ac:dyDescent="0.25">
      <c r="A8524" s="5">
        <v>43911</v>
      </c>
      <c r="B8524" s="2">
        <v>13.432531000000001</v>
      </c>
      <c r="C8524">
        <v>0</v>
      </c>
      <c r="D8524">
        <f t="shared" si="266"/>
        <v>0</v>
      </c>
      <c r="E8524" s="6">
        <f t="shared" si="267"/>
        <v>0</v>
      </c>
    </row>
    <row r="8525" spans="1:5" x14ac:dyDescent="0.25">
      <c r="A8525" s="5">
        <v>43911.041666666664</v>
      </c>
      <c r="B8525" s="2">
        <v>13.612634</v>
      </c>
      <c r="C8525">
        <v>0</v>
      </c>
      <c r="D8525">
        <f t="shared" si="266"/>
        <v>0</v>
      </c>
      <c r="E8525" s="6">
        <f t="shared" si="267"/>
        <v>0</v>
      </c>
    </row>
    <row r="8526" spans="1:5" x14ac:dyDescent="0.25">
      <c r="A8526" s="5">
        <v>43911.083333333336</v>
      </c>
      <c r="B8526" s="2">
        <v>12.177358999999999</v>
      </c>
      <c r="C8526">
        <v>0</v>
      </c>
      <c r="D8526">
        <f t="shared" si="266"/>
        <v>0</v>
      </c>
      <c r="E8526" s="6">
        <f t="shared" si="267"/>
        <v>0</v>
      </c>
    </row>
    <row r="8527" spans="1:5" x14ac:dyDescent="0.25">
      <c r="A8527" s="5">
        <v>43911.125</v>
      </c>
      <c r="B8527" s="2">
        <v>11.855525999999999</v>
      </c>
      <c r="C8527">
        <v>0</v>
      </c>
      <c r="D8527">
        <f t="shared" si="266"/>
        <v>0</v>
      </c>
      <c r="E8527" s="6">
        <f t="shared" si="267"/>
        <v>0</v>
      </c>
    </row>
    <row r="8528" spans="1:5" x14ac:dyDescent="0.25">
      <c r="A8528" s="5">
        <v>43911.166666666664</v>
      </c>
      <c r="B8528" s="2">
        <v>12.356942</v>
      </c>
      <c r="C8528">
        <v>0</v>
      </c>
      <c r="D8528">
        <f t="shared" si="266"/>
        <v>0</v>
      </c>
      <c r="E8528" s="6">
        <f t="shared" si="267"/>
        <v>0</v>
      </c>
    </row>
    <row r="8529" spans="1:5" x14ac:dyDescent="0.25">
      <c r="A8529" s="5">
        <v>43911.208333333336</v>
      </c>
      <c r="B8529" s="2">
        <v>13.151714999999999</v>
      </c>
      <c r="C8529">
        <v>0</v>
      </c>
      <c r="D8529">
        <f t="shared" si="266"/>
        <v>0</v>
      </c>
      <c r="E8529" s="6">
        <f t="shared" si="267"/>
        <v>0</v>
      </c>
    </row>
    <row r="8530" spans="1:5" x14ac:dyDescent="0.25">
      <c r="A8530" s="5">
        <v>43911.25</v>
      </c>
      <c r="B8530" s="2">
        <v>14.615762</v>
      </c>
      <c r="C8530">
        <v>0</v>
      </c>
      <c r="D8530">
        <f t="shared" si="266"/>
        <v>0</v>
      </c>
      <c r="E8530" s="6">
        <f t="shared" si="267"/>
        <v>0</v>
      </c>
    </row>
    <row r="8531" spans="1:5" x14ac:dyDescent="0.25">
      <c r="A8531" s="5">
        <v>43911.291666666664</v>
      </c>
      <c r="B8531" s="2">
        <v>17.233930999999998</v>
      </c>
      <c r="C8531">
        <v>0</v>
      </c>
      <c r="D8531">
        <f t="shared" si="266"/>
        <v>0</v>
      </c>
      <c r="E8531" s="6">
        <f t="shared" si="267"/>
        <v>0</v>
      </c>
    </row>
    <row r="8532" spans="1:5" x14ac:dyDescent="0.25">
      <c r="A8532" s="5">
        <v>43911.333333333336</v>
      </c>
      <c r="B8532" s="2">
        <v>18.889958</v>
      </c>
      <c r="C8532">
        <v>9.5915E-2</v>
      </c>
      <c r="D8532">
        <f t="shared" si="266"/>
        <v>9.5915000000000006E-5</v>
      </c>
      <c r="E8532" s="6">
        <f t="shared" si="267"/>
        <v>1.8118303215700002E-3</v>
      </c>
    </row>
    <row r="8533" spans="1:5" x14ac:dyDescent="0.25">
      <c r="A8533" s="5">
        <v>43911.375</v>
      </c>
      <c r="B8533" s="2">
        <v>19.374745000000001</v>
      </c>
      <c r="C8533">
        <v>1.5978749999999999</v>
      </c>
      <c r="D8533">
        <f t="shared" si="266"/>
        <v>1.5978749999999999E-3</v>
      </c>
      <c r="E8533" s="6">
        <f t="shared" si="267"/>
        <v>3.0958420666875E-2</v>
      </c>
    </row>
    <row r="8534" spans="1:5" x14ac:dyDescent="0.25">
      <c r="A8534" s="5">
        <v>43911.416666666664</v>
      </c>
      <c r="B8534" s="2">
        <v>19.579694</v>
      </c>
      <c r="C8534">
        <v>3.3001680000000002</v>
      </c>
      <c r="D8534">
        <f t="shared" si="266"/>
        <v>3.300168E-3</v>
      </c>
      <c r="E8534" s="6">
        <f t="shared" si="267"/>
        <v>6.4616279588592007E-2</v>
      </c>
    </row>
    <row r="8535" spans="1:5" x14ac:dyDescent="0.25">
      <c r="A8535" s="5">
        <v>43911.458333333336</v>
      </c>
      <c r="B8535" s="2">
        <v>19.135445000000001</v>
      </c>
      <c r="C8535">
        <v>4.2674919999999998</v>
      </c>
      <c r="D8535">
        <f t="shared" si="266"/>
        <v>4.2674919999999995E-3</v>
      </c>
      <c r="E8535" s="6">
        <f t="shared" si="267"/>
        <v>8.1660358453939999E-2</v>
      </c>
    </row>
    <row r="8536" spans="1:5" x14ac:dyDescent="0.25">
      <c r="A8536" s="5">
        <v>43911.5</v>
      </c>
      <c r="B8536" s="2">
        <v>18.611394000000001</v>
      </c>
      <c r="C8536">
        <v>5.2704300000000002</v>
      </c>
      <c r="D8536">
        <f t="shared" si="266"/>
        <v>5.2704300000000004E-3</v>
      </c>
      <c r="E8536" s="6">
        <f t="shared" si="267"/>
        <v>9.8090049279420014E-2</v>
      </c>
    </row>
    <row r="8537" spans="1:5" x14ac:dyDescent="0.25">
      <c r="A8537" s="5">
        <v>43911.541666666664</v>
      </c>
      <c r="B8537" s="2">
        <v>17.807939000000001</v>
      </c>
      <c r="C8537">
        <v>7.8092579999999998</v>
      </c>
      <c r="D8537">
        <f t="shared" si="266"/>
        <v>7.8092579999999995E-3</v>
      </c>
      <c r="E8537" s="6">
        <f t="shared" si="267"/>
        <v>0.13906679009926201</v>
      </c>
    </row>
    <row r="8538" spans="1:5" x14ac:dyDescent="0.25">
      <c r="A8538" s="5">
        <v>43911.583333333336</v>
      </c>
      <c r="B8538" s="2">
        <v>16.637855999999999</v>
      </c>
      <c r="C8538">
        <v>5.3221530000000001</v>
      </c>
      <c r="D8538">
        <f t="shared" si="266"/>
        <v>5.3221530000000005E-3</v>
      </c>
      <c r="E8538" s="6">
        <f t="shared" si="267"/>
        <v>8.8549215223967997E-2</v>
      </c>
    </row>
    <row r="8539" spans="1:5" x14ac:dyDescent="0.25">
      <c r="A8539" s="5">
        <v>43911.625</v>
      </c>
      <c r="B8539" s="2">
        <v>16.179404999999999</v>
      </c>
      <c r="C8539">
        <v>6.0753379999999995</v>
      </c>
      <c r="D8539">
        <f t="shared" si="266"/>
        <v>6.0753379999999996E-3</v>
      </c>
      <c r="E8539" s="6">
        <f t="shared" si="267"/>
        <v>9.8295354013889988E-2</v>
      </c>
    </row>
    <row r="8540" spans="1:5" x14ac:dyDescent="0.25">
      <c r="A8540" s="5">
        <v>43911.666666666664</v>
      </c>
      <c r="B8540" s="2">
        <v>17.033480999999998</v>
      </c>
      <c r="C8540">
        <v>2.5350959999999998</v>
      </c>
      <c r="D8540">
        <f t="shared" si="266"/>
        <v>2.5350959999999997E-3</v>
      </c>
      <c r="E8540" s="6">
        <f t="shared" si="267"/>
        <v>4.3181509549175989E-2</v>
      </c>
    </row>
    <row r="8541" spans="1:5" x14ac:dyDescent="0.25">
      <c r="A8541" s="5">
        <v>43911.708333333336</v>
      </c>
      <c r="B8541" s="2">
        <v>17.827667999999999</v>
      </c>
      <c r="C8541">
        <v>0.8774249999999999</v>
      </c>
      <c r="D8541">
        <f t="shared" si="266"/>
        <v>8.7742499999999993E-4</v>
      </c>
      <c r="E8541" s="6">
        <f t="shared" si="267"/>
        <v>1.5642441594899997E-2</v>
      </c>
    </row>
    <row r="8542" spans="1:5" x14ac:dyDescent="0.25">
      <c r="A8542" s="5">
        <v>43911.75</v>
      </c>
      <c r="B8542" s="2">
        <v>18.755130000000001</v>
      </c>
      <c r="C8542">
        <v>0.43170600000000003</v>
      </c>
      <c r="D8542">
        <f t="shared" si="266"/>
        <v>4.3170600000000002E-4</v>
      </c>
      <c r="E8542" s="6">
        <f t="shared" si="267"/>
        <v>8.0967021517800008E-3</v>
      </c>
    </row>
    <row r="8543" spans="1:5" x14ac:dyDescent="0.25">
      <c r="A8543" s="5">
        <v>43911.791666666664</v>
      </c>
      <c r="B8543" s="2">
        <v>20.951592999999999</v>
      </c>
      <c r="C8543">
        <v>0</v>
      </c>
      <c r="D8543">
        <f t="shared" si="266"/>
        <v>0</v>
      </c>
      <c r="E8543" s="6">
        <f t="shared" si="267"/>
        <v>0</v>
      </c>
    </row>
    <row r="8544" spans="1:5" x14ac:dyDescent="0.25">
      <c r="A8544" s="5">
        <v>43911.833333333336</v>
      </c>
      <c r="B8544" s="2">
        <v>20.505089000000002</v>
      </c>
      <c r="C8544">
        <v>0</v>
      </c>
      <c r="D8544">
        <f t="shared" si="266"/>
        <v>0</v>
      </c>
      <c r="E8544" s="6">
        <f t="shared" si="267"/>
        <v>0</v>
      </c>
    </row>
    <row r="8545" spans="1:5" x14ac:dyDescent="0.25">
      <c r="A8545" s="5">
        <v>43911.875</v>
      </c>
      <c r="B8545" s="2">
        <v>19.546436</v>
      </c>
      <c r="C8545">
        <v>0</v>
      </c>
      <c r="D8545">
        <f t="shared" si="266"/>
        <v>0</v>
      </c>
      <c r="E8545" s="6">
        <f t="shared" si="267"/>
        <v>0</v>
      </c>
    </row>
    <row r="8546" spans="1:5" x14ac:dyDescent="0.25">
      <c r="A8546" s="5">
        <v>43911.916666666664</v>
      </c>
      <c r="B8546" s="2">
        <v>17.322054000000001</v>
      </c>
      <c r="C8546">
        <v>0</v>
      </c>
      <c r="D8546">
        <f t="shared" si="266"/>
        <v>0</v>
      </c>
      <c r="E8546" s="6">
        <f t="shared" si="267"/>
        <v>0</v>
      </c>
    </row>
    <row r="8547" spans="1:5" x14ac:dyDescent="0.25">
      <c r="A8547" s="5">
        <v>43911.958333333336</v>
      </c>
      <c r="B8547" s="2">
        <v>16.453800000000001</v>
      </c>
      <c r="C8547">
        <v>0</v>
      </c>
      <c r="D8547">
        <f t="shared" si="266"/>
        <v>0</v>
      </c>
      <c r="E8547" s="6">
        <f t="shared" si="267"/>
        <v>0</v>
      </c>
    </row>
    <row r="8548" spans="1:5" x14ac:dyDescent="0.25">
      <c r="A8548" s="5">
        <v>43912</v>
      </c>
      <c r="B8548" s="2">
        <v>15.964053</v>
      </c>
      <c r="C8548">
        <v>0</v>
      </c>
      <c r="D8548">
        <f t="shared" si="266"/>
        <v>0</v>
      </c>
      <c r="E8548" s="6">
        <f t="shared" si="267"/>
        <v>0</v>
      </c>
    </row>
    <row r="8549" spans="1:5" x14ac:dyDescent="0.25">
      <c r="A8549" s="5">
        <v>43912.041666666664</v>
      </c>
      <c r="B8549" s="2">
        <v>16.220130999999999</v>
      </c>
      <c r="C8549">
        <v>0</v>
      </c>
      <c r="D8549">
        <f t="shared" si="266"/>
        <v>0</v>
      </c>
      <c r="E8549" s="6">
        <f t="shared" si="267"/>
        <v>0</v>
      </c>
    </row>
    <row r="8550" spans="1:5" x14ac:dyDescent="0.25">
      <c r="A8550" s="5">
        <v>43912.083333333336</v>
      </c>
      <c r="B8550" s="2">
        <v>15.798920000000001</v>
      </c>
      <c r="C8550">
        <v>0</v>
      </c>
      <c r="D8550">
        <f t="shared" si="266"/>
        <v>0</v>
      </c>
      <c r="E8550" s="6">
        <f t="shared" si="267"/>
        <v>0</v>
      </c>
    </row>
    <row r="8551" spans="1:5" x14ac:dyDescent="0.25">
      <c r="A8551" s="5">
        <v>43912.125</v>
      </c>
      <c r="B8551" s="2">
        <v>15.784202000000001</v>
      </c>
      <c r="C8551">
        <v>0</v>
      </c>
      <c r="D8551">
        <f t="shared" si="266"/>
        <v>0</v>
      </c>
      <c r="E8551" s="6">
        <f t="shared" si="267"/>
        <v>0</v>
      </c>
    </row>
    <row r="8552" spans="1:5" x14ac:dyDescent="0.25">
      <c r="A8552" s="5">
        <v>43912.166666666664</v>
      </c>
      <c r="B8552" s="2">
        <v>16.216556000000001</v>
      </c>
      <c r="C8552">
        <v>0</v>
      </c>
      <c r="D8552">
        <f t="shared" si="266"/>
        <v>0</v>
      </c>
      <c r="E8552" s="6">
        <f t="shared" si="267"/>
        <v>0</v>
      </c>
    </row>
    <row r="8553" spans="1:5" x14ac:dyDescent="0.25">
      <c r="A8553" s="5">
        <v>43912.208333333336</v>
      </c>
      <c r="B8553" s="2">
        <v>16.822939000000002</v>
      </c>
      <c r="C8553">
        <v>0</v>
      </c>
      <c r="D8553">
        <f t="shared" si="266"/>
        <v>0</v>
      </c>
      <c r="E8553" s="6">
        <f t="shared" si="267"/>
        <v>0</v>
      </c>
    </row>
    <row r="8554" spans="1:5" x14ac:dyDescent="0.25">
      <c r="A8554" s="5">
        <v>43912.25</v>
      </c>
      <c r="B8554" s="2">
        <v>17.845936999999999</v>
      </c>
      <c r="C8554">
        <v>0</v>
      </c>
      <c r="D8554">
        <f t="shared" si="266"/>
        <v>0</v>
      </c>
      <c r="E8554" s="6">
        <f t="shared" si="267"/>
        <v>0</v>
      </c>
    </row>
    <row r="8555" spans="1:5" x14ac:dyDescent="0.25">
      <c r="A8555" s="5">
        <v>43912.291666666664</v>
      </c>
      <c r="B8555" s="2">
        <v>19.557272000000001</v>
      </c>
      <c r="C8555">
        <v>0</v>
      </c>
      <c r="D8555">
        <f t="shared" si="266"/>
        <v>0</v>
      </c>
      <c r="E8555" s="6">
        <f t="shared" si="267"/>
        <v>0</v>
      </c>
    </row>
    <row r="8556" spans="1:5" x14ac:dyDescent="0.25">
      <c r="A8556" s="5">
        <v>43912.333333333336</v>
      </c>
      <c r="B8556" s="2">
        <v>20.069897000000001</v>
      </c>
      <c r="C8556">
        <v>1.2522550000000001</v>
      </c>
      <c r="D8556">
        <f t="shared" si="266"/>
        <v>1.2522550000000001E-3</v>
      </c>
      <c r="E8556" s="6">
        <f t="shared" si="267"/>
        <v>2.5132628867735003E-2</v>
      </c>
    </row>
    <row r="8557" spans="1:5" x14ac:dyDescent="0.25">
      <c r="A8557" s="5">
        <v>43912.375</v>
      </c>
      <c r="B8557" s="2">
        <v>19.267030999999999</v>
      </c>
      <c r="C8557">
        <v>3.500721</v>
      </c>
      <c r="D8557">
        <f t="shared" si="266"/>
        <v>3.500721E-3</v>
      </c>
      <c r="E8557" s="6">
        <f t="shared" si="267"/>
        <v>6.7448500029351002E-2</v>
      </c>
    </row>
    <row r="8558" spans="1:5" x14ac:dyDescent="0.25">
      <c r="A8558" s="5">
        <v>43912.416666666664</v>
      </c>
      <c r="B8558" s="2">
        <v>18.543683000000001</v>
      </c>
      <c r="C8558">
        <v>5.4152500000000003</v>
      </c>
      <c r="D8558">
        <f t="shared" si="266"/>
        <v>5.4152499999999999E-3</v>
      </c>
      <c r="E8558" s="6">
        <f t="shared" si="267"/>
        <v>0.10041867936575001</v>
      </c>
    </row>
    <row r="8559" spans="1:5" x14ac:dyDescent="0.25">
      <c r="A8559" s="5">
        <v>43912.458333333336</v>
      </c>
      <c r="B8559" s="2">
        <v>17.922207</v>
      </c>
      <c r="C8559">
        <v>6.7119409999999995</v>
      </c>
      <c r="D8559">
        <f t="shared" si="266"/>
        <v>6.7119409999999999E-3</v>
      </c>
      <c r="E8559" s="6">
        <f t="shared" si="267"/>
        <v>0.120292795973787</v>
      </c>
    </row>
    <row r="8560" spans="1:5" x14ac:dyDescent="0.25">
      <c r="A8560" s="5">
        <v>43912.5</v>
      </c>
      <c r="B8560" s="2">
        <v>17.345096000000002</v>
      </c>
      <c r="C8560">
        <v>7.4637409999999997</v>
      </c>
      <c r="D8560">
        <f t="shared" si="266"/>
        <v>7.4637409999999994E-3</v>
      </c>
      <c r="E8560" s="6">
        <f t="shared" si="267"/>
        <v>0.12945930416413601</v>
      </c>
    </row>
    <row r="8561" spans="1:5" x14ac:dyDescent="0.25">
      <c r="A8561" s="5">
        <v>43912.541666666664</v>
      </c>
      <c r="B8561" s="2">
        <v>16.845006000000001</v>
      </c>
      <c r="C8561">
        <v>7.7177759999999997</v>
      </c>
      <c r="D8561">
        <f t="shared" si="266"/>
        <v>7.717776E-3</v>
      </c>
      <c r="E8561" s="6">
        <f t="shared" si="267"/>
        <v>0.130005983026656</v>
      </c>
    </row>
    <row r="8562" spans="1:5" x14ac:dyDescent="0.25">
      <c r="A8562" s="5">
        <v>43912.583333333336</v>
      </c>
      <c r="B8562" s="2">
        <v>15.548076</v>
      </c>
      <c r="C8562">
        <v>7.4867929999999996</v>
      </c>
      <c r="D8562">
        <f t="shared" si="266"/>
        <v>7.4867929999999994E-3</v>
      </c>
      <c r="E8562" s="6">
        <f t="shared" si="267"/>
        <v>0.11640522656026799</v>
      </c>
    </row>
    <row r="8563" spans="1:5" x14ac:dyDescent="0.25">
      <c r="A8563" s="5">
        <v>43912.625</v>
      </c>
      <c r="B8563" s="2">
        <v>15.116102</v>
      </c>
      <c r="C8563">
        <v>6.7923029999999995</v>
      </c>
      <c r="D8563">
        <f t="shared" si="266"/>
        <v>6.7923029999999995E-3</v>
      </c>
      <c r="E8563" s="6">
        <f t="shared" si="267"/>
        <v>0.10267314496290599</v>
      </c>
    </row>
    <row r="8564" spans="1:5" x14ac:dyDescent="0.25">
      <c r="A8564" s="5">
        <v>43912.666666666664</v>
      </c>
      <c r="B8564" s="2">
        <v>16.252884999999999</v>
      </c>
      <c r="C8564">
        <v>5.6110420000000003</v>
      </c>
      <c r="D8564">
        <f t="shared" si="266"/>
        <v>5.6110420000000001E-3</v>
      </c>
      <c r="E8564" s="6">
        <f t="shared" si="267"/>
        <v>9.1195620356170001E-2</v>
      </c>
    </row>
    <row r="8565" spans="1:5" x14ac:dyDescent="0.25">
      <c r="A8565" s="5">
        <v>43912.708333333336</v>
      </c>
      <c r="B8565" s="2">
        <v>17.175699999999999</v>
      </c>
      <c r="C8565">
        <v>3.8918159999999999</v>
      </c>
      <c r="D8565">
        <f t="shared" si="266"/>
        <v>3.8918159999999998E-3</v>
      </c>
      <c r="E8565" s="6">
        <f t="shared" si="267"/>
        <v>6.6844664071199988E-2</v>
      </c>
    </row>
    <row r="8566" spans="1:5" x14ac:dyDescent="0.25">
      <c r="A8566" s="5">
        <v>43912.75</v>
      </c>
      <c r="B8566" s="2">
        <v>17.980362</v>
      </c>
      <c r="C8566">
        <v>1.802225</v>
      </c>
      <c r="D8566">
        <f t="shared" si="266"/>
        <v>1.802225E-3</v>
      </c>
      <c r="E8566" s="6">
        <f t="shared" si="267"/>
        <v>3.2404657905449996E-2</v>
      </c>
    </row>
    <row r="8567" spans="1:5" x14ac:dyDescent="0.25">
      <c r="A8567" s="5">
        <v>43912.791666666664</v>
      </c>
      <c r="B8567" s="2">
        <v>21.197644</v>
      </c>
      <c r="C8567">
        <v>0.16222</v>
      </c>
      <c r="D8567">
        <f t="shared" si="266"/>
        <v>1.6222E-4</v>
      </c>
      <c r="E8567" s="6">
        <f t="shared" si="267"/>
        <v>3.43868180968E-3</v>
      </c>
    </row>
    <row r="8568" spans="1:5" x14ac:dyDescent="0.25">
      <c r="A8568" s="5">
        <v>43912.833333333336</v>
      </c>
      <c r="B8568" s="2">
        <v>20.556360999999999</v>
      </c>
      <c r="C8568">
        <v>0</v>
      </c>
      <c r="D8568">
        <f t="shared" si="266"/>
        <v>0</v>
      </c>
      <c r="E8568" s="6">
        <f t="shared" si="267"/>
        <v>0</v>
      </c>
    </row>
    <row r="8569" spans="1:5" x14ac:dyDescent="0.25">
      <c r="A8569" s="5">
        <v>43912.875</v>
      </c>
      <c r="B8569" s="2">
        <v>19.227688000000001</v>
      </c>
      <c r="C8569">
        <v>0</v>
      </c>
      <c r="D8569">
        <f t="shared" si="266"/>
        <v>0</v>
      </c>
      <c r="E8569" s="6">
        <f t="shared" si="267"/>
        <v>0</v>
      </c>
    </row>
    <row r="8570" spans="1:5" x14ac:dyDescent="0.25">
      <c r="A8570" s="5">
        <v>43912.916666666664</v>
      </c>
      <c r="B8570" s="2">
        <v>17.117156999999999</v>
      </c>
      <c r="C8570">
        <v>0</v>
      </c>
      <c r="D8570">
        <f t="shared" si="266"/>
        <v>0</v>
      </c>
      <c r="E8570" s="6">
        <f t="shared" si="267"/>
        <v>0</v>
      </c>
    </row>
    <row r="8571" spans="1:5" x14ac:dyDescent="0.25">
      <c r="A8571" s="5">
        <v>43912.958333333336</v>
      </c>
      <c r="B8571" s="2">
        <v>15.904026999999999</v>
      </c>
      <c r="C8571">
        <v>0</v>
      </c>
      <c r="D8571">
        <f t="shared" si="266"/>
        <v>0</v>
      </c>
      <c r="E8571" s="6">
        <f t="shared" si="267"/>
        <v>0</v>
      </c>
    </row>
    <row r="8572" spans="1:5" x14ac:dyDescent="0.25">
      <c r="A8572" s="5">
        <v>43913</v>
      </c>
      <c r="B8572" s="2">
        <v>14.938359999999999</v>
      </c>
      <c r="C8572">
        <v>0</v>
      </c>
      <c r="D8572">
        <f t="shared" si="266"/>
        <v>0</v>
      </c>
      <c r="E8572" s="6">
        <f t="shared" si="267"/>
        <v>0</v>
      </c>
    </row>
    <row r="8573" spans="1:5" x14ac:dyDescent="0.25">
      <c r="A8573" s="5">
        <v>43913.041666666664</v>
      </c>
      <c r="B8573" s="2">
        <v>15.003098</v>
      </c>
      <c r="C8573">
        <v>0</v>
      </c>
      <c r="D8573">
        <f t="shared" si="266"/>
        <v>0</v>
      </c>
      <c r="E8573" s="6">
        <f t="shared" si="267"/>
        <v>0</v>
      </c>
    </row>
    <row r="8574" spans="1:5" x14ac:dyDescent="0.25">
      <c r="A8574" s="5">
        <v>43913.083333333336</v>
      </c>
      <c r="B8574" s="2">
        <v>14.70537</v>
      </c>
      <c r="C8574">
        <v>0</v>
      </c>
      <c r="D8574">
        <f t="shared" si="266"/>
        <v>0</v>
      </c>
      <c r="E8574" s="6">
        <f t="shared" si="267"/>
        <v>0</v>
      </c>
    </row>
    <row r="8575" spans="1:5" x14ac:dyDescent="0.25">
      <c r="A8575" s="5">
        <v>43913.125</v>
      </c>
      <c r="B8575" s="2">
        <v>14.85083</v>
      </c>
      <c r="C8575">
        <v>0</v>
      </c>
      <c r="D8575">
        <f t="shared" si="266"/>
        <v>0</v>
      </c>
      <c r="E8575" s="6">
        <f t="shared" si="267"/>
        <v>0</v>
      </c>
    </row>
    <row r="8576" spans="1:5" x14ac:dyDescent="0.25">
      <c r="A8576" s="5">
        <v>43913.166666666664</v>
      </c>
      <c r="B8576" s="2">
        <v>15.786598</v>
      </c>
      <c r="C8576">
        <v>0</v>
      </c>
      <c r="D8576">
        <f t="shared" si="266"/>
        <v>0</v>
      </c>
      <c r="E8576" s="6">
        <f t="shared" si="267"/>
        <v>0</v>
      </c>
    </row>
    <row r="8577" spans="1:5" x14ac:dyDescent="0.25">
      <c r="A8577" s="5">
        <v>43913.208333333336</v>
      </c>
      <c r="B8577" s="2">
        <v>17.467265000000001</v>
      </c>
      <c r="C8577">
        <v>0</v>
      </c>
      <c r="D8577">
        <f t="shared" si="266"/>
        <v>0</v>
      </c>
      <c r="E8577" s="6">
        <f t="shared" si="267"/>
        <v>0</v>
      </c>
    </row>
    <row r="8578" spans="1:5" x14ac:dyDescent="0.25">
      <c r="A8578" s="5">
        <v>43913.25</v>
      </c>
      <c r="B8578" s="2">
        <v>19.547267000000002</v>
      </c>
      <c r="C8578">
        <v>0</v>
      </c>
      <c r="D8578">
        <f t="shared" si="266"/>
        <v>0</v>
      </c>
      <c r="E8578" s="6">
        <f t="shared" si="267"/>
        <v>0</v>
      </c>
    </row>
    <row r="8579" spans="1:5" x14ac:dyDescent="0.25">
      <c r="A8579" s="5">
        <v>43913.291666666664</v>
      </c>
      <c r="B8579" s="2">
        <v>23.139599</v>
      </c>
      <c r="C8579">
        <v>0</v>
      </c>
      <c r="D8579">
        <f t="shared" si="266"/>
        <v>0</v>
      </c>
      <c r="E8579" s="6">
        <f t="shared" si="267"/>
        <v>0</v>
      </c>
    </row>
    <row r="8580" spans="1:5" x14ac:dyDescent="0.25">
      <c r="A8580" s="5">
        <v>43913.333333333336</v>
      </c>
      <c r="B8580" s="2">
        <v>22.608211000000001</v>
      </c>
      <c r="C8580">
        <v>1.185837</v>
      </c>
      <c r="D8580">
        <f t="shared" si="266"/>
        <v>1.1858370000000001E-3</v>
      </c>
      <c r="E8580" s="6">
        <f t="shared" si="267"/>
        <v>2.6809653107607002E-2</v>
      </c>
    </row>
    <row r="8581" spans="1:5" x14ac:dyDescent="0.25">
      <c r="A8581" s="5">
        <v>43913.375</v>
      </c>
      <c r="B8581" s="2">
        <v>24.604576999999999</v>
      </c>
      <c r="C8581">
        <v>3.2847339999999998</v>
      </c>
      <c r="D8581">
        <f t="shared" si="266"/>
        <v>3.2847339999999997E-3</v>
      </c>
      <c r="E8581" s="6">
        <f t="shared" si="267"/>
        <v>8.081949062751799E-2</v>
      </c>
    </row>
    <row r="8582" spans="1:5" x14ac:dyDescent="0.25">
      <c r="A8582" s="5">
        <v>43913.416666666664</v>
      </c>
      <c r="B8582" s="2">
        <v>24.646184999999999</v>
      </c>
      <c r="C8582">
        <v>5.1162460000000003</v>
      </c>
      <c r="D8582">
        <f t="shared" ref="D8582:D8645" si="268">C8582/1000</f>
        <v>5.1162460000000005E-3</v>
      </c>
      <c r="E8582" s="6">
        <f t="shared" ref="E8582:E8645" si="269">D8582*B8582</f>
        <v>0.12609594542151001</v>
      </c>
    </row>
    <row r="8583" spans="1:5" x14ac:dyDescent="0.25">
      <c r="A8583" s="5">
        <v>43913.458333333336</v>
      </c>
      <c r="B8583" s="2">
        <v>24.674992</v>
      </c>
      <c r="C8583">
        <v>6.4629849999999998</v>
      </c>
      <c r="D8583">
        <f t="shared" si="268"/>
        <v>6.4629850000000001E-3</v>
      </c>
      <c r="E8583" s="6">
        <f t="shared" si="269"/>
        <v>0.15947410317112001</v>
      </c>
    </row>
    <row r="8584" spans="1:5" x14ac:dyDescent="0.25">
      <c r="A8584" s="5">
        <v>43913.5</v>
      </c>
      <c r="B8584" s="2">
        <v>22.899958999999999</v>
      </c>
      <c r="C8584">
        <v>2.287099</v>
      </c>
      <c r="D8584">
        <f t="shared" si="268"/>
        <v>2.2870989999999999E-3</v>
      </c>
      <c r="E8584" s="6">
        <f t="shared" si="269"/>
        <v>5.2374473328940997E-2</v>
      </c>
    </row>
    <row r="8585" spans="1:5" x14ac:dyDescent="0.25">
      <c r="A8585" s="5">
        <v>43913.541666666664</v>
      </c>
      <c r="B8585" s="2">
        <v>21.969097000000001</v>
      </c>
      <c r="C8585">
        <v>6.0893680000000003</v>
      </c>
      <c r="D8585">
        <f t="shared" si="268"/>
        <v>6.0893680000000004E-3</v>
      </c>
      <c r="E8585" s="6">
        <f t="shared" si="269"/>
        <v>0.13377791626069602</v>
      </c>
    </row>
    <row r="8586" spans="1:5" x14ac:dyDescent="0.25">
      <c r="A8586" s="5">
        <v>43913.583333333336</v>
      </c>
      <c r="B8586" s="2">
        <v>20.069679000000001</v>
      </c>
      <c r="C8586">
        <v>3.9802939999999998</v>
      </c>
      <c r="D8586">
        <f t="shared" si="268"/>
        <v>3.9802939999999997E-3</v>
      </c>
      <c r="E8586" s="6">
        <f t="shared" si="269"/>
        <v>7.9883222905625995E-2</v>
      </c>
    </row>
    <row r="8587" spans="1:5" x14ac:dyDescent="0.25">
      <c r="A8587" s="5">
        <v>43913.625</v>
      </c>
      <c r="B8587" s="2">
        <v>19.493039</v>
      </c>
      <c r="C8587">
        <v>5.0398639999999997</v>
      </c>
      <c r="D8587">
        <f t="shared" si="268"/>
        <v>5.0398639999999998E-3</v>
      </c>
      <c r="E8587" s="6">
        <f t="shared" si="269"/>
        <v>9.8242265506696E-2</v>
      </c>
    </row>
    <row r="8588" spans="1:5" x14ac:dyDescent="0.25">
      <c r="A8588" s="5">
        <v>43913.666666666664</v>
      </c>
      <c r="B8588" s="2">
        <v>19.969691999999998</v>
      </c>
      <c r="C8588">
        <v>4.7873049999999999</v>
      </c>
      <c r="D8588">
        <f t="shared" si="268"/>
        <v>4.7873049999999995E-3</v>
      </c>
      <c r="E8588" s="6">
        <f t="shared" si="269"/>
        <v>9.5601006360059984E-2</v>
      </c>
    </row>
    <row r="8589" spans="1:5" x14ac:dyDescent="0.25">
      <c r="A8589" s="5">
        <v>43913.708333333336</v>
      </c>
      <c r="B8589" s="2">
        <v>20.440622999999999</v>
      </c>
      <c r="C8589">
        <v>0.78718499999999991</v>
      </c>
      <c r="D8589">
        <f t="shared" si="268"/>
        <v>7.8718499999999992E-4</v>
      </c>
      <c r="E8589" s="6">
        <f t="shared" si="269"/>
        <v>1.6090551816254996E-2</v>
      </c>
    </row>
    <row r="8590" spans="1:5" x14ac:dyDescent="0.25">
      <c r="A8590" s="5">
        <v>43913.75</v>
      </c>
      <c r="B8590" s="2">
        <v>21.649674000000001</v>
      </c>
      <c r="C8590">
        <v>1.114134</v>
      </c>
      <c r="D8590">
        <f t="shared" si="268"/>
        <v>1.1141339999999999E-3</v>
      </c>
      <c r="E8590" s="6">
        <f t="shared" si="269"/>
        <v>2.4120637892315999E-2</v>
      </c>
    </row>
    <row r="8591" spans="1:5" x14ac:dyDescent="0.25">
      <c r="A8591" s="5">
        <v>43913.791666666664</v>
      </c>
      <c r="B8591" s="2">
        <v>23.293430000000001</v>
      </c>
      <c r="C8591">
        <v>4.6412999999999996E-2</v>
      </c>
      <c r="D8591">
        <f t="shared" si="268"/>
        <v>4.6412999999999998E-5</v>
      </c>
      <c r="E8591" s="6">
        <f t="shared" si="269"/>
        <v>1.08111796659E-3</v>
      </c>
    </row>
    <row r="8592" spans="1:5" x14ac:dyDescent="0.25">
      <c r="A8592" s="5">
        <v>43913.833333333336</v>
      </c>
      <c r="B8592" s="2">
        <v>23.232018</v>
      </c>
      <c r="C8592">
        <v>0</v>
      </c>
      <c r="D8592">
        <f t="shared" si="268"/>
        <v>0</v>
      </c>
      <c r="E8592" s="6">
        <f t="shared" si="269"/>
        <v>0</v>
      </c>
    </row>
    <row r="8593" spans="1:5" x14ac:dyDescent="0.25">
      <c r="A8593" s="5">
        <v>43913.875</v>
      </c>
      <c r="B8593" s="2">
        <v>20.498068</v>
      </c>
      <c r="C8593">
        <v>0</v>
      </c>
      <c r="D8593">
        <f t="shared" si="268"/>
        <v>0</v>
      </c>
      <c r="E8593" s="6">
        <f t="shared" si="269"/>
        <v>0</v>
      </c>
    </row>
    <row r="8594" spans="1:5" x14ac:dyDescent="0.25">
      <c r="A8594" s="5">
        <v>43913.916666666664</v>
      </c>
      <c r="B8594" s="2">
        <v>19.169713000000002</v>
      </c>
      <c r="C8594">
        <v>0</v>
      </c>
      <c r="D8594">
        <f t="shared" si="268"/>
        <v>0</v>
      </c>
      <c r="E8594" s="6">
        <f t="shared" si="269"/>
        <v>0</v>
      </c>
    </row>
    <row r="8595" spans="1:5" x14ac:dyDescent="0.25">
      <c r="A8595" s="5">
        <v>43913.958333333336</v>
      </c>
      <c r="B8595" s="2">
        <v>17.720502</v>
      </c>
      <c r="C8595">
        <v>0</v>
      </c>
      <c r="D8595">
        <f t="shared" si="268"/>
        <v>0</v>
      </c>
      <c r="E8595" s="6">
        <f t="shared" si="269"/>
        <v>0</v>
      </c>
    </row>
    <row r="8596" spans="1:5" x14ac:dyDescent="0.25">
      <c r="A8596" s="5">
        <v>43914</v>
      </c>
      <c r="B8596" s="2">
        <v>15.291396000000001</v>
      </c>
      <c r="C8596">
        <v>0</v>
      </c>
      <c r="D8596">
        <f t="shared" si="268"/>
        <v>0</v>
      </c>
      <c r="E8596" s="6">
        <f t="shared" si="269"/>
        <v>0</v>
      </c>
    </row>
    <row r="8597" spans="1:5" x14ac:dyDescent="0.25">
      <c r="A8597" s="5">
        <v>43914.041666666664</v>
      </c>
      <c r="B8597" s="2">
        <v>14.70149</v>
      </c>
      <c r="C8597">
        <v>0</v>
      </c>
      <c r="D8597">
        <f t="shared" si="268"/>
        <v>0</v>
      </c>
      <c r="E8597" s="6">
        <f t="shared" si="269"/>
        <v>0</v>
      </c>
    </row>
    <row r="8598" spans="1:5" x14ac:dyDescent="0.25">
      <c r="A8598" s="5">
        <v>43914.083333333336</v>
      </c>
      <c r="B8598" s="2">
        <v>14.345986999999999</v>
      </c>
      <c r="C8598">
        <v>0</v>
      </c>
      <c r="D8598">
        <f t="shared" si="268"/>
        <v>0</v>
      </c>
      <c r="E8598" s="6">
        <f t="shared" si="269"/>
        <v>0</v>
      </c>
    </row>
    <row r="8599" spans="1:5" x14ac:dyDescent="0.25">
      <c r="A8599" s="5">
        <v>43914.125</v>
      </c>
      <c r="B8599" s="2">
        <v>14.391367000000001</v>
      </c>
      <c r="C8599">
        <v>0</v>
      </c>
      <c r="D8599">
        <f t="shared" si="268"/>
        <v>0</v>
      </c>
      <c r="E8599" s="6">
        <f t="shared" si="269"/>
        <v>0</v>
      </c>
    </row>
    <row r="8600" spans="1:5" x14ac:dyDescent="0.25">
      <c r="A8600" s="5">
        <v>43914.166666666664</v>
      </c>
      <c r="B8600" s="2">
        <v>15.759933999999999</v>
      </c>
      <c r="C8600">
        <v>0</v>
      </c>
      <c r="D8600">
        <f t="shared" si="268"/>
        <v>0</v>
      </c>
      <c r="E8600" s="6">
        <f t="shared" si="269"/>
        <v>0</v>
      </c>
    </row>
    <row r="8601" spans="1:5" x14ac:dyDescent="0.25">
      <c r="A8601" s="5">
        <v>43914.208333333336</v>
      </c>
      <c r="B8601" s="2">
        <v>16.418844</v>
      </c>
      <c r="C8601">
        <v>0</v>
      </c>
      <c r="D8601">
        <f t="shared" si="268"/>
        <v>0</v>
      </c>
      <c r="E8601" s="6">
        <f t="shared" si="269"/>
        <v>0</v>
      </c>
    </row>
    <row r="8602" spans="1:5" x14ac:dyDescent="0.25">
      <c r="A8602" s="5">
        <v>43914.25</v>
      </c>
      <c r="B8602" s="2">
        <v>19.988009999999999</v>
      </c>
      <c r="C8602">
        <v>0</v>
      </c>
      <c r="D8602">
        <f t="shared" si="268"/>
        <v>0</v>
      </c>
      <c r="E8602" s="6">
        <f t="shared" si="269"/>
        <v>0</v>
      </c>
    </row>
    <row r="8603" spans="1:5" x14ac:dyDescent="0.25">
      <c r="A8603" s="5">
        <v>43914.291666666664</v>
      </c>
      <c r="B8603" s="2">
        <v>21.444479999999999</v>
      </c>
      <c r="C8603">
        <v>0</v>
      </c>
      <c r="D8603">
        <f t="shared" si="268"/>
        <v>0</v>
      </c>
      <c r="E8603" s="6">
        <f t="shared" si="269"/>
        <v>0</v>
      </c>
    </row>
    <row r="8604" spans="1:5" x14ac:dyDescent="0.25">
      <c r="A8604" s="5">
        <v>43914.333333333336</v>
      </c>
      <c r="B8604" s="2">
        <v>20.85313</v>
      </c>
      <c r="C8604">
        <v>1.171268</v>
      </c>
      <c r="D8604">
        <f t="shared" si="268"/>
        <v>1.171268E-3</v>
      </c>
      <c r="E8604" s="6">
        <f t="shared" si="269"/>
        <v>2.442460386884E-2</v>
      </c>
    </row>
    <row r="8605" spans="1:5" x14ac:dyDescent="0.25">
      <c r="A8605" s="5">
        <v>43914.375</v>
      </c>
      <c r="B8605" s="2">
        <v>21.230962999999999</v>
      </c>
      <c r="C8605">
        <v>3.2259929999999999</v>
      </c>
      <c r="D8605">
        <f t="shared" si="268"/>
        <v>3.2259929999999999E-3</v>
      </c>
      <c r="E8605" s="6">
        <f t="shared" si="269"/>
        <v>6.8490938021258996E-2</v>
      </c>
    </row>
    <row r="8606" spans="1:5" x14ac:dyDescent="0.25">
      <c r="A8606" s="5">
        <v>43914.416666666664</v>
      </c>
      <c r="B8606" s="2">
        <v>20.932220999999998</v>
      </c>
      <c r="C8606">
        <v>5.0617709999999994</v>
      </c>
      <c r="D8606">
        <f t="shared" si="268"/>
        <v>5.0617709999999996E-3</v>
      </c>
      <c r="E8606" s="6">
        <f t="shared" si="269"/>
        <v>0.10595410922339099</v>
      </c>
    </row>
    <row r="8607" spans="1:5" x14ac:dyDescent="0.25">
      <c r="A8607" s="5">
        <v>43914.458333333336</v>
      </c>
      <c r="B8607" s="2">
        <v>20.464808000000001</v>
      </c>
      <c r="C8607">
        <v>4.2503029999999997</v>
      </c>
      <c r="D8607">
        <f t="shared" si="268"/>
        <v>4.2503029999999995E-3</v>
      </c>
      <c r="E8607" s="6">
        <f t="shared" si="269"/>
        <v>8.6981634836824001E-2</v>
      </c>
    </row>
    <row r="8608" spans="1:5" x14ac:dyDescent="0.25">
      <c r="A8608" s="5">
        <v>43914.5</v>
      </c>
      <c r="B8608" s="2">
        <v>20.002403000000001</v>
      </c>
      <c r="C8608">
        <v>2.3112849999999998</v>
      </c>
      <c r="D8608">
        <f t="shared" si="268"/>
        <v>2.3112849999999997E-3</v>
      </c>
      <c r="E8608" s="6">
        <f t="shared" si="269"/>
        <v>4.6231254017854995E-2</v>
      </c>
    </row>
    <row r="8609" spans="1:5" x14ac:dyDescent="0.25">
      <c r="A8609" s="5">
        <v>43914.541666666664</v>
      </c>
      <c r="B8609" s="2">
        <v>19.972435999999998</v>
      </c>
      <c r="C8609">
        <v>7.543768</v>
      </c>
      <c r="D8609">
        <f t="shared" si="268"/>
        <v>7.5437680000000002E-3</v>
      </c>
      <c r="E8609" s="6">
        <f t="shared" si="269"/>
        <v>0.15066742357884799</v>
      </c>
    </row>
    <row r="8610" spans="1:5" x14ac:dyDescent="0.25">
      <c r="A8610" s="5">
        <v>43914.583333333336</v>
      </c>
      <c r="B8610" s="2">
        <v>18.803460000000001</v>
      </c>
      <c r="C8610">
        <v>2.1184160000000003</v>
      </c>
      <c r="D8610">
        <f t="shared" si="268"/>
        <v>2.1184160000000001E-3</v>
      </c>
      <c r="E8610" s="6">
        <f t="shared" si="269"/>
        <v>3.9833550519360002E-2</v>
      </c>
    </row>
    <row r="8611" spans="1:5" x14ac:dyDescent="0.25">
      <c r="A8611" s="5">
        <v>43914.625</v>
      </c>
      <c r="B8611" s="2">
        <v>17.908359999999998</v>
      </c>
      <c r="C8611">
        <v>6.6752259999999994</v>
      </c>
      <c r="D8611">
        <f t="shared" si="268"/>
        <v>6.6752259999999994E-3</v>
      </c>
      <c r="E8611" s="6">
        <f t="shared" si="269"/>
        <v>0.11954235028935997</v>
      </c>
    </row>
    <row r="8612" spans="1:5" x14ac:dyDescent="0.25">
      <c r="A8612" s="5">
        <v>43914.666666666664</v>
      </c>
      <c r="B8612" s="2">
        <v>17.840011000000001</v>
      </c>
      <c r="C8612">
        <v>5.373043</v>
      </c>
      <c r="D8612">
        <f t="shared" si="268"/>
        <v>5.3730430000000001E-3</v>
      </c>
      <c r="E8612" s="6">
        <f t="shared" si="269"/>
        <v>9.5855146223473006E-2</v>
      </c>
    </row>
    <row r="8613" spans="1:5" x14ac:dyDescent="0.25">
      <c r="A8613" s="5">
        <v>43914.708333333336</v>
      </c>
      <c r="B8613" s="2">
        <v>18.059861999999999</v>
      </c>
      <c r="C8613">
        <v>3.719163</v>
      </c>
      <c r="D8613">
        <f t="shared" si="268"/>
        <v>3.7191630000000002E-3</v>
      </c>
      <c r="E8613" s="6">
        <f t="shared" si="269"/>
        <v>6.7167570535505997E-2</v>
      </c>
    </row>
    <row r="8614" spans="1:5" x14ac:dyDescent="0.25">
      <c r="A8614" s="5">
        <v>43914.75</v>
      </c>
      <c r="B8614" s="2">
        <v>18.875872000000001</v>
      </c>
      <c r="C8614">
        <v>1.7404649999999999</v>
      </c>
      <c r="D8614">
        <f t="shared" si="268"/>
        <v>1.7404649999999999E-3</v>
      </c>
      <c r="E8614" s="6">
        <f t="shared" si="269"/>
        <v>3.285279456048E-2</v>
      </c>
    </row>
    <row r="8615" spans="1:5" x14ac:dyDescent="0.25">
      <c r="A8615" s="5">
        <v>43914.791666666664</v>
      </c>
      <c r="B8615" s="2">
        <v>20.892030999999999</v>
      </c>
      <c r="C8615">
        <v>0.17591100000000001</v>
      </c>
      <c r="D8615">
        <f t="shared" si="268"/>
        <v>1.75911E-4</v>
      </c>
      <c r="E8615" s="6">
        <f t="shared" si="269"/>
        <v>3.6751380652409998E-3</v>
      </c>
    </row>
    <row r="8616" spans="1:5" x14ac:dyDescent="0.25">
      <c r="A8616" s="5">
        <v>43914.833333333336</v>
      </c>
      <c r="B8616" s="2">
        <v>20.537362999999999</v>
      </c>
      <c r="C8616">
        <v>0</v>
      </c>
      <c r="D8616">
        <f t="shared" si="268"/>
        <v>0</v>
      </c>
      <c r="E8616" s="6">
        <f t="shared" si="269"/>
        <v>0</v>
      </c>
    </row>
    <row r="8617" spans="1:5" x14ac:dyDescent="0.25">
      <c r="A8617" s="5">
        <v>43914.875</v>
      </c>
      <c r="B8617" s="2">
        <v>19.021923999999999</v>
      </c>
      <c r="C8617">
        <v>0</v>
      </c>
      <c r="D8617">
        <f t="shared" si="268"/>
        <v>0</v>
      </c>
      <c r="E8617" s="6">
        <f t="shared" si="269"/>
        <v>0</v>
      </c>
    </row>
    <row r="8618" spans="1:5" x14ac:dyDescent="0.25">
      <c r="A8618" s="5">
        <v>43914.916666666664</v>
      </c>
      <c r="B8618" s="2">
        <v>16.919536999999998</v>
      </c>
      <c r="C8618">
        <v>0</v>
      </c>
      <c r="D8618">
        <f t="shared" si="268"/>
        <v>0</v>
      </c>
      <c r="E8618" s="6">
        <f t="shared" si="269"/>
        <v>0</v>
      </c>
    </row>
    <row r="8619" spans="1:5" x14ac:dyDescent="0.25">
      <c r="A8619" s="5">
        <v>43914.958333333336</v>
      </c>
      <c r="B8619" s="2">
        <v>15.030298999999999</v>
      </c>
      <c r="C8619">
        <v>0</v>
      </c>
      <c r="D8619">
        <f t="shared" si="268"/>
        <v>0</v>
      </c>
      <c r="E8619" s="6">
        <f t="shared" si="269"/>
        <v>0</v>
      </c>
    </row>
    <row r="8620" spans="1:5" x14ac:dyDescent="0.25">
      <c r="A8620" s="5">
        <v>43915</v>
      </c>
      <c r="B8620" s="2">
        <v>15.241197</v>
      </c>
      <c r="C8620">
        <v>0</v>
      </c>
      <c r="D8620">
        <f t="shared" si="268"/>
        <v>0</v>
      </c>
      <c r="E8620" s="6">
        <f t="shared" si="269"/>
        <v>0</v>
      </c>
    </row>
    <row r="8621" spans="1:5" x14ac:dyDescent="0.25">
      <c r="A8621" s="5">
        <v>43915.041666666664</v>
      </c>
      <c r="B8621" s="2">
        <v>14.756339000000001</v>
      </c>
      <c r="C8621">
        <v>0</v>
      </c>
      <c r="D8621">
        <f t="shared" si="268"/>
        <v>0</v>
      </c>
      <c r="E8621" s="6">
        <f t="shared" si="269"/>
        <v>0</v>
      </c>
    </row>
    <row r="8622" spans="1:5" x14ac:dyDescent="0.25">
      <c r="A8622" s="5">
        <v>43915.083333333336</v>
      </c>
      <c r="B8622" s="2">
        <v>13.937931000000001</v>
      </c>
      <c r="C8622">
        <v>0</v>
      </c>
      <c r="D8622">
        <f t="shared" si="268"/>
        <v>0</v>
      </c>
      <c r="E8622" s="6">
        <f t="shared" si="269"/>
        <v>0</v>
      </c>
    </row>
    <row r="8623" spans="1:5" x14ac:dyDescent="0.25">
      <c r="A8623" s="5">
        <v>43915.125</v>
      </c>
      <c r="B8623" s="2">
        <v>14.46893</v>
      </c>
      <c r="C8623">
        <v>0</v>
      </c>
      <c r="D8623">
        <f t="shared" si="268"/>
        <v>0</v>
      </c>
      <c r="E8623" s="6">
        <f t="shared" si="269"/>
        <v>0</v>
      </c>
    </row>
    <row r="8624" spans="1:5" x14ac:dyDescent="0.25">
      <c r="A8624" s="5">
        <v>43915.166666666664</v>
      </c>
      <c r="B8624" s="2">
        <v>15.120099</v>
      </c>
      <c r="C8624">
        <v>0</v>
      </c>
      <c r="D8624">
        <f t="shared" si="268"/>
        <v>0</v>
      </c>
      <c r="E8624" s="6">
        <f t="shared" si="269"/>
        <v>0</v>
      </c>
    </row>
    <row r="8625" spans="1:5" x14ac:dyDescent="0.25">
      <c r="A8625" s="5">
        <v>43915.208333333336</v>
      </c>
      <c r="B8625" s="2">
        <v>16.895443</v>
      </c>
      <c r="C8625">
        <v>0</v>
      </c>
      <c r="D8625">
        <f t="shared" si="268"/>
        <v>0</v>
      </c>
      <c r="E8625" s="6">
        <f t="shared" si="269"/>
        <v>0</v>
      </c>
    </row>
    <row r="8626" spans="1:5" x14ac:dyDescent="0.25">
      <c r="A8626" s="5">
        <v>43915.25</v>
      </c>
      <c r="B8626" s="2">
        <v>19.157496999999999</v>
      </c>
      <c r="C8626">
        <v>0</v>
      </c>
      <c r="D8626">
        <f t="shared" si="268"/>
        <v>0</v>
      </c>
      <c r="E8626" s="6">
        <f t="shared" si="269"/>
        <v>0</v>
      </c>
    </row>
    <row r="8627" spans="1:5" x14ac:dyDescent="0.25">
      <c r="A8627" s="5">
        <v>43915.291666666664</v>
      </c>
      <c r="B8627" s="2">
        <v>21.605260999999999</v>
      </c>
      <c r="C8627">
        <v>0</v>
      </c>
      <c r="D8627">
        <f t="shared" si="268"/>
        <v>0</v>
      </c>
      <c r="E8627" s="6">
        <f t="shared" si="269"/>
        <v>0</v>
      </c>
    </row>
    <row r="8628" spans="1:5" x14ac:dyDescent="0.25">
      <c r="A8628" s="5">
        <v>43915.333333333336</v>
      </c>
      <c r="B8628" s="2">
        <v>21.533467999999999</v>
      </c>
      <c r="C8628">
        <v>0</v>
      </c>
      <c r="D8628">
        <f t="shared" si="268"/>
        <v>0</v>
      </c>
      <c r="E8628" s="6">
        <f t="shared" si="269"/>
        <v>0</v>
      </c>
    </row>
    <row r="8629" spans="1:5" x14ac:dyDescent="0.25">
      <c r="A8629" s="5">
        <v>43915.375</v>
      </c>
      <c r="B8629" s="2">
        <v>22.358383</v>
      </c>
      <c r="C8629">
        <v>0.310338</v>
      </c>
      <c r="D8629">
        <f t="shared" si="268"/>
        <v>3.1033800000000001E-4</v>
      </c>
      <c r="E8629" s="6">
        <f t="shared" si="269"/>
        <v>6.9386558634540003E-3</v>
      </c>
    </row>
    <row r="8630" spans="1:5" x14ac:dyDescent="0.25">
      <c r="A8630" s="5">
        <v>43915.416666666664</v>
      </c>
      <c r="B8630" s="2">
        <v>22.784323000000001</v>
      </c>
      <c r="C8630">
        <v>1.1762919999999999</v>
      </c>
      <c r="D8630">
        <f t="shared" si="268"/>
        <v>1.1762919999999998E-3</v>
      </c>
      <c r="E8630" s="6">
        <f t="shared" si="269"/>
        <v>2.6801016870315997E-2</v>
      </c>
    </row>
    <row r="8631" spans="1:5" x14ac:dyDescent="0.25">
      <c r="A8631" s="5">
        <v>43915.458333333336</v>
      </c>
      <c r="B8631" s="2">
        <v>22.214421999999999</v>
      </c>
      <c r="C8631">
        <v>1.0339419999999999</v>
      </c>
      <c r="D8631">
        <f t="shared" si="268"/>
        <v>1.0339419999999999E-3</v>
      </c>
      <c r="E8631" s="6">
        <f t="shared" si="269"/>
        <v>2.2968423911523997E-2</v>
      </c>
    </row>
    <row r="8632" spans="1:5" x14ac:dyDescent="0.25">
      <c r="A8632" s="5">
        <v>43915.5</v>
      </c>
      <c r="B8632" s="2">
        <v>22.250554999999999</v>
      </c>
      <c r="C8632">
        <v>2.9916550000000002</v>
      </c>
      <c r="D8632">
        <f t="shared" si="268"/>
        <v>2.9916550000000002E-3</v>
      </c>
      <c r="E8632" s="6">
        <f t="shared" si="269"/>
        <v>6.6565984118525004E-2</v>
      </c>
    </row>
    <row r="8633" spans="1:5" x14ac:dyDescent="0.25">
      <c r="A8633" s="5">
        <v>43915.541666666664</v>
      </c>
      <c r="B8633" s="2">
        <v>20.826626999999998</v>
      </c>
      <c r="C8633">
        <v>0.45393800000000001</v>
      </c>
      <c r="D8633">
        <f t="shared" si="268"/>
        <v>4.5393800000000003E-4</v>
      </c>
      <c r="E8633" s="6">
        <f t="shared" si="269"/>
        <v>9.453997407126E-3</v>
      </c>
    </row>
    <row r="8634" spans="1:5" x14ac:dyDescent="0.25">
      <c r="A8634" s="5">
        <v>43915.583333333336</v>
      </c>
      <c r="B8634" s="2">
        <v>19.702691000000002</v>
      </c>
      <c r="C8634">
        <v>3.0424319999999998</v>
      </c>
      <c r="D8634">
        <f t="shared" si="268"/>
        <v>3.0424319999999999E-3</v>
      </c>
      <c r="E8634" s="6">
        <f t="shared" si="269"/>
        <v>5.9944097584512003E-2</v>
      </c>
    </row>
    <row r="8635" spans="1:5" x14ac:dyDescent="0.25">
      <c r="A8635" s="5">
        <v>43915.625</v>
      </c>
      <c r="B8635" s="2">
        <v>18.834705</v>
      </c>
      <c r="C8635">
        <v>1.0561069999999999</v>
      </c>
      <c r="D8635">
        <f t="shared" si="268"/>
        <v>1.0561069999999999E-3</v>
      </c>
      <c r="E8635" s="6">
        <f t="shared" si="269"/>
        <v>1.9891463793434996E-2</v>
      </c>
    </row>
    <row r="8636" spans="1:5" x14ac:dyDescent="0.25">
      <c r="A8636" s="5">
        <v>43915.666666666664</v>
      </c>
      <c r="B8636" s="2">
        <v>19.953700999999999</v>
      </c>
      <c r="C8636">
        <v>0.32611399999999996</v>
      </c>
      <c r="D8636">
        <f t="shared" si="268"/>
        <v>3.2611399999999996E-4</v>
      </c>
      <c r="E8636" s="6">
        <f t="shared" si="269"/>
        <v>6.5071812479139991E-3</v>
      </c>
    </row>
    <row r="8637" spans="1:5" x14ac:dyDescent="0.25">
      <c r="A8637" s="5">
        <v>43915.708333333336</v>
      </c>
      <c r="B8637" s="2">
        <v>20.031744</v>
      </c>
      <c r="C8637">
        <v>0.69464099999999995</v>
      </c>
      <c r="D8637">
        <f t="shared" si="268"/>
        <v>6.9464099999999997E-4</v>
      </c>
      <c r="E8637" s="6">
        <f t="shared" si="269"/>
        <v>1.3914870683903999E-2</v>
      </c>
    </row>
    <row r="8638" spans="1:5" x14ac:dyDescent="0.25">
      <c r="A8638" s="5">
        <v>43915.75</v>
      </c>
      <c r="B8638" s="2">
        <v>20.449959</v>
      </c>
      <c r="C8638">
        <v>0.747668</v>
      </c>
      <c r="D8638">
        <f t="shared" si="268"/>
        <v>7.4766800000000005E-4</v>
      </c>
      <c r="E8638" s="6">
        <f t="shared" si="269"/>
        <v>1.5289779945612002E-2</v>
      </c>
    </row>
    <row r="8639" spans="1:5" x14ac:dyDescent="0.25">
      <c r="A8639" s="5">
        <v>43915.791666666664</v>
      </c>
      <c r="B8639" s="2">
        <v>21.285795</v>
      </c>
      <c r="C8639">
        <v>3.9227999999999999E-2</v>
      </c>
      <c r="D8639">
        <f t="shared" si="268"/>
        <v>3.9227999999999998E-5</v>
      </c>
      <c r="E8639" s="6">
        <f t="shared" si="269"/>
        <v>8.3499916625999991E-4</v>
      </c>
    </row>
    <row r="8640" spans="1:5" x14ac:dyDescent="0.25">
      <c r="A8640" s="5">
        <v>43915.833333333336</v>
      </c>
      <c r="B8640" s="2">
        <v>21.188199000000001</v>
      </c>
      <c r="C8640">
        <v>0</v>
      </c>
      <c r="D8640">
        <f t="shared" si="268"/>
        <v>0</v>
      </c>
      <c r="E8640" s="6">
        <f t="shared" si="269"/>
        <v>0</v>
      </c>
    </row>
    <row r="8641" spans="1:5" x14ac:dyDescent="0.25">
      <c r="A8641" s="5">
        <v>43915.875</v>
      </c>
      <c r="B8641" s="2">
        <v>19.186219000000001</v>
      </c>
      <c r="C8641">
        <v>0</v>
      </c>
      <c r="D8641">
        <f t="shared" si="268"/>
        <v>0</v>
      </c>
      <c r="E8641" s="6">
        <f t="shared" si="269"/>
        <v>0</v>
      </c>
    </row>
    <row r="8642" spans="1:5" x14ac:dyDescent="0.25">
      <c r="A8642" s="5">
        <v>43915.916666666664</v>
      </c>
      <c r="B8642" s="2">
        <v>16.700527999999998</v>
      </c>
      <c r="C8642">
        <v>0</v>
      </c>
      <c r="D8642">
        <f t="shared" si="268"/>
        <v>0</v>
      </c>
      <c r="E8642" s="6">
        <f t="shared" si="269"/>
        <v>0</v>
      </c>
    </row>
    <row r="8643" spans="1:5" x14ac:dyDescent="0.25">
      <c r="A8643" s="5">
        <v>43915.958333333336</v>
      </c>
      <c r="B8643" s="2">
        <v>14.553540999999999</v>
      </c>
      <c r="C8643">
        <v>0</v>
      </c>
      <c r="D8643">
        <f t="shared" si="268"/>
        <v>0</v>
      </c>
      <c r="E8643" s="6">
        <f t="shared" si="269"/>
        <v>0</v>
      </c>
    </row>
    <row r="8644" spans="1:5" x14ac:dyDescent="0.25">
      <c r="A8644" s="5">
        <v>43916</v>
      </c>
      <c r="B8644" s="2">
        <v>13.660128</v>
      </c>
      <c r="C8644">
        <v>0</v>
      </c>
      <c r="D8644">
        <f t="shared" si="268"/>
        <v>0</v>
      </c>
      <c r="E8644" s="6">
        <f t="shared" si="269"/>
        <v>0</v>
      </c>
    </row>
    <row r="8645" spans="1:5" x14ac:dyDescent="0.25">
      <c r="A8645" s="5">
        <v>43916.041666666664</v>
      </c>
      <c r="B8645" s="2">
        <v>14.224019</v>
      </c>
      <c r="C8645">
        <v>0</v>
      </c>
      <c r="D8645">
        <f t="shared" si="268"/>
        <v>0</v>
      </c>
      <c r="E8645" s="6">
        <f t="shared" si="269"/>
        <v>0</v>
      </c>
    </row>
    <row r="8646" spans="1:5" x14ac:dyDescent="0.25">
      <c r="A8646" s="5">
        <v>43916.083333333336</v>
      </c>
      <c r="B8646" s="2">
        <v>12.778473</v>
      </c>
      <c r="C8646">
        <v>0</v>
      </c>
      <c r="D8646">
        <f t="shared" ref="D8646:D8709" si="270">C8646/1000</f>
        <v>0</v>
      </c>
      <c r="E8646" s="6">
        <f t="shared" ref="E8646:E8709" si="271">D8646*B8646</f>
        <v>0</v>
      </c>
    </row>
    <row r="8647" spans="1:5" x14ac:dyDescent="0.25">
      <c r="A8647" s="5">
        <v>43916.125</v>
      </c>
      <c r="B8647" s="2">
        <v>13.236961000000001</v>
      </c>
      <c r="C8647">
        <v>0</v>
      </c>
      <c r="D8647">
        <f t="shared" si="270"/>
        <v>0</v>
      </c>
      <c r="E8647" s="6">
        <f t="shared" si="271"/>
        <v>0</v>
      </c>
    </row>
    <row r="8648" spans="1:5" x14ac:dyDescent="0.25">
      <c r="A8648" s="5">
        <v>43916.166666666664</v>
      </c>
      <c r="B8648" s="2">
        <v>14.716673</v>
      </c>
      <c r="C8648">
        <v>0</v>
      </c>
      <c r="D8648">
        <f t="shared" si="270"/>
        <v>0</v>
      </c>
      <c r="E8648" s="6">
        <f t="shared" si="271"/>
        <v>0</v>
      </c>
    </row>
    <row r="8649" spans="1:5" x14ac:dyDescent="0.25">
      <c r="A8649" s="5">
        <v>43916.208333333336</v>
      </c>
      <c r="B8649" s="2">
        <v>15.609264</v>
      </c>
      <c r="C8649">
        <v>0</v>
      </c>
      <c r="D8649">
        <f t="shared" si="270"/>
        <v>0</v>
      </c>
      <c r="E8649" s="6">
        <f t="shared" si="271"/>
        <v>0</v>
      </c>
    </row>
    <row r="8650" spans="1:5" x14ac:dyDescent="0.25">
      <c r="A8650" s="5">
        <v>43916.25</v>
      </c>
      <c r="B8650" s="2">
        <v>20.182504999999999</v>
      </c>
      <c r="C8650">
        <v>0</v>
      </c>
      <c r="D8650">
        <f t="shared" si="270"/>
        <v>0</v>
      </c>
      <c r="E8650" s="6">
        <f t="shared" si="271"/>
        <v>0</v>
      </c>
    </row>
    <row r="8651" spans="1:5" x14ac:dyDescent="0.25">
      <c r="A8651" s="5">
        <v>43916.291666666664</v>
      </c>
      <c r="B8651" s="2">
        <v>21.094584999999999</v>
      </c>
      <c r="C8651">
        <v>0</v>
      </c>
      <c r="D8651">
        <f t="shared" si="270"/>
        <v>0</v>
      </c>
      <c r="E8651" s="6">
        <f t="shared" si="271"/>
        <v>0</v>
      </c>
    </row>
    <row r="8652" spans="1:5" x14ac:dyDescent="0.25">
      <c r="A8652" s="5">
        <v>43916.333333333336</v>
      </c>
      <c r="B8652" s="2">
        <v>20.644833999999999</v>
      </c>
      <c r="C8652">
        <v>0.30913099999999999</v>
      </c>
      <c r="D8652">
        <f t="shared" si="270"/>
        <v>3.0913099999999998E-4</v>
      </c>
      <c r="E8652" s="6">
        <f t="shared" si="271"/>
        <v>6.3819581792539997E-3</v>
      </c>
    </row>
    <row r="8653" spans="1:5" x14ac:dyDescent="0.25">
      <c r="A8653" s="5">
        <v>43916.375</v>
      </c>
      <c r="B8653" s="2">
        <v>20.079374000000001</v>
      </c>
      <c r="C8653">
        <v>7.8813999999999995E-2</v>
      </c>
      <c r="D8653">
        <f t="shared" si="270"/>
        <v>7.8813999999999995E-5</v>
      </c>
      <c r="E8653" s="6">
        <f t="shared" si="271"/>
        <v>1.582535782436E-3</v>
      </c>
    </row>
    <row r="8654" spans="1:5" x14ac:dyDescent="0.25">
      <c r="A8654" s="5">
        <v>43916.416666666664</v>
      </c>
      <c r="B8654" s="2">
        <v>19.816884999999999</v>
      </c>
      <c r="C8654">
        <v>0.67706</v>
      </c>
      <c r="D8654">
        <f t="shared" si="270"/>
        <v>6.7705999999999994E-4</v>
      </c>
      <c r="E8654" s="6">
        <f t="shared" si="271"/>
        <v>1.3417220158099999E-2</v>
      </c>
    </row>
    <row r="8655" spans="1:5" x14ac:dyDescent="0.25">
      <c r="A8655" s="5">
        <v>43916.458333333336</v>
      </c>
      <c r="B8655" s="2">
        <v>19.74371</v>
      </c>
      <c r="C8655">
        <v>4.7187989999999997</v>
      </c>
      <c r="D8655">
        <f t="shared" si="270"/>
        <v>4.7187990000000001E-3</v>
      </c>
      <c r="E8655" s="6">
        <f t="shared" si="271"/>
        <v>9.3166599004290002E-2</v>
      </c>
    </row>
    <row r="8656" spans="1:5" x14ac:dyDescent="0.25">
      <c r="A8656" s="5">
        <v>43916.5</v>
      </c>
      <c r="B8656" s="2">
        <v>19.876508000000001</v>
      </c>
      <c r="C8656">
        <v>2.6733850000000001</v>
      </c>
      <c r="D8656">
        <f t="shared" si="270"/>
        <v>2.6733849999999999E-3</v>
      </c>
      <c r="E8656" s="6">
        <f t="shared" si="271"/>
        <v>5.3137558339580004E-2</v>
      </c>
    </row>
    <row r="8657" spans="1:5" x14ac:dyDescent="0.25">
      <c r="A8657" s="5">
        <v>43916.541666666664</v>
      </c>
      <c r="B8657" s="2">
        <v>18.587406000000001</v>
      </c>
      <c r="C8657">
        <v>5.2382520000000001</v>
      </c>
      <c r="D8657">
        <f t="shared" si="270"/>
        <v>5.2382520000000005E-3</v>
      </c>
      <c r="E8657" s="6">
        <f t="shared" si="271"/>
        <v>9.736551665431202E-2</v>
      </c>
    </row>
    <row r="8658" spans="1:5" x14ac:dyDescent="0.25">
      <c r="A8658" s="5">
        <v>43916.583333333336</v>
      </c>
      <c r="B8658" s="2">
        <v>17.412091</v>
      </c>
      <c r="C8658">
        <v>4.4311549999999995</v>
      </c>
      <c r="D8658">
        <f t="shared" si="270"/>
        <v>4.4311549999999991E-3</v>
      </c>
      <c r="E8658" s="6">
        <f t="shared" si="271"/>
        <v>7.7155674095104987E-2</v>
      </c>
    </row>
    <row r="8659" spans="1:5" x14ac:dyDescent="0.25">
      <c r="A8659" s="5">
        <v>43916.625</v>
      </c>
      <c r="B8659" s="2">
        <v>16.947531999999999</v>
      </c>
      <c r="C8659">
        <v>4.739274</v>
      </c>
      <c r="D8659">
        <f t="shared" si="270"/>
        <v>4.7392739999999999E-3</v>
      </c>
      <c r="E8659" s="6">
        <f t="shared" si="271"/>
        <v>8.0318997771768E-2</v>
      </c>
    </row>
    <row r="8660" spans="1:5" x14ac:dyDescent="0.25">
      <c r="A8660" s="5">
        <v>43916.666666666664</v>
      </c>
      <c r="B8660" s="2">
        <v>17.104230999999999</v>
      </c>
      <c r="C8660">
        <v>2.9589789999999998</v>
      </c>
      <c r="D8660">
        <f t="shared" si="270"/>
        <v>2.9589789999999996E-3</v>
      </c>
      <c r="E8660" s="6">
        <f t="shared" si="271"/>
        <v>5.0611060340148992E-2</v>
      </c>
    </row>
    <row r="8661" spans="1:5" x14ac:dyDescent="0.25">
      <c r="A8661" s="5">
        <v>43916.708333333336</v>
      </c>
      <c r="B8661" s="2">
        <v>17.277262</v>
      </c>
      <c r="C8661">
        <v>0.92177599999999993</v>
      </c>
      <c r="D8661">
        <f t="shared" si="270"/>
        <v>9.2177599999999991E-4</v>
      </c>
      <c r="E8661" s="6">
        <f t="shared" si="271"/>
        <v>1.5925765457311999E-2</v>
      </c>
    </row>
    <row r="8662" spans="1:5" x14ac:dyDescent="0.25">
      <c r="A8662" s="5">
        <v>43916.75</v>
      </c>
      <c r="B8662" s="2">
        <v>18.169916000000001</v>
      </c>
      <c r="C8662">
        <v>0.15506</v>
      </c>
      <c r="D8662">
        <f t="shared" si="270"/>
        <v>1.5506E-4</v>
      </c>
      <c r="E8662" s="6">
        <f t="shared" si="271"/>
        <v>2.81742717496E-3</v>
      </c>
    </row>
    <row r="8663" spans="1:5" x14ac:dyDescent="0.25">
      <c r="A8663" s="5">
        <v>43916.791666666664</v>
      </c>
      <c r="B8663" s="2">
        <v>20.465879000000001</v>
      </c>
      <c r="C8663">
        <v>0</v>
      </c>
      <c r="D8663">
        <f t="shared" si="270"/>
        <v>0</v>
      </c>
      <c r="E8663" s="6">
        <f t="shared" si="271"/>
        <v>0</v>
      </c>
    </row>
    <row r="8664" spans="1:5" x14ac:dyDescent="0.25">
      <c r="A8664" s="5">
        <v>43916.833333333336</v>
      </c>
      <c r="B8664" s="2">
        <v>19.967597999999999</v>
      </c>
      <c r="C8664">
        <v>0</v>
      </c>
      <c r="D8664">
        <f t="shared" si="270"/>
        <v>0</v>
      </c>
      <c r="E8664" s="6">
        <f t="shared" si="271"/>
        <v>0</v>
      </c>
    </row>
    <row r="8665" spans="1:5" x14ac:dyDescent="0.25">
      <c r="A8665" s="5">
        <v>43916.875</v>
      </c>
      <c r="B8665" s="2">
        <v>18.768905</v>
      </c>
      <c r="C8665">
        <v>0</v>
      </c>
      <c r="D8665">
        <f t="shared" si="270"/>
        <v>0</v>
      </c>
      <c r="E8665" s="6">
        <f t="shared" si="271"/>
        <v>0</v>
      </c>
    </row>
    <row r="8666" spans="1:5" x14ac:dyDescent="0.25">
      <c r="A8666" s="5">
        <v>43916.916666666664</v>
      </c>
      <c r="B8666" s="2">
        <v>16.317587</v>
      </c>
      <c r="C8666">
        <v>0</v>
      </c>
      <c r="D8666">
        <f t="shared" si="270"/>
        <v>0</v>
      </c>
      <c r="E8666" s="6">
        <f t="shared" si="271"/>
        <v>0</v>
      </c>
    </row>
    <row r="8667" spans="1:5" x14ac:dyDescent="0.25">
      <c r="A8667" s="5">
        <v>43916.958333333336</v>
      </c>
      <c r="B8667" s="2">
        <v>14.578056</v>
      </c>
      <c r="C8667">
        <v>0</v>
      </c>
      <c r="D8667">
        <f t="shared" si="270"/>
        <v>0</v>
      </c>
      <c r="E8667" s="6">
        <f t="shared" si="271"/>
        <v>0</v>
      </c>
    </row>
    <row r="8668" spans="1:5" x14ac:dyDescent="0.25">
      <c r="A8668" s="5">
        <v>43917</v>
      </c>
      <c r="B8668" s="2">
        <v>12.497453</v>
      </c>
      <c r="C8668">
        <v>0</v>
      </c>
      <c r="D8668">
        <f t="shared" si="270"/>
        <v>0</v>
      </c>
      <c r="E8668" s="6">
        <f t="shared" si="271"/>
        <v>0</v>
      </c>
    </row>
    <row r="8669" spans="1:5" x14ac:dyDescent="0.25">
      <c r="A8669" s="5">
        <v>43917.041666666664</v>
      </c>
      <c r="B8669" s="2">
        <v>12.377344000000001</v>
      </c>
      <c r="C8669">
        <v>0</v>
      </c>
      <c r="D8669">
        <f t="shared" si="270"/>
        <v>0</v>
      </c>
      <c r="E8669" s="6">
        <f t="shared" si="271"/>
        <v>0</v>
      </c>
    </row>
    <row r="8670" spans="1:5" x14ac:dyDescent="0.25">
      <c r="A8670" s="5">
        <v>43917.083333333336</v>
      </c>
      <c r="B8670" s="2">
        <v>11.705978</v>
      </c>
      <c r="C8670">
        <v>0</v>
      </c>
      <c r="D8670">
        <f t="shared" si="270"/>
        <v>0</v>
      </c>
      <c r="E8670" s="6">
        <f t="shared" si="271"/>
        <v>0</v>
      </c>
    </row>
    <row r="8671" spans="1:5" x14ac:dyDescent="0.25">
      <c r="A8671" s="5">
        <v>43917.125</v>
      </c>
      <c r="B8671" s="2">
        <v>11.206842</v>
      </c>
      <c r="C8671">
        <v>0</v>
      </c>
      <c r="D8671">
        <f t="shared" si="270"/>
        <v>0</v>
      </c>
      <c r="E8671" s="6">
        <f t="shared" si="271"/>
        <v>0</v>
      </c>
    </row>
    <row r="8672" spans="1:5" x14ac:dyDescent="0.25">
      <c r="A8672" s="5">
        <v>43917.166666666664</v>
      </c>
      <c r="B8672" s="2">
        <v>11.594156999999999</v>
      </c>
      <c r="C8672">
        <v>0</v>
      </c>
      <c r="D8672">
        <f t="shared" si="270"/>
        <v>0</v>
      </c>
      <c r="E8672" s="6">
        <f t="shared" si="271"/>
        <v>0</v>
      </c>
    </row>
    <row r="8673" spans="1:5" x14ac:dyDescent="0.25">
      <c r="A8673" s="5">
        <v>43917.208333333336</v>
      </c>
      <c r="B8673" s="2">
        <v>12.633675</v>
      </c>
      <c r="C8673">
        <v>0</v>
      </c>
      <c r="D8673">
        <f t="shared" si="270"/>
        <v>0</v>
      </c>
      <c r="E8673" s="6">
        <f t="shared" si="271"/>
        <v>0</v>
      </c>
    </row>
    <row r="8674" spans="1:5" x14ac:dyDescent="0.25">
      <c r="A8674" s="5">
        <v>43917.25</v>
      </c>
      <c r="B8674" s="2">
        <v>16.529408</v>
      </c>
      <c r="C8674">
        <v>0</v>
      </c>
      <c r="D8674">
        <f t="shared" si="270"/>
        <v>0</v>
      </c>
      <c r="E8674" s="6">
        <f t="shared" si="271"/>
        <v>0</v>
      </c>
    </row>
    <row r="8675" spans="1:5" x14ac:dyDescent="0.25">
      <c r="A8675" s="5">
        <v>43917.291666666664</v>
      </c>
      <c r="B8675" s="2">
        <v>19.489166999999998</v>
      </c>
      <c r="C8675">
        <v>0</v>
      </c>
      <c r="D8675">
        <f t="shared" si="270"/>
        <v>0</v>
      </c>
      <c r="E8675" s="6">
        <f t="shared" si="271"/>
        <v>0</v>
      </c>
    </row>
    <row r="8676" spans="1:5" x14ac:dyDescent="0.25">
      <c r="A8676" s="5">
        <v>43917.333333333336</v>
      </c>
      <c r="B8676" s="2">
        <v>19.907467</v>
      </c>
      <c r="C8676">
        <v>1.611027</v>
      </c>
      <c r="D8676">
        <f t="shared" si="270"/>
        <v>1.6110269999999999E-3</v>
      </c>
      <c r="E8676" s="6">
        <f t="shared" si="271"/>
        <v>3.2071466838609002E-2</v>
      </c>
    </row>
    <row r="8677" spans="1:5" x14ac:dyDescent="0.25">
      <c r="A8677" s="5">
        <v>43917.375</v>
      </c>
      <c r="B8677" s="2">
        <v>19.681372</v>
      </c>
      <c r="C8677">
        <v>2.7568239999999999</v>
      </c>
      <c r="D8677">
        <f t="shared" si="270"/>
        <v>2.7568239999999997E-3</v>
      </c>
      <c r="E8677" s="6">
        <f t="shared" si="271"/>
        <v>5.4258078682527994E-2</v>
      </c>
    </row>
    <row r="8678" spans="1:5" x14ac:dyDescent="0.25">
      <c r="A8678" s="5">
        <v>43917.416666666664</v>
      </c>
      <c r="B8678" s="2">
        <v>20.419028999999998</v>
      </c>
      <c r="C8678">
        <v>4.4860550000000003</v>
      </c>
      <c r="D8678">
        <f t="shared" si="270"/>
        <v>4.4860550000000001E-3</v>
      </c>
      <c r="E8678" s="6">
        <f t="shared" si="271"/>
        <v>9.1600887140595E-2</v>
      </c>
    </row>
    <row r="8679" spans="1:5" x14ac:dyDescent="0.25">
      <c r="A8679" s="5">
        <v>43917.458333333336</v>
      </c>
      <c r="B8679" s="2">
        <v>20.023862999999999</v>
      </c>
      <c r="C8679">
        <v>3.8301799999999999</v>
      </c>
      <c r="D8679">
        <f t="shared" si="270"/>
        <v>3.8301799999999999E-3</v>
      </c>
      <c r="E8679" s="6">
        <f t="shared" si="271"/>
        <v>7.6694999585339999E-2</v>
      </c>
    </row>
    <row r="8680" spans="1:5" x14ac:dyDescent="0.25">
      <c r="A8680" s="5">
        <v>43917.5</v>
      </c>
      <c r="B8680" s="2">
        <v>19.492791</v>
      </c>
      <c r="C8680">
        <v>8.5913240000000002</v>
      </c>
      <c r="D8680">
        <f t="shared" si="270"/>
        <v>8.5913240000000009E-3</v>
      </c>
      <c r="E8680" s="6">
        <f t="shared" si="271"/>
        <v>0.16746888314528402</v>
      </c>
    </row>
    <row r="8681" spans="1:5" x14ac:dyDescent="0.25">
      <c r="A8681" s="5">
        <v>43917.541666666664</v>
      </c>
      <c r="B8681" s="2">
        <v>18.997247999999999</v>
      </c>
      <c r="C8681">
        <v>8.7416049999999998</v>
      </c>
      <c r="D8681">
        <f t="shared" si="270"/>
        <v>8.7416049999999995E-3</v>
      </c>
      <c r="E8681" s="6">
        <f t="shared" si="271"/>
        <v>0.16606643810303998</v>
      </c>
    </row>
    <row r="8682" spans="1:5" x14ac:dyDescent="0.25">
      <c r="A8682" s="5">
        <v>43917.583333333336</v>
      </c>
      <c r="B8682" s="2">
        <v>17.580783</v>
      </c>
      <c r="C8682">
        <v>8.4761009999999999</v>
      </c>
      <c r="D8682">
        <f t="shared" si="270"/>
        <v>8.4761009999999998E-3</v>
      </c>
      <c r="E8682" s="6">
        <f t="shared" si="271"/>
        <v>0.149016492367083</v>
      </c>
    </row>
    <row r="8683" spans="1:5" x14ac:dyDescent="0.25">
      <c r="A8683" s="5">
        <v>43917.625</v>
      </c>
      <c r="B8683" s="2">
        <v>17.131281999999999</v>
      </c>
      <c r="C8683">
        <v>7.6952860000000003</v>
      </c>
      <c r="D8683">
        <f t="shared" si="270"/>
        <v>7.695286E-3</v>
      </c>
      <c r="E8683" s="6">
        <f t="shared" si="271"/>
        <v>0.131830114536652</v>
      </c>
    </row>
    <row r="8684" spans="1:5" x14ac:dyDescent="0.25">
      <c r="A8684" s="5">
        <v>43917.666666666664</v>
      </c>
      <c r="B8684" s="2">
        <v>17.167674999999999</v>
      </c>
      <c r="C8684">
        <v>6.3895390000000001</v>
      </c>
      <c r="D8684">
        <f t="shared" si="270"/>
        <v>6.3895390000000005E-3</v>
      </c>
      <c r="E8684" s="6">
        <f t="shared" si="271"/>
        <v>0.10969352895182501</v>
      </c>
    </row>
    <row r="8685" spans="1:5" x14ac:dyDescent="0.25">
      <c r="A8685" s="5">
        <v>43917.708333333336</v>
      </c>
      <c r="B8685" s="2">
        <v>17.605032000000001</v>
      </c>
      <c r="C8685">
        <v>4.5112650000000007</v>
      </c>
      <c r="D8685">
        <f t="shared" si="270"/>
        <v>4.5112650000000004E-3</v>
      </c>
      <c r="E8685" s="6">
        <f t="shared" si="271"/>
        <v>7.9420964685480017E-2</v>
      </c>
    </row>
    <row r="8686" spans="1:5" x14ac:dyDescent="0.25">
      <c r="A8686" s="5">
        <v>43917.75</v>
      </c>
      <c r="B8686" s="2">
        <v>17.780190999999999</v>
      </c>
      <c r="C8686">
        <v>2.137324</v>
      </c>
      <c r="D8686">
        <f t="shared" si="270"/>
        <v>2.1373239999999999E-3</v>
      </c>
      <c r="E8686" s="6">
        <f t="shared" si="271"/>
        <v>3.8002028948883992E-2</v>
      </c>
    </row>
    <row r="8687" spans="1:5" x14ac:dyDescent="0.25">
      <c r="A8687" s="5">
        <v>43917.791666666664</v>
      </c>
      <c r="B8687" s="2">
        <v>17.977035000000001</v>
      </c>
      <c r="C8687">
        <v>0.25775400000000004</v>
      </c>
      <c r="D8687">
        <f t="shared" si="270"/>
        <v>2.5775400000000001E-4</v>
      </c>
      <c r="E8687" s="6">
        <f t="shared" si="271"/>
        <v>4.6336526793900002E-3</v>
      </c>
    </row>
    <row r="8688" spans="1:5" x14ac:dyDescent="0.25">
      <c r="A8688" s="5">
        <v>43917.833333333336</v>
      </c>
      <c r="B8688" s="2">
        <v>17.818193999999998</v>
      </c>
      <c r="C8688">
        <v>0</v>
      </c>
      <c r="D8688">
        <f t="shared" si="270"/>
        <v>0</v>
      </c>
      <c r="E8688" s="6">
        <f t="shared" si="271"/>
        <v>0</v>
      </c>
    </row>
    <row r="8689" spans="1:5" x14ac:dyDescent="0.25">
      <c r="A8689" s="5">
        <v>43917.875</v>
      </c>
      <c r="B8689" s="2">
        <v>16.641613</v>
      </c>
      <c r="C8689">
        <v>0</v>
      </c>
      <c r="D8689">
        <f t="shared" si="270"/>
        <v>0</v>
      </c>
      <c r="E8689" s="6">
        <f t="shared" si="271"/>
        <v>0</v>
      </c>
    </row>
    <row r="8690" spans="1:5" x14ac:dyDescent="0.25">
      <c r="A8690" s="5">
        <v>43917.916666666664</v>
      </c>
      <c r="B8690" s="2">
        <v>14.413247999999999</v>
      </c>
      <c r="C8690">
        <v>0</v>
      </c>
      <c r="D8690">
        <f t="shared" si="270"/>
        <v>0</v>
      </c>
      <c r="E8690" s="6">
        <f t="shared" si="271"/>
        <v>0</v>
      </c>
    </row>
    <row r="8691" spans="1:5" x14ac:dyDescent="0.25">
      <c r="A8691" s="5">
        <v>43917.958333333336</v>
      </c>
      <c r="B8691" s="2">
        <v>11.955107999999999</v>
      </c>
      <c r="C8691">
        <v>0</v>
      </c>
      <c r="D8691">
        <f t="shared" si="270"/>
        <v>0</v>
      </c>
      <c r="E8691" s="6">
        <f t="shared" si="271"/>
        <v>0</v>
      </c>
    </row>
    <row r="8692" spans="1:5" x14ac:dyDescent="0.25">
      <c r="A8692" s="5">
        <v>43918</v>
      </c>
      <c r="B8692" s="2">
        <v>10.959121</v>
      </c>
      <c r="C8692">
        <v>0</v>
      </c>
      <c r="D8692">
        <f t="shared" si="270"/>
        <v>0</v>
      </c>
      <c r="E8692" s="6">
        <f t="shared" si="271"/>
        <v>0</v>
      </c>
    </row>
    <row r="8693" spans="1:5" x14ac:dyDescent="0.25">
      <c r="A8693" s="5">
        <v>43918.041666666664</v>
      </c>
      <c r="B8693" s="2">
        <v>10.443849</v>
      </c>
      <c r="C8693">
        <v>0</v>
      </c>
      <c r="D8693">
        <f t="shared" si="270"/>
        <v>0</v>
      </c>
      <c r="E8693" s="6">
        <f t="shared" si="271"/>
        <v>0</v>
      </c>
    </row>
    <row r="8694" spans="1:5" x14ac:dyDescent="0.25">
      <c r="A8694" s="5">
        <v>43918.083333333336</v>
      </c>
      <c r="B8694" s="2">
        <v>10.250741</v>
      </c>
      <c r="C8694">
        <v>0</v>
      </c>
      <c r="D8694">
        <f t="shared" si="270"/>
        <v>0</v>
      </c>
      <c r="E8694" s="6">
        <f t="shared" si="271"/>
        <v>0</v>
      </c>
    </row>
    <row r="8695" spans="1:5" x14ac:dyDescent="0.25">
      <c r="A8695" s="5">
        <v>43918.125</v>
      </c>
      <c r="B8695" s="2">
        <v>10.043596000000001</v>
      </c>
      <c r="C8695">
        <v>0</v>
      </c>
      <c r="D8695">
        <f t="shared" si="270"/>
        <v>0</v>
      </c>
      <c r="E8695" s="6">
        <f t="shared" si="271"/>
        <v>0</v>
      </c>
    </row>
    <row r="8696" spans="1:5" x14ac:dyDescent="0.25">
      <c r="A8696" s="5">
        <v>43918.166666666664</v>
      </c>
      <c r="B8696" s="2">
        <v>10.208913000000001</v>
      </c>
      <c r="C8696">
        <v>0</v>
      </c>
      <c r="D8696">
        <f t="shared" si="270"/>
        <v>0</v>
      </c>
      <c r="E8696" s="6">
        <f t="shared" si="271"/>
        <v>0</v>
      </c>
    </row>
    <row r="8697" spans="1:5" x14ac:dyDescent="0.25">
      <c r="A8697" s="5">
        <v>43918.208333333336</v>
      </c>
      <c r="B8697" s="2">
        <v>10.648118999999999</v>
      </c>
      <c r="C8697">
        <v>0</v>
      </c>
      <c r="D8697">
        <f t="shared" si="270"/>
        <v>0</v>
      </c>
      <c r="E8697" s="6">
        <f t="shared" si="271"/>
        <v>0</v>
      </c>
    </row>
    <row r="8698" spans="1:5" x14ac:dyDescent="0.25">
      <c r="A8698" s="5">
        <v>43918.25</v>
      </c>
      <c r="B8698" s="2">
        <v>11.744516000000001</v>
      </c>
      <c r="C8698">
        <v>0</v>
      </c>
      <c r="D8698">
        <f t="shared" si="270"/>
        <v>0</v>
      </c>
      <c r="E8698" s="6">
        <f t="shared" si="271"/>
        <v>0</v>
      </c>
    </row>
    <row r="8699" spans="1:5" x14ac:dyDescent="0.25">
      <c r="A8699" s="5">
        <v>43918.291666666664</v>
      </c>
      <c r="B8699" s="2">
        <v>13.323104000000001</v>
      </c>
      <c r="C8699">
        <v>0</v>
      </c>
      <c r="D8699">
        <f t="shared" si="270"/>
        <v>0</v>
      </c>
      <c r="E8699" s="6">
        <f t="shared" si="271"/>
        <v>0</v>
      </c>
    </row>
    <row r="8700" spans="1:5" x14ac:dyDescent="0.25">
      <c r="A8700" s="5">
        <v>43918.333333333336</v>
      </c>
      <c r="B8700" s="2">
        <v>15.360811999999999</v>
      </c>
      <c r="C8700">
        <v>1.653837</v>
      </c>
      <c r="D8700">
        <f t="shared" si="270"/>
        <v>1.653837E-3</v>
      </c>
      <c r="E8700" s="6">
        <f t="shared" si="271"/>
        <v>2.5404279235643999E-2</v>
      </c>
    </row>
    <row r="8701" spans="1:5" x14ac:dyDescent="0.25">
      <c r="A8701" s="5">
        <v>43918.375</v>
      </c>
      <c r="B8701" s="2">
        <v>16.491755999999999</v>
      </c>
      <c r="C8701">
        <v>4.1242650000000003</v>
      </c>
      <c r="D8701">
        <f t="shared" si="270"/>
        <v>4.1242650000000002E-3</v>
      </c>
      <c r="E8701" s="6">
        <f t="shared" si="271"/>
        <v>6.8016372059339997E-2</v>
      </c>
    </row>
    <row r="8702" spans="1:5" x14ac:dyDescent="0.25">
      <c r="A8702" s="5">
        <v>43918.416666666664</v>
      </c>
      <c r="B8702" s="2">
        <v>17.070971</v>
      </c>
      <c r="C8702">
        <v>6.1106450000000008</v>
      </c>
      <c r="D8702">
        <f t="shared" si="270"/>
        <v>6.1106450000000005E-3</v>
      </c>
      <c r="E8702" s="6">
        <f t="shared" si="271"/>
        <v>0.10431464358629501</v>
      </c>
    </row>
    <row r="8703" spans="1:5" x14ac:dyDescent="0.25">
      <c r="A8703" s="5">
        <v>43918.458333333336</v>
      </c>
      <c r="B8703" s="2">
        <v>17.175871000000001</v>
      </c>
      <c r="C8703">
        <v>7.4102589999999999</v>
      </c>
      <c r="D8703">
        <f t="shared" si="270"/>
        <v>7.4102589999999998E-3</v>
      </c>
      <c r="E8703" s="6">
        <f t="shared" si="271"/>
        <v>0.12727765266058899</v>
      </c>
    </row>
    <row r="8704" spans="1:5" x14ac:dyDescent="0.25">
      <c r="A8704" s="5">
        <v>43918.5</v>
      </c>
      <c r="B8704" s="2">
        <v>17.093957</v>
      </c>
      <c r="C8704">
        <v>8.1383320000000001</v>
      </c>
      <c r="D8704">
        <f t="shared" si="270"/>
        <v>8.1383319999999999E-3</v>
      </c>
      <c r="E8704" s="6">
        <f t="shared" si="271"/>
        <v>0.13911629725972399</v>
      </c>
    </row>
    <row r="8705" spans="1:5" x14ac:dyDescent="0.25">
      <c r="A8705" s="5">
        <v>43918.541666666664</v>
      </c>
      <c r="B8705" s="2">
        <v>16.339881999999999</v>
      </c>
      <c r="C8705">
        <v>8.3644479999999994</v>
      </c>
      <c r="D8705">
        <f t="shared" si="270"/>
        <v>8.364448E-3</v>
      </c>
      <c r="E8705" s="6">
        <f t="shared" si="271"/>
        <v>0.136674093315136</v>
      </c>
    </row>
    <row r="8706" spans="1:5" x14ac:dyDescent="0.25">
      <c r="A8706" s="5">
        <v>43918.583333333336</v>
      </c>
      <c r="B8706" s="2">
        <v>14.446789000000001</v>
      </c>
      <c r="C8706">
        <v>8.0754649999999994</v>
      </c>
      <c r="D8706">
        <f t="shared" si="270"/>
        <v>8.0754649999999987E-3</v>
      </c>
      <c r="E8706" s="6">
        <f t="shared" si="271"/>
        <v>0.11666453893188498</v>
      </c>
    </row>
    <row r="8707" spans="1:5" x14ac:dyDescent="0.25">
      <c r="A8707" s="5">
        <v>43918.625</v>
      </c>
      <c r="B8707" s="2">
        <v>13.867683</v>
      </c>
      <c r="C8707">
        <v>7.3184380000000004</v>
      </c>
      <c r="D8707">
        <f t="shared" si="270"/>
        <v>7.318438E-3</v>
      </c>
      <c r="E8707" s="6">
        <f t="shared" si="271"/>
        <v>0.10148977823915399</v>
      </c>
    </row>
    <row r="8708" spans="1:5" x14ac:dyDescent="0.25">
      <c r="A8708" s="5">
        <v>43918.666666666664</v>
      </c>
      <c r="B8708" s="2">
        <v>15.04091</v>
      </c>
      <c r="C8708">
        <v>4.8694649999999999</v>
      </c>
      <c r="D8708">
        <f t="shared" si="270"/>
        <v>4.8694649999999999E-3</v>
      </c>
      <c r="E8708" s="6">
        <f t="shared" si="271"/>
        <v>7.3241184813150007E-2</v>
      </c>
    </row>
    <row r="8709" spans="1:5" x14ac:dyDescent="0.25">
      <c r="A8709" s="5">
        <v>43918.708333333336</v>
      </c>
      <c r="B8709" s="2">
        <v>15.080916999999999</v>
      </c>
      <c r="C8709">
        <v>2.9826930000000003</v>
      </c>
      <c r="D8709">
        <f t="shared" si="270"/>
        <v>2.9826930000000002E-3</v>
      </c>
      <c r="E8709" s="6">
        <f t="shared" si="271"/>
        <v>4.4981745569481001E-2</v>
      </c>
    </row>
    <row r="8710" spans="1:5" x14ac:dyDescent="0.25">
      <c r="A8710" s="5">
        <v>43918.75</v>
      </c>
      <c r="B8710" s="2">
        <v>14.803675</v>
      </c>
      <c r="C8710">
        <v>1.7417239999999998</v>
      </c>
      <c r="D8710">
        <f t="shared" ref="D8710:D8773" si="272">C8710/1000</f>
        <v>1.7417239999999998E-3</v>
      </c>
      <c r="E8710" s="6">
        <f t="shared" ref="E8710:E8773" si="273">D8710*B8710</f>
        <v>2.5783916035699999E-2</v>
      </c>
    </row>
    <row r="8711" spans="1:5" x14ac:dyDescent="0.25">
      <c r="A8711" s="5">
        <v>43918.791666666664</v>
      </c>
      <c r="B8711" s="2">
        <v>16.282430000000002</v>
      </c>
      <c r="C8711">
        <v>0.23078499999999999</v>
      </c>
      <c r="D8711">
        <f t="shared" si="272"/>
        <v>2.3078499999999998E-4</v>
      </c>
      <c r="E8711" s="6">
        <f t="shared" si="273"/>
        <v>3.7577406075500002E-3</v>
      </c>
    </row>
    <row r="8712" spans="1:5" x14ac:dyDescent="0.25">
      <c r="A8712" s="5">
        <v>43918.833333333336</v>
      </c>
      <c r="B8712" s="2">
        <v>16.495705000000001</v>
      </c>
      <c r="C8712">
        <v>0</v>
      </c>
      <c r="D8712">
        <f t="shared" si="272"/>
        <v>0</v>
      </c>
      <c r="E8712" s="6">
        <f t="shared" si="273"/>
        <v>0</v>
      </c>
    </row>
    <row r="8713" spans="1:5" x14ac:dyDescent="0.25">
      <c r="A8713" s="5">
        <v>43918.875</v>
      </c>
      <c r="B8713" s="2">
        <v>14.345492</v>
      </c>
      <c r="C8713">
        <v>0</v>
      </c>
      <c r="D8713">
        <f t="shared" si="272"/>
        <v>0</v>
      </c>
      <c r="E8713" s="6">
        <f t="shared" si="273"/>
        <v>0</v>
      </c>
    </row>
    <row r="8714" spans="1:5" x14ac:dyDescent="0.25">
      <c r="A8714" s="5">
        <v>43918.916666666664</v>
      </c>
      <c r="B8714" s="2">
        <v>13.062723999999999</v>
      </c>
      <c r="C8714">
        <v>0</v>
      </c>
      <c r="D8714">
        <f t="shared" si="272"/>
        <v>0</v>
      </c>
      <c r="E8714" s="6">
        <f t="shared" si="273"/>
        <v>0</v>
      </c>
    </row>
    <row r="8715" spans="1:5" x14ac:dyDescent="0.25">
      <c r="A8715" s="5">
        <v>43918.958333333336</v>
      </c>
      <c r="B8715" s="2">
        <v>10.854730999999999</v>
      </c>
      <c r="C8715">
        <v>0</v>
      </c>
      <c r="D8715">
        <f t="shared" si="272"/>
        <v>0</v>
      </c>
      <c r="E8715" s="6">
        <f t="shared" si="273"/>
        <v>0</v>
      </c>
    </row>
    <row r="8716" spans="1:5" x14ac:dyDescent="0.25">
      <c r="A8716" s="5">
        <v>43919</v>
      </c>
      <c r="B8716" s="2">
        <v>10.443381</v>
      </c>
      <c r="C8716">
        <v>0</v>
      </c>
      <c r="D8716">
        <f t="shared" si="272"/>
        <v>0</v>
      </c>
      <c r="E8716" s="6">
        <f t="shared" si="273"/>
        <v>0</v>
      </c>
    </row>
    <row r="8717" spans="1:5" x14ac:dyDescent="0.25">
      <c r="A8717" s="5">
        <v>43919.041666666664</v>
      </c>
      <c r="B8717" s="2">
        <v>10.133858</v>
      </c>
      <c r="C8717">
        <v>0</v>
      </c>
      <c r="D8717">
        <f t="shared" si="272"/>
        <v>0</v>
      </c>
      <c r="E8717" s="6">
        <f t="shared" si="273"/>
        <v>0</v>
      </c>
    </row>
    <row r="8718" spans="1:5" x14ac:dyDescent="0.25">
      <c r="A8718" s="5">
        <v>43919.083333333336</v>
      </c>
      <c r="B8718" s="2">
        <v>9.3906709999999993</v>
      </c>
      <c r="C8718">
        <v>0</v>
      </c>
      <c r="D8718">
        <f t="shared" si="272"/>
        <v>0</v>
      </c>
      <c r="E8718" s="6">
        <f t="shared" si="273"/>
        <v>0</v>
      </c>
    </row>
    <row r="8719" spans="1:5" x14ac:dyDescent="0.25">
      <c r="A8719" s="5">
        <v>43919.125</v>
      </c>
      <c r="B8719" s="2">
        <v>9.1332360000000001</v>
      </c>
      <c r="C8719">
        <v>0</v>
      </c>
      <c r="D8719">
        <f t="shared" si="272"/>
        <v>0</v>
      </c>
      <c r="E8719" s="6">
        <f t="shared" si="273"/>
        <v>0</v>
      </c>
    </row>
    <row r="8720" spans="1:5" x14ac:dyDescent="0.25">
      <c r="A8720" s="5">
        <v>43919.166666666664</v>
      </c>
      <c r="B8720" s="2">
        <v>9.0715640000000004</v>
      </c>
      <c r="C8720">
        <v>0</v>
      </c>
      <c r="D8720">
        <f t="shared" si="272"/>
        <v>0</v>
      </c>
      <c r="E8720" s="6">
        <f t="shared" si="273"/>
        <v>0</v>
      </c>
    </row>
    <row r="8721" spans="1:5" x14ac:dyDescent="0.25">
      <c r="A8721" s="5">
        <v>43919.208333333336</v>
      </c>
      <c r="B8721" s="2">
        <v>8.9775109999999998</v>
      </c>
      <c r="C8721">
        <v>0</v>
      </c>
      <c r="D8721">
        <f t="shared" si="272"/>
        <v>0</v>
      </c>
      <c r="E8721" s="6">
        <f t="shared" si="273"/>
        <v>0</v>
      </c>
    </row>
    <row r="8722" spans="1:5" x14ac:dyDescent="0.25">
      <c r="A8722" s="5">
        <v>43919.25</v>
      </c>
      <c r="B8722" s="2">
        <v>9.4074930000000005</v>
      </c>
      <c r="C8722">
        <v>0</v>
      </c>
      <c r="D8722">
        <f t="shared" si="272"/>
        <v>0</v>
      </c>
      <c r="E8722" s="6">
        <f t="shared" si="273"/>
        <v>0</v>
      </c>
    </row>
    <row r="8723" spans="1:5" x14ac:dyDescent="0.25">
      <c r="A8723" s="5">
        <v>43919.291666666664</v>
      </c>
      <c r="B8723" s="2">
        <v>10.712603</v>
      </c>
      <c r="C8723">
        <v>0</v>
      </c>
      <c r="D8723">
        <f t="shared" si="272"/>
        <v>0</v>
      </c>
      <c r="E8723" s="6">
        <f t="shared" si="273"/>
        <v>0</v>
      </c>
    </row>
    <row r="8724" spans="1:5" x14ac:dyDescent="0.25">
      <c r="A8724" s="5">
        <v>43919.333333333336</v>
      </c>
      <c r="B8724" s="2">
        <v>12.451466999999999</v>
      </c>
      <c r="C8724">
        <v>0.67488099999999995</v>
      </c>
      <c r="D8724">
        <f t="shared" si="272"/>
        <v>6.7488100000000001E-4</v>
      </c>
      <c r="E8724" s="6">
        <f t="shared" si="273"/>
        <v>8.4032585004269987E-3</v>
      </c>
    </row>
    <row r="8725" spans="1:5" x14ac:dyDescent="0.25">
      <c r="A8725" s="5">
        <v>43919.375</v>
      </c>
      <c r="B8725" s="2">
        <v>13.574636</v>
      </c>
      <c r="C8725">
        <v>1.680385</v>
      </c>
      <c r="D8725">
        <f t="shared" si="272"/>
        <v>1.680385E-3</v>
      </c>
      <c r="E8725" s="6">
        <f t="shared" si="273"/>
        <v>2.2810614714860001E-2</v>
      </c>
    </row>
    <row r="8726" spans="1:5" x14ac:dyDescent="0.25">
      <c r="A8726" s="5">
        <v>43919.416666666664</v>
      </c>
      <c r="B8726" s="2">
        <v>14.290428</v>
      </c>
      <c r="C8726">
        <v>4.561299</v>
      </c>
      <c r="D8726">
        <f t="shared" si="272"/>
        <v>4.5612989999999996E-3</v>
      </c>
      <c r="E8726" s="6">
        <f t="shared" si="273"/>
        <v>6.518291494597199E-2</v>
      </c>
    </row>
    <row r="8727" spans="1:5" x14ac:dyDescent="0.25">
      <c r="A8727" s="5">
        <v>43919.458333333336</v>
      </c>
      <c r="B8727" s="2">
        <v>14.847769</v>
      </c>
      <c r="C8727">
        <v>7.1459549999999998</v>
      </c>
      <c r="D8727">
        <f t="shared" si="272"/>
        <v>7.1459549999999998E-3</v>
      </c>
      <c r="E8727" s="6">
        <f t="shared" si="273"/>
        <v>0.10610148912439499</v>
      </c>
    </row>
    <row r="8728" spans="1:5" x14ac:dyDescent="0.25">
      <c r="A8728" s="5">
        <v>43919.5</v>
      </c>
      <c r="B8728" s="2">
        <v>15.027863</v>
      </c>
      <c r="C8728">
        <v>7.8804920000000003</v>
      </c>
      <c r="D8728">
        <f t="shared" si="272"/>
        <v>7.8804920000000011E-3</v>
      </c>
      <c r="E8728" s="6">
        <f t="shared" si="273"/>
        <v>0.11842695414859601</v>
      </c>
    </row>
    <row r="8729" spans="1:5" x14ac:dyDescent="0.25">
      <c r="A8729" s="5">
        <v>43919.541666666664</v>
      </c>
      <c r="B8729" s="2">
        <v>14.477316999999999</v>
      </c>
      <c r="C8729">
        <v>8.1551809999999989</v>
      </c>
      <c r="D8729">
        <f t="shared" si="272"/>
        <v>8.1551809999999992E-3</v>
      </c>
      <c r="E8729" s="6">
        <f t="shared" si="273"/>
        <v>0.11806514052937699</v>
      </c>
    </row>
    <row r="8730" spans="1:5" x14ac:dyDescent="0.25">
      <c r="A8730" s="5">
        <v>43919.583333333336</v>
      </c>
      <c r="B8730" s="2">
        <v>13.913631000000001</v>
      </c>
      <c r="C8730">
        <v>7.8805690000000004</v>
      </c>
      <c r="D8730">
        <f t="shared" si="272"/>
        <v>7.8805690000000005E-3</v>
      </c>
      <c r="E8730" s="6">
        <f t="shared" si="273"/>
        <v>0.10964732913603902</v>
      </c>
    </row>
    <row r="8731" spans="1:5" x14ac:dyDescent="0.25">
      <c r="A8731" s="5">
        <v>43919.625</v>
      </c>
      <c r="B8731" s="2">
        <v>13.578797</v>
      </c>
      <c r="C8731">
        <v>7.1373419999999994</v>
      </c>
      <c r="D8731">
        <f t="shared" si="272"/>
        <v>7.1373419999999996E-3</v>
      </c>
      <c r="E8731" s="6">
        <f t="shared" si="273"/>
        <v>9.6916518137573987E-2</v>
      </c>
    </row>
    <row r="8732" spans="1:5" x14ac:dyDescent="0.25">
      <c r="A8732" s="5">
        <v>43919.666666666664</v>
      </c>
      <c r="B8732" s="2">
        <v>14.873002</v>
      </c>
      <c r="C8732">
        <v>5.9400709999999997</v>
      </c>
      <c r="D8732">
        <f t="shared" si="272"/>
        <v>5.9400709999999999E-3</v>
      </c>
      <c r="E8732" s="6">
        <f t="shared" si="273"/>
        <v>8.8346687863141996E-2</v>
      </c>
    </row>
    <row r="8733" spans="1:5" x14ac:dyDescent="0.25">
      <c r="A8733" s="5">
        <v>43919.708333333336</v>
      </c>
      <c r="B8733" s="2">
        <v>15.969161</v>
      </c>
      <c r="C8733">
        <v>4.1576180000000003</v>
      </c>
      <c r="D8733">
        <f t="shared" si="272"/>
        <v>4.1576180000000001E-3</v>
      </c>
      <c r="E8733" s="6">
        <f t="shared" si="273"/>
        <v>6.6393671218497999E-2</v>
      </c>
    </row>
    <row r="8734" spans="1:5" x14ac:dyDescent="0.25">
      <c r="A8734" s="5">
        <v>43919.75</v>
      </c>
      <c r="B8734" s="2">
        <v>16.491862000000001</v>
      </c>
      <c r="C8734">
        <v>1.967733</v>
      </c>
      <c r="D8734">
        <f t="shared" si="272"/>
        <v>1.9677330000000002E-3</v>
      </c>
      <c r="E8734" s="6">
        <f t="shared" si="273"/>
        <v>3.2451581088846007E-2</v>
      </c>
    </row>
    <row r="8735" spans="1:5" x14ac:dyDescent="0.25">
      <c r="A8735" s="5">
        <v>43919.791666666664</v>
      </c>
      <c r="B8735" s="2">
        <v>17.971596000000002</v>
      </c>
      <c r="C8735">
        <v>0.24263200000000001</v>
      </c>
      <c r="D8735">
        <f t="shared" si="272"/>
        <v>2.42632E-4</v>
      </c>
      <c r="E8735" s="6">
        <f t="shared" si="273"/>
        <v>4.3604842806720008E-3</v>
      </c>
    </row>
    <row r="8736" spans="1:5" x14ac:dyDescent="0.25">
      <c r="A8736" s="5">
        <v>43919.833333333336</v>
      </c>
      <c r="B8736" s="2">
        <v>18.367432999999998</v>
      </c>
      <c r="C8736">
        <v>0</v>
      </c>
      <c r="D8736">
        <f t="shared" si="272"/>
        <v>0</v>
      </c>
      <c r="E8736" s="6">
        <f t="shared" si="273"/>
        <v>0</v>
      </c>
    </row>
    <row r="8737" spans="1:5" x14ac:dyDescent="0.25">
      <c r="A8737" s="5">
        <v>43919.875</v>
      </c>
      <c r="B8737" s="2">
        <v>16.126721</v>
      </c>
      <c r="C8737">
        <v>0</v>
      </c>
      <c r="D8737">
        <f t="shared" si="272"/>
        <v>0</v>
      </c>
      <c r="E8737" s="6">
        <f t="shared" si="273"/>
        <v>0</v>
      </c>
    </row>
    <row r="8738" spans="1:5" x14ac:dyDescent="0.25">
      <c r="A8738" s="5">
        <v>43919.916666666664</v>
      </c>
      <c r="B8738" s="2">
        <v>12.945297</v>
      </c>
      <c r="C8738">
        <v>0</v>
      </c>
      <c r="D8738">
        <f t="shared" si="272"/>
        <v>0</v>
      </c>
      <c r="E8738" s="6">
        <f t="shared" si="273"/>
        <v>0</v>
      </c>
    </row>
    <row r="8739" spans="1:5" x14ac:dyDescent="0.25">
      <c r="A8739" s="5">
        <v>43919.958333333336</v>
      </c>
      <c r="B8739" s="2">
        <v>10.979181000000001</v>
      </c>
      <c r="C8739">
        <v>0</v>
      </c>
      <c r="D8739">
        <f t="shared" si="272"/>
        <v>0</v>
      </c>
      <c r="E8739" s="6">
        <f t="shared" si="273"/>
        <v>0</v>
      </c>
    </row>
    <row r="8740" spans="1:5" x14ac:dyDescent="0.25">
      <c r="A8740" s="5">
        <v>43920</v>
      </c>
      <c r="B8740" s="2">
        <v>10.204084999999999</v>
      </c>
      <c r="C8740">
        <v>0</v>
      </c>
      <c r="D8740">
        <f t="shared" si="272"/>
        <v>0</v>
      </c>
      <c r="E8740" s="6">
        <f t="shared" si="273"/>
        <v>0</v>
      </c>
    </row>
    <row r="8741" spans="1:5" x14ac:dyDescent="0.25">
      <c r="A8741" s="5">
        <v>43920.041666666664</v>
      </c>
      <c r="B8741" s="2">
        <v>9.7243960000000005</v>
      </c>
      <c r="C8741">
        <v>0</v>
      </c>
      <c r="D8741">
        <f t="shared" si="272"/>
        <v>0</v>
      </c>
      <c r="E8741" s="6">
        <f t="shared" si="273"/>
        <v>0</v>
      </c>
    </row>
    <row r="8742" spans="1:5" x14ac:dyDescent="0.25">
      <c r="A8742" s="5">
        <v>43920.083333333336</v>
      </c>
      <c r="B8742" s="2">
        <v>9.1923169999999992</v>
      </c>
      <c r="C8742">
        <v>0</v>
      </c>
      <c r="D8742">
        <f t="shared" si="272"/>
        <v>0</v>
      </c>
      <c r="E8742" s="6">
        <f t="shared" si="273"/>
        <v>0</v>
      </c>
    </row>
    <row r="8743" spans="1:5" x14ac:dyDescent="0.25">
      <c r="A8743" s="5">
        <v>43920.125</v>
      </c>
      <c r="B8743" s="2">
        <v>9.1591129999999996</v>
      </c>
      <c r="C8743">
        <v>0</v>
      </c>
      <c r="D8743">
        <f t="shared" si="272"/>
        <v>0</v>
      </c>
      <c r="E8743" s="6">
        <f t="shared" si="273"/>
        <v>0</v>
      </c>
    </row>
    <row r="8744" spans="1:5" x14ac:dyDescent="0.25">
      <c r="A8744" s="5">
        <v>43920.166666666664</v>
      </c>
      <c r="B8744" s="2">
        <v>9.9403670000000002</v>
      </c>
      <c r="C8744">
        <v>0</v>
      </c>
      <c r="D8744">
        <f t="shared" si="272"/>
        <v>0</v>
      </c>
      <c r="E8744" s="6">
        <f t="shared" si="273"/>
        <v>0</v>
      </c>
    </row>
    <row r="8745" spans="1:5" x14ac:dyDescent="0.25">
      <c r="A8745" s="5">
        <v>43920.208333333336</v>
      </c>
      <c r="B8745" s="2">
        <v>10.484705</v>
      </c>
      <c r="C8745">
        <v>0</v>
      </c>
      <c r="D8745">
        <f t="shared" si="272"/>
        <v>0</v>
      </c>
      <c r="E8745" s="6">
        <f t="shared" si="273"/>
        <v>0</v>
      </c>
    </row>
    <row r="8746" spans="1:5" x14ac:dyDescent="0.25">
      <c r="A8746" s="5">
        <v>43920.25</v>
      </c>
      <c r="B8746" s="2">
        <v>13.315659</v>
      </c>
      <c r="C8746">
        <v>0</v>
      </c>
      <c r="D8746">
        <f t="shared" si="272"/>
        <v>0</v>
      </c>
      <c r="E8746" s="6">
        <f t="shared" si="273"/>
        <v>0</v>
      </c>
    </row>
    <row r="8747" spans="1:5" x14ac:dyDescent="0.25">
      <c r="A8747" s="5">
        <v>43920.291666666664</v>
      </c>
      <c r="B8747" s="2">
        <v>15.828948</v>
      </c>
      <c r="C8747">
        <v>4.4683999999999995E-2</v>
      </c>
      <c r="D8747">
        <f t="shared" si="272"/>
        <v>4.4683999999999994E-5</v>
      </c>
      <c r="E8747" s="6">
        <f t="shared" si="273"/>
        <v>7.073007124319999E-4</v>
      </c>
    </row>
    <row r="8748" spans="1:5" x14ac:dyDescent="0.25">
      <c r="A8748" s="5">
        <v>43920.333333333336</v>
      </c>
      <c r="B8748" s="2">
        <v>16.946096000000001</v>
      </c>
      <c r="C8748">
        <v>1.503099</v>
      </c>
      <c r="D8748">
        <f t="shared" si="272"/>
        <v>1.5030989999999999E-3</v>
      </c>
      <c r="E8748" s="6">
        <f t="shared" si="273"/>
        <v>2.5471659951504001E-2</v>
      </c>
    </row>
    <row r="8749" spans="1:5" x14ac:dyDescent="0.25">
      <c r="A8749" s="5">
        <v>43920.375</v>
      </c>
      <c r="B8749" s="2">
        <v>16.339903</v>
      </c>
      <c r="C8749">
        <v>3.6851419999999999</v>
      </c>
      <c r="D8749">
        <f t="shared" si="272"/>
        <v>3.6851419999999998E-3</v>
      </c>
      <c r="E8749" s="6">
        <f t="shared" si="273"/>
        <v>6.0214862821225998E-2</v>
      </c>
    </row>
    <row r="8750" spans="1:5" x14ac:dyDescent="0.25">
      <c r="A8750" s="5">
        <v>43920.416666666664</v>
      </c>
      <c r="B8750" s="2">
        <v>17.652267999999999</v>
      </c>
      <c r="C8750">
        <v>5.4789409999999998</v>
      </c>
      <c r="D8750">
        <f t="shared" si="272"/>
        <v>5.4789410000000002E-3</v>
      </c>
      <c r="E8750" s="6">
        <f t="shared" si="273"/>
        <v>9.6715734888188007E-2</v>
      </c>
    </row>
    <row r="8751" spans="1:5" x14ac:dyDescent="0.25">
      <c r="A8751" s="5">
        <v>43920.458333333336</v>
      </c>
      <c r="B8751" s="2">
        <v>17.902125999999999</v>
      </c>
      <c r="C8751">
        <v>6.7319189999999995</v>
      </c>
      <c r="D8751">
        <f t="shared" si="272"/>
        <v>6.7319189999999994E-3</v>
      </c>
      <c r="E8751" s="6">
        <f t="shared" si="273"/>
        <v>0.12051566215979398</v>
      </c>
    </row>
    <row r="8752" spans="1:5" x14ac:dyDescent="0.25">
      <c r="A8752" s="5">
        <v>43920.5</v>
      </c>
      <c r="B8752" s="2">
        <v>18.117528</v>
      </c>
      <c r="C8752">
        <v>7.3973170000000001</v>
      </c>
      <c r="D8752">
        <f t="shared" si="272"/>
        <v>7.3973170000000005E-3</v>
      </c>
      <c r="E8752" s="6">
        <f t="shared" si="273"/>
        <v>0.13402109787237601</v>
      </c>
    </row>
    <row r="8753" spans="1:5" x14ac:dyDescent="0.25">
      <c r="A8753" s="5">
        <v>43920.541666666664</v>
      </c>
      <c r="B8753" s="2">
        <v>17.819972</v>
      </c>
      <c r="C8753">
        <v>7.580533</v>
      </c>
      <c r="D8753">
        <f t="shared" si="272"/>
        <v>7.5805329999999995E-3</v>
      </c>
      <c r="E8753" s="6">
        <f t="shared" si="273"/>
        <v>0.13508488580507599</v>
      </c>
    </row>
    <row r="8754" spans="1:5" x14ac:dyDescent="0.25">
      <c r="A8754" s="5">
        <v>43920.583333333336</v>
      </c>
      <c r="B8754" s="2">
        <v>17.315100000000001</v>
      </c>
      <c r="C8754">
        <v>7.3349770000000003</v>
      </c>
      <c r="D8754">
        <f t="shared" si="272"/>
        <v>7.3349770000000003E-3</v>
      </c>
      <c r="E8754" s="6">
        <f t="shared" si="273"/>
        <v>0.12700586025270003</v>
      </c>
    </row>
    <row r="8755" spans="1:5" x14ac:dyDescent="0.25">
      <c r="A8755" s="5">
        <v>43920.625</v>
      </c>
      <c r="B8755" s="2">
        <v>16.706192999999999</v>
      </c>
      <c r="C8755">
        <v>4.2269570000000005</v>
      </c>
      <c r="D8755">
        <f t="shared" si="272"/>
        <v>4.2269570000000008E-3</v>
      </c>
      <c r="E8755" s="6">
        <f t="shared" si="273"/>
        <v>7.0616359444701016E-2</v>
      </c>
    </row>
    <row r="8756" spans="1:5" x14ac:dyDescent="0.25">
      <c r="A8756" s="5">
        <v>43920.666666666664</v>
      </c>
      <c r="B8756" s="2">
        <v>16.887450999999999</v>
      </c>
      <c r="C8756">
        <v>4.3084049999999996</v>
      </c>
      <c r="D8756">
        <f t="shared" si="272"/>
        <v>4.3084049999999995E-3</v>
      </c>
      <c r="E8756" s="6">
        <f t="shared" si="273"/>
        <v>7.275797832565499E-2</v>
      </c>
    </row>
    <row r="8757" spans="1:5" x14ac:dyDescent="0.25">
      <c r="A8757" s="5">
        <v>43920.708333333336</v>
      </c>
      <c r="B8757" s="2">
        <v>17.406312</v>
      </c>
      <c r="C8757">
        <v>2.4978470000000002</v>
      </c>
      <c r="D8757">
        <f t="shared" si="272"/>
        <v>2.4978470000000001E-3</v>
      </c>
      <c r="E8757" s="6">
        <f t="shared" si="273"/>
        <v>4.3478304210264003E-2</v>
      </c>
    </row>
    <row r="8758" spans="1:5" x14ac:dyDescent="0.25">
      <c r="A8758" s="5">
        <v>43920.75</v>
      </c>
      <c r="B8758" s="2">
        <v>18.472484000000001</v>
      </c>
      <c r="C8758">
        <v>1.787161</v>
      </c>
      <c r="D8758">
        <f t="shared" si="272"/>
        <v>1.787161E-3</v>
      </c>
      <c r="E8758" s="6">
        <f t="shared" si="273"/>
        <v>3.3013302977924E-2</v>
      </c>
    </row>
    <row r="8759" spans="1:5" x14ac:dyDescent="0.25">
      <c r="A8759" s="5">
        <v>43920.791666666664</v>
      </c>
      <c r="B8759" s="2">
        <v>20.675260000000002</v>
      </c>
      <c r="C8759">
        <v>0.21549700000000002</v>
      </c>
      <c r="D8759">
        <f t="shared" si="272"/>
        <v>2.1549700000000001E-4</v>
      </c>
      <c r="E8759" s="6">
        <f t="shared" si="273"/>
        <v>4.4554565042200008E-3</v>
      </c>
    </row>
    <row r="8760" spans="1:5" x14ac:dyDescent="0.25">
      <c r="A8760" s="5">
        <v>43920.833333333336</v>
      </c>
      <c r="B8760" s="2">
        <v>21.507068</v>
      </c>
      <c r="C8760">
        <v>0</v>
      </c>
      <c r="D8760">
        <f t="shared" si="272"/>
        <v>0</v>
      </c>
      <c r="E8760" s="6">
        <f t="shared" si="273"/>
        <v>0</v>
      </c>
    </row>
    <row r="8761" spans="1:5" x14ac:dyDescent="0.25">
      <c r="A8761" s="5">
        <v>43920.875</v>
      </c>
      <c r="B8761" s="2">
        <v>20.077369999999998</v>
      </c>
      <c r="C8761">
        <v>0</v>
      </c>
      <c r="D8761">
        <f t="shared" si="272"/>
        <v>0</v>
      </c>
      <c r="E8761" s="6">
        <f t="shared" si="273"/>
        <v>0</v>
      </c>
    </row>
    <row r="8762" spans="1:5" x14ac:dyDescent="0.25">
      <c r="A8762" s="5">
        <v>43920.916666666664</v>
      </c>
      <c r="B8762" s="2">
        <v>16.717711000000001</v>
      </c>
      <c r="C8762">
        <v>0</v>
      </c>
      <c r="D8762">
        <f t="shared" si="272"/>
        <v>0</v>
      </c>
      <c r="E8762" s="6">
        <f t="shared" si="273"/>
        <v>0</v>
      </c>
    </row>
    <row r="8763" spans="1:5" x14ac:dyDescent="0.25">
      <c r="A8763" s="5">
        <v>43920.958333333336</v>
      </c>
      <c r="B8763" s="2">
        <v>13.859227000000001</v>
      </c>
      <c r="C8763">
        <v>0</v>
      </c>
      <c r="D8763">
        <f t="shared" si="272"/>
        <v>0</v>
      </c>
      <c r="E8763" s="6">
        <f t="shared" si="273"/>
        <v>0</v>
      </c>
    </row>
    <row r="8764" spans="1:5" x14ac:dyDescent="0.25">
      <c r="A8764" s="5">
        <v>43921</v>
      </c>
      <c r="B8764" s="2">
        <v>12.806179</v>
      </c>
      <c r="C8764">
        <v>0</v>
      </c>
      <c r="D8764">
        <f t="shared" si="272"/>
        <v>0</v>
      </c>
      <c r="E8764" s="6">
        <f t="shared" si="273"/>
        <v>0</v>
      </c>
    </row>
    <row r="8765" spans="1:5" x14ac:dyDescent="0.25">
      <c r="A8765" s="5">
        <v>43921.041666666664</v>
      </c>
      <c r="B8765" s="2">
        <v>12.539422999999999</v>
      </c>
      <c r="D8765">
        <f t="shared" si="272"/>
        <v>0</v>
      </c>
      <c r="E8765" s="6">
        <f t="shared" si="273"/>
        <v>0</v>
      </c>
    </row>
    <row r="8766" spans="1:5" x14ac:dyDescent="0.25">
      <c r="A8766" s="5">
        <v>43921.083333333336</v>
      </c>
      <c r="B8766" s="2">
        <v>12.065485000000001</v>
      </c>
      <c r="D8766">
        <f t="shared" si="272"/>
        <v>0</v>
      </c>
      <c r="E8766" s="6">
        <f t="shared" si="273"/>
        <v>0</v>
      </c>
    </row>
    <row r="8767" spans="1:5" x14ac:dyDescent="0.25">
      <c r="A8767" s="5">
        <v>43921.125</v>
      </c>
      <c r="B8767" s="2">
        <v>12.136749999999999</v>
      </c>
      <c r="D8767">
        <f t="shared" si="272"/>
        <v>0</v>
      </c>
      <c r="E8767" s="6">
        <f t="shared" si="273"/>
        <v>0</v>
      </c>
    </row>
    <row r="8768" spans="1:5" x14ac:dyDescent="0.25">
      <c r="A8768" s="5">
        <v>43921.166666666664</v>
      </c>
      <c r="B8768" s="2">
        <v>13.246865</v>
      </c>
      <c r="D8768">
        <f t="shared" si="272"/>
        <v>0</v>
      </c>
      <c r="E8768" s="6">
        <f t="shared" si="273"/>
        <v>0</v>
      </c>
    </row>
    <row r="8769" spans="1:5" x14ac:dyDescent="0.25">
      <c r="A8769" s="5">
        <v>43921.208333333336</v>
      </c>
      <c r="B8769" s="2">
        <v>16.165178000000001</v>
      </c>
      <c r="D8769">
        <f t="shared" si="272"/>
        <v>0</v>
      </c>
      <c r="E8769" s="6">
        <f t="shared" si="273"/>
        <v>0</v>
      </c>
    </row>
    <row r="8770" spans="1:5" x14ac:dyDescent="0.25">
      <c r="A8770" s="5">
        <v>43921.25</v>
      </c>
      <c r="B8770" s="2">
        <v>19.178629999999998</v>
      </c>
      <c r="D8770">
        <f t="shared" si="272"/>
        <v>0</v>
      </c>
      <c r="E8770" s="6">
        <f t="shared" si="273"/>
        <v>0</v>
      </c>
    </row>
    <row r="8771" spans="1:5" x14ac:dyDescent="0.25">
      <c r="A8771" s="5">
        <v>43921.291666666664</v>
      </c>
      <c r="B8771" s="2">
        <v>21.412766999999999</v>
      </c>
      <c r="D8771">
        <f t="shared" si="272"/>
        <v>0</v>
      </c>
      <c r="E8771" s="6">
        <f t="shared" si="273"/>
        <v>0</v>
      </c>
    </row>
    <row r="8772" spans="1:5" x14ac:dyDescent="0.25">
      <c r="A8772" s="5">
        <v>43921.333333333336</v>
      </c>
      <c r="B8772" s="2">
        <v>21.777919000000001</v>
      </c>
      <c r="D8772">
        <f t="shared" si="272"/>
        <v>0</v>
      </c>
      <c r="E8772" s="6">
        <f t="shared" si="273"/>
        <v>0</v>
      </c>
    </row>
    <row r="8773" spans="1:5" x14ac:dyDescent="0.25">
      <c r="A8773" s="5">
        <v>43921.375</v>
      </c>
      <c r="B8773" s="2">
        <v>22.213583</v>
      </c>
      <c r="D8773">
        <f t="shared" si="272"/>
        <v>0</v>
      </c>
      <c r="E8773" s="6">
        <f t="shared" si="273"/>
        <v>0</v>
      </c>
    </row>
    <row r="8774" spans="1:5" x14ac:dyDescent="0.25">
      <c r="A8774" s="5">
        <v>43921.416666666664</v>
      </c>
      <c r="B8774" s="2">
        <v>23.058772999999999</v>
      </c>
      <c r="D8774">
        <f t="shared" ref="D8774:D8788" si="274">C8774/1000</f>
        <v>0</v>
      </c>
      <c r="E8774" s="6">
        <f t="shared" ref="E8774:E8788" si="275">D8774*B8774</f>
        <v>0</v>
      </c>
    </row>
    <row r="8775" spans="1:5" x14ac:dyDescent="0.25">
      <c r="A8775" s="5">
        <v>43921.458333333336</v>
      </c>
      <c r="B8775" s="2">
        <v>23.70993</v>
      </c>
      <c r="D8775">
        <f t="shared" si="274"/>
        <v>0</v>
      </c>
      <c r="E8775" s="6">
        <f t="shared" si="275"/>
        <v>0</v>
      </c>
    </row>
    <row r="8776" spans="1:5" x14ac:dyDescent="0.25">
      <c r="A8776" s="5">
        <v>43921.5</v>
      </c>
      <c r="B8776" s="2">
        <v>23.321704</v>
      </c>
      <c r="D8776">
        <f t="shared" si="274"/>
        <v>0</v>
      </c>
      <c r="E8776" s="6">
        <f t="shared" si="275"/>
        <v>0</v>
      </c>
    </row>
    <row r="8777" spans="1:5" x14ac:dyDescent="0.25">
      <c r="A8777" s="5">
        <v>43921.541666666664</v>
      </c>
      <c r="B8777" s="2">
        <v>21.851413999999998</v>
      </c>
      <c r="D8777">
        <f t="shared" si="274"/>
        <v>0</v>
      </c>
      <c r="E8777" s="6">
        <f t="shared" si="275"/>
        <v>0</v>
      </c>
    </row>
    <row r="8778" spans="1:5" x14ac:dyDescent="0.25">
      <c r="A8778" s="5">
        <v>43921.583333333336</v>
      </c>
      <c r="B8778" s="2">
        <v>21.005680999999999</v>
      </c>
      <c r="D8778">
        <f t="shared" si="274"/>
        <v>0</v>
      </c>
      <c r="E8778" s="6">
        <f t="shared" si="275"/>
        <v>0</v>
      </c>
    </row>
    <row r="8779" spans="1:5" x14ac:dyDescent="0.25">
      <c r="A8779" s="5">
        <v>43921.625</v>
      </c>
      <c r="B8779" s="2">
        <v>20.338453999999999</v>
      </c>
      <c r="D8779">
        <f t="shared" si="274"/>
        <v>0</v>
      </c>
      <c r="E8779" s="6">
        <f t="shared" si="275"/>
        <v>0</v>
      </c>
    </row>
    <row r="8780" spans="1:5" x14ac:dyDescent="0.25">
      <c r="A8780" s="5">
        <v>43921.666666666664</v>
      </c>
      <c r="B8780" s="2">
        <v>20.626045000000001</v>
      </c>
      <c r="D8780">
        <f t="shared" si="274"/>
        <v>0</v>
      </c>
      <c r="E8780" s="6">
        <f t="shared" si="275"/>
        <v>0</v>
      </c>
    </row>
    <row r="8781" spans="1:5" x14ac:dyDescent="0.25">
      <c r="A8781" s="5">
        <v>43921.708333333336</v>
      </c>
      <c r="B8781" s="2">
        <v>20.852656</v>
      </c>
      <c r="D8781">
        <f t="shared" si="274"/>
        <v>0</v>
      </c>
      <c r="E8781" s="6">
        <f t="shared" si="275"/>
        <v>0</v>
      </c>
    </row>
    <row r="8782" spans="1:5" x14ac:dyDescent="0.25">
      <c r="A8782" s="5">
        <v>43921.75</v>
      </c>
      <c r="B8782" s="2">
        <v>20.772957999999999</v>
      </c>
      <c r="D8782">
        <f t="shared" si="274"/>
        <v>0</v>
      </c>
      <c r="E8782" s="6">
        <f t="shared" si="275"/>
        <v>0</v>
      </c>
    </row>
    <row r="8783" spans="1:5" x14ac:dyDescent="0.25">
      <c r="A8783" s="5">
        <v>43921.791666666664</v>
      </c>
      <c r="B8783" s="2">
        <v>22.989865999999999</v>
      </c>
      <c r="D8783">
        <f t="shared" si="274"/>
        <v>0</v>
      </c>
      <c r="E8783" s="6">
        <f t="shared" si="275"/>
        <v>0</v>
      </c>
    </row>
    <row r="8784" spans="1:5" x14ac:dyDescent="0.25">
      <c r="A8784" s="5">
        <v>43921.833333333336</v>
      </c>
      <c r="B8784" s="2">
        <v>23.039482</v>
      </c>
      <c r="D8784">
        <f t="shared" si="274"/>
        <v>0</v>
      </c>
      <c r="E8784" s="6">
        <f t="shared" si="275"/>
        <v>0</v>
      </c>
    </row>
    <row r="8785" spans="1:6" x14ac:dyDescent="0.25">
      <c r="A8785" s="5">
        <v>43921.875</v>
      </c>
      <c r="B8785" s="2">
        <v>20.323962000000002</v>
      </c>
      <c r="D8785">
        <f t="shared" si="274"/>
        <v>0</v>
      </c>
      <c r="E8785" s="6">
        <f t="shared" si="275"/>
        <v>0</v>
      </c>
    </row>
    <row r="8786" spans="1:6" x14ac:dyDescent="0.25">
      <c r="A8786" s="5">
        <v>43921.916666666664</v>
      </c>
      <c r="B8786" s="2">
        <v>19.645018</v>
      </c>
      <c r="D8786">
        <f t="shared" si="274"/>
        <v>0</v>
      </c>
      <c r="E8786" s="6">
        <f t="shared" si="275"/>
        <v>0</v>
      </c>
    </row>
    <row r="8787" spans="1:6" x14ac:dyDescent="0.25">
      <c r="A8787" s="5">
        <v>43921.958333333336</v>
      </c>
      <c r="B8787" s="2">
        <v>17.698573</v>
      </c>
      <c r="D8787">
        <f t="shared" si="274"/>
        <v>0</v>
      </c>
      <c r="E8787" s="6">
        <f t="shared" si="275"/>
        <v>0</v>
      </c>
    </row>
    <row r="8788" spans="1:6" x14ac:dyDescent="0.25">
      <c r="A8788" s="5">
        <v>43922</v>
      </c>
      <c r="B8788" s="2">
        <v>15.765896</v>
      </c>
      <c r="D8788">
        <f t="shared" si="274"/>
        <v>0</v>
      </c>
      <c r="E8788" s="6">
        <f t="shared" si="275"/>
        <v>0</v>
      </c>
    </row>
    <row r="8790" spans="1:6" x14ac:dyDescent="0.25">
      <c r="C8790" s="8">
        <f t="shared" ref="C8790:D8790" si="276">SUM(C5:C8788)</f>
        <v>13373.842553999979</v>
      </c>
      <c r="D8790" s="8">
        <f t="shared" si="276"/>
        <v>13.373842553999985</v>
      </c>
      <c r="E8790" s="7">
        <f>SUM(E5:E8788)</f>
        <v>392.71997729745544</v>
      </c>
      <c r="F8790">
        <f>E8790/D8790</f>
        <v>29.364782463361419</v>
      </c>
    </row>
  </sheetData>
  <sortState ref="A2:C43820">
    <sortCondition ref="A2"/>
  </sortState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sisl xmlns:xsi="http://www.w3.org/2001/XMLSchema-instance" xmlns:xsd="http://www.w3.org/2001/XMLSchema" xmlns="http://www.boldonjames.com/2008/01/sie/internal/label" sislVersion="0" policy="e9c0b8d7-bdb4-4fd3-b62a-f50327aaefce" origin="userSelected">
  <element uid="c5f8eb12-5b27-439d-aaa6-3402af626fa3" value=""/>
</sisl>
</file>

<file path=customXml/itemProps1.xml><?xml version="1.0" encoding="utf-8"?>
<ds:datastoreItem xmlns:ds="http://schemas.openxmlformats.org/officeDocument/2006/customXml" ds:itemID="{67758400-65D1-4008-A4D3-933C1D37F6E4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2</vt:i4>
      </vt:variant>
      <vt:variant>
        <vt:lpstr>Named Ranges</vt:lpstr>
      </vt:variant>
      <vt:variant>
        <vt:i4>1</vt:i4>
      </vt:variant>
    </vt:vector>
  </HeadingPairs>
  <TitlesOfParts>
    <vt:vector size="3" baseType="lpstr">
      <vt:lpstr>Summary</vt:lpstr>
      <vt:lpstr>Energy Value</vt:lpstr>
      <vt:lpstr>Summary!Print_Area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01694</dc:creator>
  <cp:keywords/>
  <cp:lastModifiedBy>s207409</cp:lastModifiedBy>
  <dcterms:created xsi:type="dcterms:W3CDTF">2020-09-24T17:35:20Z</dcterms:created>
  <dcterms:modified xsi:type="dcterms:W3CDTF">2020-11-09T18:29:12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943a1df7-f858-4afe-ac39-ef4b2ad7e9e2</vt:lpwstr>
  </property>
  <property fmtid="{D5CDD505-2E9C-101B-9397-08002B2CF9AE}" pid="3" name="bjSaver">
    <vt:lpwstr>N1DSBWDQZIeY/VRw0Xy3fwx0B1BRPR0Y</vt:lpwstr>
  </property>
  <property fmtid="{D5CDD505-2E9C-101B-9397-08002B2CF9AE}" pid="4" name="bjDocumentLabelXML">
    <vt:lpwstr>&lt;?xml version="1.0" encoding="us-ascii"?&gt;&lt;sisl xmlns:xsi="http://www.w3.org/2001/XMLSchema-instance" xmlns:xsd="http://www.w3.org/2001/XMLSchema" sislVersion="0" policy="e9c0b8d7-bdb4-4fd3-b62a-f50327aaefce" origin="userSelected" xmlns="http://www.boldonj</vt:lpwstr>
  </property>
  <property fmtid="{D5CDD505-2E9C-101B-9397-08002B2CF9AE}" pid="5" name="bjDocumentLabelXML-0">
    <vt:lpwstr>ames.com/2008/01/sie/internal/label"&gt;&lt;element uid="c5f8eb12-5b27-439d-aaa6-3402af626fa3" value="" /&gt;&lt;/sisl&gt;</vt:lpwstr>
  </property>
  <property fmtid="{D5CDD505-2E9C-101B-9397-08002B2CF9AE}" pid="6" name="bjDocumentSecurityLabel">
    <vt:lpwstr>AEP Public</vt:lpwstr>
  </property>
</Properties>
</file>